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2"/>
  <workbookPr codeName="ThisWorkbook" defaultThemeVersion="124226"/>
  <bookViews>
    <workbookView xWindow="9705" yWindow="-15" windowWidth="9510" windowHeight="11775"/>
  </bookViews>
  <sheets>
    <sheet name="幼稚園" sheetId="28" r:id="rId1"/>
    <sheet name="小學德育科" sheetId="26" r:id="rId2"/>
    <sheet name="小學電腦科" sheetId="24" r:id="rId3"/>
    <sheet name="小學體育科" sheetId="7" r:id="rId4"/>
    <sheet name="小學視藝科" sheetId="16" r:id="rId5"/>
    <sheet name="小學英文科" sheetId="25" r:id="rId6"/>
    <sheet name="小學中文科" sheetId="18" r:id="rId7"/>
    <sheet name="小學數學科" sheetId="23" r:id="rId8"/>
    <sheet name="小學常識科" sheetId="17" r:id="rId9"/>
    <sheet name="小學音樂科" sheetId="15" r:id="rId10"/>
    <sheet name="中學音樂科" sheetId="3" r:id="rId11"/>
    <sheet name="中學經濟科" sheetId="1" r:id="rId12"/>
    <sheet name="中學體育科" sheetId="2" r:id="rId13"/>
    <sheet name="中學視藝科" sheetId="4" r:id="rId14"/>
    <sheet name="中學其他科" sheetId="6" r:id="rId15"/>
    <sheet name="中學電腦科" sheetId="8" r:id="rId16"/>
    <sheet name="中學中文科" sheetId="9" r:id="rId17"/>
    <sheet name="中學英文科" sheetId="10" r:id="rId18"/>
    <sheet name="中學歷史科" sheetId="5" r:id="rId19"/>
    <sheet name="中學物理科" sheetId="11" r:id="rId20"/>
    <sheet name="中學生物科" sheetId="12" r:id="rId21"/>
    <sheet name="中學化學科" sheetId="13" r:id="rId22"/>
    <sheet name="中學科學科" sheetId="14" r:id="rId23"/>
    <sheet name="中學會計科" sheetId="20" r:id="rId24"/>
    <sheet name="中學地理科" sheetId="21" r:id="rId25"/>
    <sheet name="中學數學科" sheetId="22" r:id="rId26"/>
    <sheet name="中學社會與人文" sheetId="27" r:id="rId27"/>
    <sheet name="學生資料(不要打開)" sheetId="29" state="hidden" r:id="rId28"/>
    <sheet name="工作表2" sheetId="30" state="hidden" r:id="rId29"/>
  </sheets>
  <externalReferences>
    <externalReference r:id="rId30"/>
  </externalReferences>
  <definedNames>
    <definedName name="_xlnm._FilterDatabase" localSheetId="9" hidden="1">小學音樂科!$A$2:$I$2</definedName>
    <definedName name="_xlnm._FilterDatabase" localSheetId="4" hidden="1">小學視藝科!$A$2:$I$21</definedName>
    <definedName name="_xlnm._FilterDatabase" localSheetId="2" hidden="1">小學電腦科!$A$2:$I$11</definedName>
    <definedName name="_xlnm._FilterDatabase" localSheetId="3" hidden="1">小學體育科!$A$2:$I$19</definedName>
    <definedName name="_xlnm._FilterDatabase" localSheetId="28" hidden="1">工作表2!$A$1:$C$1015</definedName>
    <definedName name="_xlnm._FilterDatabase" localSheetId="16" hidden="1">中學中文科!$A$2:$I$42</definedName>
    <definedName name="_xlnm._FilterDatabase" localSheetId="21" hidden="1">中學化學科!$B$2:$H$2</definedName>
    <definedName name="_xlnm._FilterDatabase" localSheetId="20" hidden="1">中學生物科!$B$2:$H$47</definedName>
    <definedName name="_xlnm._FilterDatabase" localSheetId="24" hidden="1">中學地理科!$B$2:$H$28</definedName>
    <definedName name="_xlnm._FilterDatabase" localSheetId="14" hidden="1">中學其他科!$A$2:$I$49</definedName>
    <definedName name="_xlnm._FilterDatabase" localSheetId="19" hidden="1">中學物理科!$B$2:$H$131</definedName>
    <definedName name="_xlnm._FilterDatabase" localSheetId="22" hidden="1">中學科學科!$B$2:$H$6</definedName>
    <definedName name="_xlnm._FilterDatabase" localSheetId="17" hidden="1">中學英文科!$A$2:$I$11</definedName>
    <definedName name="_xlnm._FilterDatabase" localSheetId="13" hidden="1">中學視藝科!$B$2:$H$58</definedName>
    <definedName name="_xlnm._FilterDatabase" localSheetId="15" hidden="1">中學電腦科!$A$2:$I$51</definedName>
    <definedName name="_xlnm._FilterDatabase" localSheetId="25" hidden="1">中學數學科!$B$2:$H$34</definedName>
    <definedName name="_xlnm._FilterDatabase" localSheetId="18" hidden="1">中學歷史科!$A$2:$I$10</definedName>
    <definedName name="_xlnm._FilterDatabase" localSheetId="12" hidden="1">中學體育科!$A$2:$I$64</definedName>
  </definedNames>
  <calcPr calcId="145621"/>
</workbook>
</file>

<file path=xl/calcChain.xml><?xml version="1.0" encoding="utf-8"?>
<calcChain xmlns="http://schemas.openxmlformats.org/spreadsheetml/2006/main">
  <c r="J13" i="30" l="1"/>
  <c r="J14" i="30"/>
  <c r="J15" i="30"/>
  <c r="J16" i="30"/>
  <c r="J17" i="30"/>
  <c r="J18" i="30"/>
  <c r="J12" i="30"/>
  <c r="J3" i="30"/>
  <c r="J4" i="30"/>
  <c r="J5" i="30"/>
  <c r="J6" i="30"/>
  <c r="J7" i="30"/>
  <c r="J8" i="30"/>
  <c r="J9" i="30"/>
  <c r="J2" i="30"/>
  <c r="G8" i="22"/>
  <c r="G9" i="22"/>
  <c r="G10" i="22"/>
  <c r="G11" i="22"/>
  <c r="G12" i="22"/>
  <c r="G13" i="22"/>
  <c r="G14" i="22"/>
  <c r="G15" i="22"/>
  <c r="G16" i="22"/>
  <c r="G17" i="22"/>
  <c r="G18" i="22"/>
  <c r="G19" i="22"/>
  <c r="G20" i="22"/>
  <c r="G21" i="22"/>
  <c r="G22" i="22"/>
  <c r="G23" i="22"/>
  <c r="G24" i="22"/>
  <c r="G25" i="22"/>
  <c r="G26" i="22"/>
  <c r="G27" i="22"/>
  <c r="G28" i="22"/>
  <c r="G29" i="22"/>
  <c r="G30" i="22"/>
  <c r="G31" i="22"/>
  <c r="G32" i="22"/>
  <c r="G33" i="22"/>
  <c r="G34" i="22"/>
  <c r="G35" i="22"/>
  <c r="G36" i="22"/>
  <c r="G8" i="21"/>
  <c r="G9" i="21"/>
  <c r="G10" i="21"/>
  <c r="G11" i="21"/>
  <c r="G12" i="21"/>
  <c r="G13" i="21"/>
  <c r="G14" i="21"/>
  <c r="G15" i="21"/>
  <c r="G16" i="21"/>
  <c r="G17" i="21"/>
  <c r="G18" i="21"/>
  <c r="G19" i="21"/>
  <c r="G20" i="21"/>
  <c r="G21" i="21"/>
  <c r="G22" i="21"/>
  <c r="G23" i="21"/>
  <c r="G24" i="21"/>
  <c r="G25" i="21"/>
  <c r="G26" i="21"/>
  <c r="G27" i="21"/>
  <c r="G28" i="21"/>
  <c r="G8" i="20"/>
  <c r="G9" i="20"/>
  <c r="G10" i="20"/>
  <c r="G11" i="20"/>
  <c r="G12" i="20"/>
  <c r="G13" i="20"/>
  <c r="G14" i="20"/>
  <c r="G15" i="20"/>
  <c r="G16" i="20"/>
  <c r="G17" i="20"/>
  <c r="G18" i="20"/>
  <c r="G19" i="20"/>
  <c r="G8" i="12"/>
  <c r="G9" i="12"/>
  <c r="G10" i="12"/>
  <c r="G11" i="12"/>
  <c r="G12" i="12"/>
  <c r="G13" i="12"/>
  <c r="G14" i="12"/>
  <c r="G15" i="12"/>
  <c r="G16" i="12"/>
  <c r="G17" i="12"/>
  <c r="G18" i="12"/>
  <c r="G19" i="12"/>
  <c r="G20" i="12"/>
  <c r="G21" i="12"/>
  <c r="G22" i="12"/>
  <c r="G23" i="12"/>
  <c r="G24" i="12"/>
  <c r="G25" i="12"/>
  <c r="G26" i="12"/>
  <c r="G27" i="12"/>
  <c r="G28" i="12"/>
  <c r="G29" i="12"/>
  <c r="G30" i="12"/>
  <c r="G31" i="12"/>
  <c r="G32" i="12"/>
  <c r="G33" i="12"/>
  <c r="G34" i="12"/>
  <c r="G8" i="11"/>
  <c r="G9" i="11"/>
  <c r="G10" i="11"/>
  <c r="G11" i="11"/>
  <c r="G12" i="11"/>
  <c r="G13" i="11"/>
  <c r="G14" i="11"/>
  <c r="G15" i="11"/>
  <c r="G16" i="11"/>
  <c r="G17" i="11"/>
  <c r="G18" i="11"/>
  <c r="G19" i="11"/>
  <c r="G20" i="11"/>
  <c r="G21" i="11"/>
  <c r="G22" i="11"/>
  <c r="G23" i="11"/>
  <c r="G24" i="11"/>
  <c r="G25" i="11"/>
  <c r="G26" i="11"/>
  <c r="G27" i="11"/>
  <c r="G28" i="11"/>
  <c r="G29" i="11"/>
  <c r="G30" i="11"/>
  <c r="G31" i="11"/>
  <c r="G32" i="11"/>
  <c r="G33" i="11"/>
  <c r="G34" i="11"/>
  <c r="G35" i="11"/>
  <c r="G36" i="11"/>
  <c r="G37" i="11"/>
  <c r="G38" i="11"/>
  <c r="G39" i="11"/>
  <c r="G40" i="11"/>
  <c r="G41" i="11"/>
  <c r="G42" i="11"/>
  <c r="G43" i="11"/>
  <c r="G44" i="11"/>
  <c r="G45" i="11"/>
  <c r="G46" i="11"/>
  <c r="G47" i="11"/>
  <c r="G48" i="11"/>
  <c r="G49" i="11"/>
  <c r="G50" i="11"/>
  <c r="G51" i="11"/>
  <c r="G52" i="11"/>
  <c r="G53" i="11"/>
  <c r="G54" i="11"/>
  <c r="G55" i="11"/>
  <c r="G56" i="11"/>
  <c r="G57" i="11"/>
  <c r="G58" i="11"/>
  <c r="G59" i="11"/>
  <c r="G60" i="11"/>
  <c r="G61" i="11"/>
  <c r="G62" i="11"/>
  <c r="G63" i="11"/>
  <c r="G64" i="11"/>
  <c r="G65" i="11"/>
  <c r="G66" i="11"/>
  <c r="G67" i="11"/>
  <c r="G68" i="11"/>
  <c r="G69" i="11"/>
  <c r="G70" i="11"/>
  <c r="G71" i="11"/>
  <c r="G8" i="5"/>
  <c r="G9" i="5"/>
  <c r="G10" i="5"/>
  <c r="G10" i="10"/>
  <c r="G7" i="10"/>
  <c r="G6" i="10"/>
  <c r="G8" i="9"/>
  <c r="G9" i="9"/>
  <c r="G10" i="9"/>
  <c r="G11" i="9"/>
  <c r="G12" i="9"/>
  <c r="G13" i="9"/>
  <c r="G14" i="9"/>
  <c r="G15" i="9"/>
  <c r="G16" i="9"/>
  <c r="G17" i="9"/>
  <c r="G18" i="9"/>
  <c r="G19" i="9"/>
  <c r="G20" i="9"/>
  <c r="G21" i="9"/>
  <c r="G22" i="9"/>
  <c r="G23" i="9"/>
  <c r="G24" i="9"/>
  <c r="G25" i="9"/>
  <c r="G26" i="9"/>
  <c r="G27" i="9"/>
  <c r="G28" i="9"/>
  <c r="G29" i="9"/>
  <c r="G30" i="9"/>
  <c r="G31" i="9"/>
  <c r="G32" i="9"/>
  <c r="G33" i="9"/>
  <c r="G34" i="9"/>
  <c r="G35" i="9"/>
  <c r="G36" i="9"/>
  <c r="G37" i="9"/>
  <c r="G38" i="9"/>
  <c r="G39" i="9"/>
  <c r="G40" i="9"/>
  <c r="G41" i="9"/>
  <c r="G42" i="9"/>
  <c r="G8" i="8"/>
  <c r="G9" i="8"/>
  <c r="G10" i="8"/>
  <c r="G11" i="8"/>
  <c r="G12" i="8"/>
  <c r="G13" i="8"/>
  <c r="G14" i="8"/>
  <c r="G15" i="8"/>
  <c r="G16" i="8"/>
  <c r="G17" i="8"/>
  <c r="G18" i="8"/>
  <c r="G19" i="8"/>
  <c r="G20" i="8"/>
  <c r="G21" i="8"/>
  <c r="G22" i="8"/>
  <c r="G23" i="8"/>
  <c r="G24" i="8"/>
  <c r="G25" i="8"/>
  <c r="G26" i="8"/>
  <c r="G27" i="8"/>
  <c r="G28" i="8"/>
  <c r="G29" i="8"/>
  <c r="G30" i="8"/>
  <c r="G31" i="8"/>
  <c r="G32" i="8"/>
  <c r="G33" i="8"/>
  <c r="G34" i="8"/>
  <c r="G35" i="8"/>
  <c r="G36" i="8"/>
  <c r="G37" i="8"/>
  <c r="G38" i="8"/>
  <c r="G39" i="8"/>
  <c r="G40" i="8"/>
  <c r="G41" i="8"/>
  <c r="G42" i="8"/>
  <c r="G43" i="8"/>
  <c r="G44" i="8"/>
  <c r="G45" i="8"/>
  <c r="G46" i="8"/>
  <c r="G47" i="8"/>
  <c r="G48" i="8"/>
  <c r="G49" i="8"/>
  <c r="G50" i="8"/>
  <c r="G51" i="8"/>
  <c r="G8" i="6"/>
  <c r="G9" i="6"/>
  <c r="G10" i="6"/>
  <c r="G11" i="6"/>
  <c r="G12" i="6"/>
  <c r="G13" i="6"/>
  <c r="G14" i="6"/>
  <c r="G15" i="6"/>
  <c r="G16" i="6"/>
  <c r="G17" i="6"/>
  <c r="G18" i="6"/>
  <c r="G19" i="6"/>
  <c r="G20" i="6"/>
  <c r="G21" i="6"/>
  <c r="G22" i="6"/>
  <c r="G23" i="6"/>
  <c r="G24" i="6"/>
  <c r="G25" i="6"/>
  <c r="G26" i="6"/>
  <c r="G27" i="6"/>
  <c r="G28" i="6"/>
  <c r="G29" i="6"/>
  <c r="G30" i="6"/>
  <c r="G31" i="6"/>
  <c r="G32" i="6"/>
  <c r="G33" i="6"/>
  <c r="G34" i="6"/>
  <c r="G35" i="6"/>
  <c r="G36" i="6"/>
  <c r="G37" i="6"/>
  <c r="G38" i="6"/>
  <c r="G39" i="6"/>
  <c r="G40" i="6"/>
  <c r="G41" i="6"/>
  <c r="G42" i="6"/>
  <c r="G43" i="6"/>
  <c r="G44" i="6"/>
  <c r="G45" i="6"/>
  <c r="G46" i="6"/>
  <c r="G47" i="6"/>
  <c r="G48" i="6"/>
  <c r="G49" i="6"/>
  <c r="G4" i="4"/>
  <c r="G5" i="4"/>
  <c r="G6" i="4"/>
  <c r="G7" i="4"/>
  <c r="G8" i="4"/>
  <c r="G9" i="4"/>
  <c r="G10" i="4"/>
  <c r="G11" i="4"/>
  <c r="G12" i="4"/>
  <c r="G13" i="4"/>
  <c r="G14" i="4"/>
  <c r="G15" i="4"/>
  <c r="G16" i="4"/>
  <c r="G17" i="4"/>
  <c r="G18" i="4"/>
  <c r="G19" i="4"/>
  <c r="G20" i="4"/>
  <c r="G21" i="4"/>
  <c r="G22" i="4"/>
  <c r="G23" i="4"/>
  <c r="G24" i="4"/>
  <c r="G25" i="4"/>
  <c r="G4" i="2"/>
  <c r="G5" i="2"/>
  <c r="G6" i="2"/>
  <c r="G7" i="2"/>
  <c r="G8" i="2"/>
  <c r="G9" i="2"/>
  <c r="G10" i="2"/>
  <c r="G11" i="2"/>
  <c r="G12" i="2"/>
  <c r="G13" i="2"/>
  <c r="G14" i="2"/>
  <c r="G15" i="2"/>
  <c r="G16" i="2"/>
  <c r="G17" i="2"/>
  <c r="G18" i="2"/>
  <c r="G19" i="2"/>
  <c r="G20" i="2"/>
  <c r="G21" i="2"/>
  <c r="G22" i="2"/>
  <c r="G23" i="2"/>
  <c r="G24" i="2"/>
  <c r="G25" i="2"/>
  <c r="G26" i="2"/>
  <c r="G27" i="2"/>
  <c r="G28" i="2"/>
  <c r="G29" i="2"/>
  <c r="G30" i="2"/>
  <c r="G31" i="2"/>
  <c r="G32" i="2"/>
  <c r="G33" i="2"/>
  <c r="G34" i="2"/>
  <c r="G35" i="2"/>
  <c r="G36" i="2"/>
  <c r="G37" i="2"/>
  <c r="G38" i="2"/>
  <c r="G39" i="2"/>
  <c r="G40" i="2"/>
  <c r="G41" i="2"/>
  <c r="G42" i="2"/>
  <c r="G43" i="2"/>
  <c r="G44" i="2"/>
  <c r="G45" i="2"/>
  <c r="G46" i="2"/>
  <c r="G47" i="2"/>
  <c r="G48" i="2"/>
  <c r="G49" i="2"/>
  <c r="G50" i="2"/>
  <c r="G51" i="2"/>
  <c r="G52" i="2"/>
  <c r="G53" i="2"/>
  <c r="G54" i="2"/>
  <c r="G55" i="2"/>
  <c r="G56" i="2"/>
  <c r="G57" i="2"/>
  <c r="G58" i="2"/>
  <c r="G59" i="2"/>
  <c r="G60" i="2"/>
  <c r="G61" i="2"/>
  <c r="G62" i="2"/>
  <c r="G63" i="2"/>
  <c r="G64" i="2"/>
  <c r="G65" i="2"/>
  <c r="G66" i="2"/>
  <c r="G67" i="2"/>
  <c r="G68" i="2"/>
  <c r="G69" i="2"/>
  <c r="G4" i="3"/>
  <c r="G5" i="3"/>
  <c r="G6" i="3"/>
  <c r="G7" i="3"/>
  <c r="G8" i="3"/>
  <c r="G9" i="3"/>
  <c r="G10" i="3"/>
  <c r="G11" i="3"/>
  <c r="G12" i="3"/>
  <c r="G13" i="3"/>
  <c r="G14" i="3"/>
  <c r="G15" i="3"/>
  <c r="G16" i="3"/>
  <c r="G17" i="3"/>
  <c r="G18" i="3"/>
  <c r="G19" i="3"/>
  <c r="G4" i="15"/>
  <c r="G5" i="15"/>
  <c r="G6" i="15"/>
  <c r="G7" i="15"/>
  <c r="G8" i="15"/>
  <c r="G9" i="15"/>
  <c r="G10" i="15"/>
  <c r="G11" i="15"/>
  <c r="G12" i="15"/>
  <c r="G13" i="15"/>
  <c r="G14" i="15"/>
  <c r="G15" i="15"/>
  <c r="G16" i="15"/>
  <c r="G17" i="15"/>
  <c r="G18" i="15"/>
  <c r="G19" i="15"/>
  <c r="G20" i="15"/>
  <c r="G21" i="15"/>
  <c r="G22" i="15"/>
  <c r="G23" i="15"/>
  <c r="G24" i="15"/>
  <c r="G25" i="15"/>
  <c r="G26" i="15"/>
  <c r="G27" i="15"/>
  <c r="G28" i="15"/>
  <c r="G29" i="15"/>
  <c r="G30" i="15"/>
  <c r="G31" i="15"/>
  <c r="G32" i="15"/>
  <c r="G33" i="15"/>
  <c r="G34" i="15"/>
  <c r="G35" i="15"/>
  <c r="G36" i="15"/>
  <c r="G37" i="15"/>
  <c r="G38" i="15"/>
  <c r="G39" i="15"/>
  <c r="G40" i="15"/>
  <c r="G41" i="15"/>
  <c r="G42" i="15"/>
  <c r="G43" i="15"/>
  <c r="G44" i="15"/>
  <c r="G45" i="15"/>
  <c r="G46" i="15"/>
  <c r="G47" i="15"/>
  <c r="G48" i="15"/>
  <c r="G4" i="23"/>
  <c r="G4" i="6"/>
  <c r="G5" i="6"/>
  <c r="G6" i="6"/>
  <c r="G7" i="6"/>
  <c r="G4" i="8"/>
  <c r="G5" i="8"/>
  <c r="G6" i="8"/>
  <c r="G7" i="8"/>
  <c r="G4" i="9"/>
  <c r="G5" i="9"/>
  <c r="G6" i="9"/>
  <c r="G7" i="9"/>
  <c r="G4" i="5"/>
  <c r="G5" i="5"/>
  <c r="G6" i="5"/>
  <c r="G7" i="5"/>
  <c r="G4" i="11"/>
  <c r="G5" i="11"/>
  <c r="G6" i="11"/>
  <c r="G7" i="11"/>
  <c r="G4" i="12"/>
  <c r="G5" i="12"/>
  <c r="G6" i="12"/>
  <c r="G7" i="12"/>
  <c r="G4" i="13"/>
  <c r="G5" i="13"/>
  <c r="G6" i="13"/>
  <c r="G4" i="14"/>
  <c r="G5" i="14"/>
  <c r="G6" i="14"/>
  <c r="G4" i="20"/>
  <c r="G5" i="20"/>
  <c r="G6" i="20"/>
  <c r="G7" i="20"/>
  <c r="G4" i="21"/>
  <c r="G5" i="21"/>
  <c r="G6" i="21"/>
  <c r="G7" i="21"/>
  <c r="G4" i="22"/>
  <c r="G5" i="22"/>
  <c r="G6" i="22"/>
  <c r="G7" i="22"/>
  <c r="G4" i="27"/>
  <c r="G5" i="27"/>
  <c r="G6" i="27"/>
  <c r="G4" i="18"/>
  <c r="G5" i="18"/>
  <c r="G6" i="18"/>
  <c r="G7" i="18"/>
  <c r="G3" i="23"/>
  <c r="G3" i="15"/>
  <c r="G3" i="3"/>
  <c r="G3" i="2"/>
  <c r="G3" i="4"/>
  <c r="G3" i="6"/>
  <c r="G3" i="8"/>
  <c r="G3" i="9"/>
  <c r="G3" i="10"/>
  <c r="G3" i="5"/>
  <c r="G3" i="11"/>
  <c r="G3" i="12"/>
  <c r="G3" i="13"/>
  <c r="G3" i="14"/>
  <c r="G3" i="20"/>
  <c r="G3" i="21"/>
  <c r="G3" i="22"/>
  <c r="G3" i="27"/>
  <c r="G3" i="18"/>
  <c r="G4" i="25"/>
  <c r="G5" i="25"/>
  <c r="G3" i="25"/>
  <c r="G16" i="16"/>
  <c r="G15" i="16"/>
  <c r="G19" i="7"/>
  <c r="G25" i="7"/>
  <c r="G28" i="7"/>
  <c r="G21" i="7"/>
  <c r="G22" i="7"/>
  <c r="G23" i="7"/>
  <c r="G26" i="7"/>
  <c r="G24" i="7"/>
  <c r="G27" i="7"/>
  <c r="G30" i="7"/>
  <c r="G18" i="7"/>
  <c r="G29" i="7"/>
  <c r="G31" i="7"/>
  <c r="G32" i="7"/>
  <c r="G33" i="7"/>
  <c r="G17" i="7"/>
  <c r="G20" i="7"/>
  <c r="G4" i="24"/>
  <c r="G5" i="24"/>
  <c r="G6" i="24"/>
  <c r="G7" i="24"/>
  <c r="G8" i="24"/>
  <c r="G9" i="24"/>
  <c r="G10" i="24"/>
  <c r="G11" i="24"/>
  <c r="G12" i="24"/>
  <c r="G13" i="24"/>
  <c r="G14" i="24"/>
  <c r="G15" i="24"/>
  <c r="G3" i="24"/>
  <c r="G4" i="26"/>
  <c r="G3" i="26"/>
</calcChain>
</file>

<file path=xl/sharedStrings.xml><?xml version="1.0" encoding="utf-8"?>
<sst xmlns="http://schemas.openxmlformats.org/spreadsheetml/2006/main" count="25482" uniqueCount="9814">
  <si>
    <t>比賽項目</t>
  </si>
  <si>
    <t>參賽組別</t>
  </si>
  <si>
    <t>成績</t>
  </si>
  <si>
    <t>獲獎學生</t>
  </si>
  <si>
    <t>班級</t>
  </si>
  <si>
    <t>指導老師</t>
  </si>
  <si>
    <t>主辦單位</t>
  </si>
  <si>
    <t>經濟科</t>
    <phoneticPr fontId="3" type="noConversion"/>
  </si>
  <si>
    <t>體育科</t>
  </si>
  <si>
    <t>音樂科</t>
  </si>
  <si>
    <t>視覺藝術科</t>
  </si>
  <si>
    <t>歷史科</t>
    <phoneticPr fontId="3" type="noConversion"/>
  </si>
  <si>
    <t>其他科</t>
    <phoneticPr fontId="3" type="noConversion"/>
  </si>
  <si>
    <t>中文科</t>
    <phoneticPr fontId="3" type="noConversion"/>
  </si>
  <si>
    <t>英文科</t>
    <phoneticPr fontId="3" type="noConversion"/>
  </si>
  <si>
    <t>化學科</t>
    <phoneticPr fontId="3" type="noConversion"/>
  </si>
  <si>
    <t>常識科</t>
    <phoneticPr fontId="3" type="noConversion"/>
  </si>
  <si>
    <t>電腦科</t>
  </si>
  <si>
    <t>會計科</t>
  </si>
  <si>
    <t>地理科</t>
  </si>
  <si>
    <t>數學科</t>
  </si>
  <si>
    <t>物理科</t>
  </si>
  <si>
    <t>生物科</t>
  </si>
  <si>
    <t>英文科</t>
  </si>
  <si>
    <t>2021第39屆澳門青年音樂比賽</t>
    <phoneticPr fontId="3" type="noConversion"/>
  </si>
  <si>
    <t>鋼琴-獨奏中級A組</t>
    <phoneticPr fontId="3" type="noConversion"/>
  </si>
  <si>
    <t>第一名</t>
    <phoneticPr fontId="3" type="noConversion"/>
  </si>
  <si>
    <t>冼穎柔</t>
    <phoneticPr fontId="3" type="noConversion"/>
  </si>
  <si>
    <t>P5A</t>
    <phoneticPr fontId="3" type="noConversion"/>
  </si>
  <si>
    <t>/</t>
    <phoneticPr fontId="3" type="noConversion"/>
  </si>
  <si>
    <t>香港學界音樂大賽2021</t>
    <phoneticPr fontId="3" type="noConversion"/>
  </si>
  <si>
    <t>銀獎</t>
    <phoneticPr fontId="3" type="noConversion"/>
  </si>
  <si>
    <t>ABRSM鋼琴考級組(五級組)</t>
    <phoneticPr fontId="3" type="noConversion"/>
  </si>
  <si>
    <t>鋼琴-小學中級組</t>
    <phoneticPr fontId="3" type="noConversion"/>
  </si>
  <si>
    <t>第04組-兒童D組</t>
    <phoneticPr fontId="3" type="noConversion"/>
  </si>
  <si>
    <t>一等獎</t>
    <phoneticPr fontId="3" type="noConversion"/>
  </si>
  <si>
    <t>EIMOC台灣卓越盃國際音槳公開賽
2021澳門區選拔賽</t>
    <phoneticPr fontId="3" type="noConversion"/>
  </si>
  <si>
    <t>亞軍</t>
    <phoneticPr fontId="3" type="noConversion"/>
  </si>
  <si>
    <t>黃梓淳</t>
    <phoneticPr fontId="3" type="noConversion"/>
  </si>
  <si>
    <t>P4F</t>
    <phoneticPr fontId="3" type="noConversion"/>
  </si>
  <si>
    <t>第一屆亞洲青年鋼琴錦標賽</t>
    <phoneticPr fontId="3" type="noConversion"/>
  </si>
  <si>
    <t>IYMMC維也納國際青年音樂家音樂大賽
2021澳門賽區初賽</t>
    <phoneticPr fontId="3" type="noConversion"/>
  </si>
  <si>
    <t>冠軍</t>
    <phoneticPr fontId="3" type="noConversion"/>
  </si>
  <si>
    <t>鋼琴獨奏-兒童組</t>
    <phoneticPr fontId="3" type="noConversion"/>
  </si>
  <si>
    <t>IYMMC維也納國際青年音樂家音樂大賽
2021澳門賽區總決賽</t>
    <phoneticPr fontId="3" type="noConversion"/>
  </si>
  <si>
    <t>季軍</t>
    <phoneticPr fontId="3" type="noConversion"/>
  </si>
  <si>
    <t>亞軍</t>
    <phoneticPr fontId="3" type="noConversion"/>
  </si>
  <si>
    <t>女子重劍</t>
    <phoneticPr fontId="3" type="noConversion"/>
  </si>
  <si>
    <t>彭鎧澄</t>
    <phoneticPr fontId="3" type="noConversion"/>
  </si>
  <si>
    <t>S4C</t>
    <phoneticPr fontId="3" type="noConversion"/>
  </si>
  <si>
    <t>/</t>
    <phoneticPr fontId="3" type="noConversion"/>
  </si>
  <si>
    <t>地區</t>
    <phoneticPr fontId="3" type="noConversion"/>
  </si>
  <si>
    <t>本地</t>
    <phoneticPr fontId="3" type="noConversion"/>
  </si>
  <si>
    <t>港澳台</t>
    <phoneticPr fontId="3" type="noConversion"/>
  </si>
  <si>
    <t>IYMMC維也納國際青年音樂家音樂大賽
2021國際賽區總決賽</t>
    <phoneticPr fontId="3" type="noConversion"/>
  </si>
  <si>
    <t>國際</t>
  </si>
  <si>
    <t>澳門鋼琴協會</t>
    <phoneticPr fontId="3" type="noConversion"/>
  </si>
  <si>
    <t>香港青年兒童文藝協會</t>
    <phoneticPr fontId="3" type="noConversion"/>
  </si>
  <si>
    <t>澳門文化局</t>
    <phoneticPr fontId="3" type="noConversion"/>
  </si>
  <si>
    <t>第一教育集團</t>
    <phoneticPr fontId="3" type="noConversion"/>
  </si>
  <si>
    <t>2021年全澳少兒
劍擊錦標賽</t>
    <phoneticPr fontId="3" type="noConversion"/>
  </si>
  <si>
    <t>U16女子重劍</t>
    <phoneticPr fontId="3" type="noConversion"/>
  </si>
  <si>
    <t>澳門劍擊總會</t>
    <phoneticPr fontId="3" type="noConversion"/>
  </si>
  <si>
    <t>2021年全澳劍擊排名賽-第二埸</t>
    <phoneticPr fontId="3" type="noConversion"/>
  </si>
  <si>
    <t>波蘭世界創新博覽會“E-NNOVATE”2021</t>
  </si>
  <si>
    <t>/</t>
    <phoneticPr fontId="3" type="noConversion"/>
  </si>
  <si>
    <t>國際金獎</t>
  </si>
  <si>
    <t>國際銀獎</t>
  </si>
  <si>
    <t>林芷薇</t>
  </si>
  <si>
    <t>倪海崙</t>
  </si>
  <si>
    <t>劉詠曦</t>
  </si>
  <si>
    <t>趙筱雅</t>
  </si>
  <si>
    <t>黃卓彤</t>
  </si>
  <si>
    <t>戴凱淇</t>
  </si>
  <si>
    <t>金敏晞</t>
  </si>
  <si>
    <t>朱悅兒</t>
  </si>
  <si>
    <t>施詠恩</t>
  </si>
  <si>
    <t>S5C</t>
  </si>
  <si>
    <t>S5D</t>
  </si>
  <si>
    <t>黃嘉文</t>
  </si>
  <si>
    <t>波蘭世界發明智慧財產聯盟總會(WIIPA) 、國際發明聯盟協會（IFIA）、世界發明智慧財產聯盟總會（WIIPA）</t>
  </si>
  <si>
    <t>/</t>
    <phoneticPr fontId="3" type="noConversion"/>
  </si>
  <si>
    <t>S5A</t>
  </si>
  <si>
    <t>凌嘉禧</t>
  </si>
  <si>
    <t>梁梓泓</t>
  </si>
  <si>
    <t>莊嘉蒨</t>
  </si>
  <si>
    <t>胡泳欣</t>
  </si>
  <si>
    <t>梁仕琛</t>
  </si>
  <si>
    <t>石壯濠</t>
  </si>
  <si>
    <t>王嘉珺</t>
  </si>
  <si>
    <t>曾振忠</t>
  </si>
  <si>
    <t>洪譽庭</t>
  </si>
  <si>
    <t>黃琬童</t>
  </si>
  <si>
    <t>鄭蔚藍</t>
  </si>
  <si>
    <t>劉杫熹</t>
  </si>
  <si>
    <t>黃穎瑤</t>
  </si>
  <si>
    <t>薛佐琳</t>
  </si>
  <si>
    <t>林灝希</t>
  </si>
  <si>
    <t>方祉頴</t>
  </si>
  <si>
    <t>謝美琦</t>
  </si>
  <si>
    <t>古嘉浩</t>
  </si>
  <si>
    <t>陳思朗</t>
  </si>
  <si>
    <t>孫家瑩</t>
  </si>
  <si>
    <t>S6D</t>
  </si>
  <si>
    <t>S6C</t>
  </si>
  <si>
    <t>S6B</t>
  </si>
  <si>
    <t>S4D</t>
  </si>
  <si>
    <t>林炎龍</t>
  </si>
  <si>
    <t>黃嘉文、林炎龍</t>
  </si>
  <si>
    <t>本地</t>
  </si>
  <si>
    <t>第13屆Alice三維編程比賽</t>
  </si>
  <si>
    <t>澳門理工學院</t>
  </si>
  <si>
    <t>明日之星獎</t>
  </si>
  <si>
    <t>/</t>
    <phoneticPr fontId="3" type="noConversion"/>
  </si>
  <si>
    <t>李君譽</t>
  </si>
  <si>
    <t>楊心楣</t>
  </si>
  <si>
    <t>余承希</t>
  </si>
  <si>
    <t>S4C</t>
  </si>
  <si>
    <t>李少明</t>
  </si>
  <si>
    <t>WRO奧林匹克機器人競賽-澳門區選拔賽</t>
  </si>
  <si>
    <t>冠軍</t>
  </si>
  <si>
    <t>亞軍</t>
  </si>
  <si>
    <t>張峻僖</t>
  </si>
  <si>
    <t>梁仲維</t>
  </si>
  <si>
    <t>羅俊昊</t>
  </si>
  <si>
    <t>丁卓然</t>
  </si>
  <si>
    <t>黎敏康</t>
  </si>
  <si>
    <t>澳門科技創新教育學會、澳門教育暨青年發展事務局</t>
  </si>
  <si>
    <t>未來發展獎</t>
  </si>
  <si>
    <t>美國勞倫斯理工大學</t>
  </si>
  <si>
    <t>我讀孔子徵文比賽</t>
  </si>
  <si>
    <t>澳門人文學學會</t>
  </si>
  <si>
    <t>/</t>
    <phoneticPr fontId="3" type="noConversion"/>
  </si>
  <si>
    <t>優秀獎</t>
  </si>
  <si>
    <t>譚巧怡</t>
  </si>
  <si>
    <t>S3B</t>
  </si>
  <si>
    <t>蕭曉華</t>
  </si>
  <si>
    <t>基本法演示文稿POWER POINT設計比賽</t>
  </si>
  <si>
    <t>/</t>
    <phoneticPr fontId="3" type="noConversion"/>
  </si>
  <si>
    <t>羅悅</t>
  </si>
  <si>
    <t>S3D</t>
  </si>
  <si>
    <t>張冰瑩</t>
  </si>
  <si>
    <t>澳門基本法推廣協會</t>
  </si>
  <si>
    <t>全澳青年愛國愛澳演講大賽</t>
  </si>
  <si>
    <t>季軍</t>
  </si>
  <si>
    <t>S3A</t>
  </si>
  <si>
    <t>李維梓</t>
    <phoneticPr fontId="3" type="noConversion"/>
  </si>
  <si>
    <t>張冰瑩</t>
    <phoneticPr fontId="3" type="noConversion"/>
  </si>
  <si>
    <t>趙雪晴</t>
    <phoneticPr fontId="3" type="noConversion"/>
  </si>
  <si>
    <t>劉慧敏</t>
    <phoneticPr fontId="3" type="noConversion"/>
  </si>
  <si>
    <t>陳潔巧</t>
    <phoneticPr fontId="3" type="noConversion"/>
  </si>
  <si>
    <t>澳門基本法推廣協會</t>
    <phoneticPr fontId="3" type="noConversion"/>
  </si>
  <si>
    <t>澳門演講專業協會</t>
    <phoneticPr fontId="3" type="noConversion"/>
  </si>
  <si>
    <t>金蓮花徵文比賽</t>
    <phoneticPr fontId="3" type="noConversion"/>
  </si>
  <si>
    <t>小學組</t>
  </si>
  <si>
    <t>三等獎</t>
  </si>
  <si>
    <t>黃橙子</t>
  </si>
  <si>
    <t>S1D</t>
  </si>
  <si>
    <t>澳門菁學藝術發展協會</t>
    <phoneticPr fontId="3" type="noConversion"/>
  </si>
  <si>
    <t>第三屆澳門青少年科學家大會(MYS)</t>
  </si>
  <si>
    <t>澳門科學技術促進會</t>
  </si>
  <si>
    <t>銀獎</t>
  </si>
  <si>
    <t>／</t>
    <phoneticPr fontId="3" type="noConversion"/>
  </si>
  <si>
    <t>梁子瑩</t>
  </si>
  <si>
    <t>黃紫琦</t>
  </si>
  <si>
    <t>黃炫冠</t>
  </si>
  <si>
    <t>全國</t>
  </si>
  <si>
    <t>第十六屆宋慶齡少年兒童發明獎</t>
  </si>
  <si>
    <t>金子珈</t>
  </si>
  <si>
    <t>林炎龍、黃嘉文</t>
  </si>
  <si>
    <t>宋慶齡基金會、中國發明協會、中國教育學會、全國少工委</t>
  </si>
  <si>
    <t>榮譽獎</t>
    <phoneticPr fontId="3" type="noConversion"/>
  </si>
  <si>
    <t>司徒詠思</t>
    <phoneticPr fontId="3" type="noConversion"/>
  </si>
  <si>
    <t>鄧伊淋</t>
  </si>
  <si>
    <t>林曉澄</t>
  </si>
  <si>
    <t>S6C</t>
    <phoneticPr fontId="3" type="noConversion"/>
  </si>
  <si>
    <t>黃炫冠、黎嘉稀</t>
    <phoneticPr fontId="3" type="noConversion"/>
  </si>
  <si>
    <t>譚嘉豪、黃嘉文</t>
    <phoneticPr fontId="3" type="noConversion"/>
  </si>
  <si>
    <t>加拿大國際創作發明競賽Canada iCAN 2021</t>
  </si>
  <si>
    <t>全國銀獎</t>
    <phoneticPr fontId="3" type="noConversion"/>
  </si>
  <si>
    <t>World youth invention and innovation Award 2021 (WYIIA)</t>
  </si>
  <si>
    <t>Indonesian Young Scientist Association 和 Universitas Negeri Yogyakarta</t>
  </si>
  <si>
    <t>丘成桐中學科學獎S.T.Yau High School Science Award</t>
  </si>
  <si>
    <t>國際榮譽獎</t>
  </si>
  <si>
    <t>清華大學</t>
  </si>
  <si>
    <t>中國（上海）國際發明創新展覽會</t>
  </si>
  <si>
    <t>商務部、科學技術部、智慧財產權局、上海市人民政府</t>
  </si>
  <si>
    <t>吳穎欣</t>
  </si>
  <si>
    <t>International Science And Invention Fair (ISIF 2021)</t>
    <phoneticPr fontId="3" type="noConversion"/>
  </si>
  <si>
    <t>印尼青少年科技協會</t>
    <phoneticPr fontId="3" type="noConversion"/>
  </si>
  <si>
    <t>朱悅兒</t>
    <phoneticPr fontId="3" type="noConversion"/>
  </si>
  <si>
    <t>S5C</t>
    <phoneticPr fontId="3" type="noConversion"/>
  </si>
  <si>
    <t>施詠恩</t>
    <phoneticPr fontId="3" type="noConversion"/>
  </si>
  <si>
    <t>科學科</t>
    <phoneticPr fontId="3" type="noConversion"/>
  </si>
  <si>
    <t>地區</t>
    <phoneticPr fontId="3" type="noConversion"/>
  </si>
  <si>
    <t>比賽項目</t>
    <phoneticPr fontId="3" type="noConversion"/>
  </si>
  <si>
    <t>參賽組別</t>
    <phoneticPr fontId="3" type="noConversion"/>
  </si>
  <si>
    <t>成績</t>
    <phoneticPr fontId="3" type="noConversion"/>
  </si>
  <si>
    <t>獲獎學生</t>
    <phoneticPr fontId="3" type="noConversion"/>
  </si>
  <si>
    <t>班級</t>
    <phoneticPr fontId="3" type="noConversion"/>
  </si>
  <si>
    <t>指導老師</t>
    <phoneticPr fontId="3" type="noConversion"/>
  </si>
  <si>
    <t>主辦單位</t>
    <phoneticPr fontId="3" type="noConversion"/>
  </si>
  <si>
    <t>國際</t>
    <phoneticPr fontId="3" type="noConversion"/>
  </si>
  <si>
    <t>波蘭世界創新博覽會“E-NNOVATE”2021</t>
    <phoneticPr fontId="3" type="noConversion"/>
  </si>
  <si>
    <t>/</t>
    <phoneticPr fontId="3" type="noConversion"/>
  </si>
  <si>
    <t>國際銀獎</t>
    <phoneticPr fontId="3" type="noConversion"/>
  </si>
  <si>
    <t>陳晞桐</t>
    <phoneticPr fontId="3" type="noConversion"/>
  </si>
  <si>
    <t>S5A</t>
    <phoneticPr fontId="3" type="noConversion"/>
  </si>
  <si>
    <t>黃嘉文</t>
    <phoneticPr fontId="3" type="noConversion"/>
  </si>
  <si>
    <t>中國（上海）國際發明創新展覽會</t>
    <phoneticPr fontId="3" type="noConversion"/>
  </si>
  <si>
    <t>商務部、科學技術部、智慧財產權局、上海市人民政府</t>
    <phoneticPr fontId="3" type="noConversion"/>
  </si>
  <si>
    <t>S5C</t>
    <phoneticPr fontId="3" type="noConversion"/>
  </si>
  <si>
    <t>印尼青少年科技協會</t>
    <phoneticPr fontId="3" type="noConversion"/>
  </si>
  <si>
    <t>視覺藝術科</t>
    <phoneticPr fontId="3" type="noConversion"/>
  </si>
  <si>
    <t>地區</t>
    <phoneticPr fontId="3" type="noConversion"/>
  </si>
  <si>
    <t>比賽項目</t>
    <phoneticPr fontId="3" type="noConversion"/>
  </si>
  <si>
    <t>參賽組別</t>
    <phoneticPr fontId="3" type="noConversion"/>
  </si>
  <si>
    <t>成績</t>
    <phoneticPr fontId="3" type="noConversion"/>
  </si>
  <si>
    <t>獲獎學生</t>
    <phoneticPr fontId="3" type="noConversion"/>
  </si>
  <si>
    <t>班級</t>
    <phoneticPr fontId="3" type="noConversion"/>
  </si>
  <si>
    <t>指導老師</t>
    <phoneticPr fontId="3" type="noConversion"/>
  </si>
  <si>
    <t>主辦單位</t>
    <phoneticPr fontId="3" type="noConversion"/>
  </si>
  <si>
    <t>本地</t>
    <phoneticPr fontId="3" type="noConversion"/>
  </si>
  <si>
    <t>中華傳統文化四格漫畫青少年畫比賽</t>
    <phoneticPr fontId="3" type="noConversion"/>
  </si>
  <si>
    <t>初中組</t>
    <phoneticPr fontId="3" type="noConversion"/>
  </si>
  <si>
    <t>金獎</t>
    <phoneticPr fontId="3" type="noConversion"/>
  </si>
  <si>
    <t>金子珈</t>
    <phoneticPr fontId="3" type="noConversion"/>
  </si>
  <si>
    <t>S3A</t>
    <phoneticPr fontId="3" type="noConversion"/>
  </si>
  <si>
    <t>石潁愉</t>
    <phoneticPr fontId="3" type="noConversion"/>
  </si>
  <si>
    <t>澳門菁學藝術發展協會</t>
    <phoneticPr fontId="3" type="noConversion"/>
  </si>
  <si>
    <t>/</t>
    <phoneticPr fontId="3" type="noConversion"/>
  </si>
  <si>
    <t>澳門基本法四格漫畫創作比賽</t>
    <phoneticPr fontId="3" type="noConversion"/>
  </si>
  <si>
    <t>入選獎</t>
    <phoneticPr fontId="3" type="noConversion"/>
  </si>
  <si>
    <t>澳門基本法推廣協會</t>
    <phoneticPr fontId="3" type="noConversion"/>
  </si>
  <si>
    <t>全國</t>
    <phoneticPr fontId="3" type="noConversion"/>
  </si>
  <si>
    <t>第十六屆宋慶齡少年兒童發明獎</t>
    <phoneticPr fontId="3" type="noConversion"/>
  </si>
  <si>
    <t>科幻畫獎</t>
    <phoneticPr fontId="3" type="noConversion"/>
  </si>
  <si>
    <t>宋慶齡基金會、中國發明協會、中國教育學會、全國少工委</t>
    <phoneticPr fontId="3" type="noConversion"/>
  </si>
  <si>
    <t>季軍</t>
    <phoneticPr fontId="3" type="noConversion"/>
  </si>
  <si>
    <t>何恩霖</t>
    <phoneticPr fontId="3" type="noConversion"/>
  </si>
  <si>
    <t>S6C</t>
    <phoneticPr fontId="3" type="noConversion"/>
  </si>
  <si>
    <t>曾雅媛</t>
    <phoneticPr fontId="3" type="noConversion"/>
  </si>
  <si>
    <t>S6B</t>
    <phoneticPr fontId="3" type="noConversion"/>
  </si>
  <si>
    <t xml:space="preserve"> </t>
    <phoneticPr fontId="3" type="noConversion"/>
  </si>
  <si>
    <t>本地</t>
    <phoneticPr fontId="3" type="noConversion"/>
  </si>
  <si>
    <t>洪譽庭</t>
    <phoneticPr fontId="3" type="noConversion"/>
  </si>
  <si>
    <t>澳門特別行政區政府統計暨普查局</t>
    <phoneticPr fontId="3" type="noConversion"/>
  </si>
  <si>
    <t>2021教師節海報及漫畫作品展</t>
    <phoneticPr fontId="3" type="noConversion"/>
  </si>
  <si>
    <t>張蔚晴</t>
    <phoneticPr fontId="3" type="noConversion"/>
  </si>
  <si>
    <t>S5A</t>
    <phoneticPr fontId="3" type="noConversion"/>
  </si>
  <si>
    <t>教育及青年發展局</t>
    <phoneticPr fontId="3" type="noConversion"/>
  </si>
  <si>
    <t>楊祈天</t>
    <phoneticPr fontId="3" type="noConversion"/>
  </si>
  <si>
    <t>「保護知識產權」紀念品設計比賽</t>
    <phoneticPr fontId="3" type="noConversion"/>
  </si>
  <si>
    <t>亞軍</t>
    <phoneticPr fontId="3" type="noConversion"/>
  </si>
  <si>
    <t>澳門特別行政區海關</t>
    <phoneticPr fontId="3" type="noConversion"/>
  </si>
  <si>
    <t>2021人口普查創意宣傳海報設計比賽</t>
    <phoneticPr fontId="3" type="noConversion"/>
  </si>
  <si>
    <t>優異獎</t>
    <phoneticPr fontId="3" type="noConversion"/>
  </si>
  <si>
    <t>吳穎欣</t>
    <phoneticPr fontId="3" type="noConversion"/>
  </si>
  <si>
    <t>「華藝獎」中華傳統文他四格漫畫青少年繪畫比賽</t>
    <phoneticPr fontId="3" type="noConversion"/>
  </si>
  <si>
    <t>初中組</t>
    <phoneticPr fontId="3" type="noConversion"/>
  </si>
  <si>
    <t>金獎</t>
    <phoneticPr fontId="3" type="noConversion"/>
  </si>
  <si>
    <t>金子珈</t>
    <phoneticPr fontId="3" type="noConversion"/>
  </si>
  <si>
    <t>S3A</t>
    <phoneticPr fontId="3" type="noConversion"/>
  </si>
  <si>
    <t>國際</t>
    <phoneticPr fontId="3" type="noConversion"/>
  </si>
  <si>
    <t>IELTS語言認證試</t>
    <phoneticPr fontId="3" type="noConversion"/>
  </si>
  <si>
    <t>/</t>
    <phoneticPr fontId="3" type="noConversion"/>
  </si>
  <si>
    <t>7.5分</t>
    <phoneticPr fontId="3" type="noConversion"/>
  </si>
  <si>
    <t>謝美琦</t>
    <phoneticPr fontId="3" type="noConversion"/>
  </si>
  <si>
    <t>S6C</t>
    <phoneticPr fontId="3" type="noConversion"/>
  </si>
  <si>
    <t>詹熙</t>
    <phoneticPr fontId="3" type="noConversion"/>
  </si>
  <si>
    <t>British Council Macau</t>
    <phoneticPr fontId="3" type="noConversion"/>
  </si>
  <si>
    <t>澳門青年中樂匯演民樂比賽</t>
  </si>
  <si>
    <t>澳門青年中樂團</t>
  </si>
  <si>
    <t>合奏第三名</t>
  </si>
  <si>
    <t>初級組獨奏第三名</t>
  </si>
  <si>
    <t>高級組獨奏良好獎</t>
  </si>
  <si>
    <t>馮詩穎</t>
  </si>
  <si>
    <t>鄭曉彤</t>
  </si>
  <si>
    <t>郭依婷</t>
  </si>
  <si>
    <t>廖雅昕</t>
  </si>
  <si>
    <t>盧姵呈</t>
  </si>
  <si>
    <t>冼卓楹</t>
  </si>
  <si>
    <t>S2C</t>
  </si>
  <si>
    <t>S5B</t>
  </si>
  <si>
    <t>S1C</t>
  </si>
  <si>
    <t>郭曉林</t>
  </si>
  <si>
    <t>/</t>
    <phoneticPr fontId="3" type="noConversion"/>
  </si>
  <si>
    <t>本地</t>
    <phoneticPr fontId="3" type="noConversion"/>
  </si>
  <si>
    <t>第七屆澳門-亞太青少年鋼琴公開比賽</t>
    <phoneticPr fontId="3" type="noConversion"/>
  </si>
  <si>
    <t>四手聯彈兒童組</t>
    <phoneticPr fontId="3" type="noConversion"/>
  </si>
  <si>
    <t>第一名</t>
    <phoneticPr fontId="3" type="noConversion"/>
  </si>
  <si>
    <t>岑駿禧</t>
    <phoneticPr fontId="3" type="noConversion"/>
  </si>
  <si>
    <t>P1C</t>
    <phoneticPr fontId="3" type="noConversion"/>
  </si>
  <si>
    <t>/</t>
    <phoneticPr fontId="3" type="noConversion"/>
  </si>
  <si>
    <t>澳門鋼琴協會</t>
    <phoneticPr fontId="3" type="noConversion"/>
  </si>
  <si>
    <t>全澳大灣區兒童繪畫比賽</t>
  </si>
  <si>
    <t>美麗澳門歡迎你親子益智塗鴉大賽2021</t>
  </si>
  <si>
    <t>濠彩妙筆-木板明信片填色比賽</t>
  </si>
  <si>
    <t>美麗澳門歡迎您親子益智塗鴉大賽2021</t>
  </si>
  <si>
    <t>幼童組</t>
  </si>
  <si>
    <t>幼兒組</t>
  </si>
  <si>
    <t>兒童組</t>
  </si>
  <si>
    <t>優異獎</t>
  </si>
  <si>
    <t>吳俊賢</t>
  </si>
  <si>
    <t>吳嘉盈</t>
  </si>
  <si>
    <t>P1C</t>
  </si>
  <si>
    <t>P2E</t>
  </si>
  <si>
    <t>/</t>
    <phoneticPr fontId="3" type="noConversion"/>
  </si>
  <si>
    <t>澳門深圳龍華經濟及文化交流促進會</t>
  </si>
  <si>
    <t>陳明金基金會</t>
  </si>
  <si>
    <t>澳門文遺研創協會</t>
  </si>
  <si>
    <t>本地</t>
    <phoneticPr fontId="3" type="noConversion"/>
  </si>
  <si>
    <t>第七屆澳門-亞太青少年鋼琴公開比賽</t>
    <phoneticPr fontId="3" type="noConversion"/>
  </si>
  <si>
    <t>第14組 英皇第五級組</t>
    <phoneticPr fontId="3" type="noConversion"/>
  </si>
  <si>
    <t>一等獎</t>
    <phoneticPr fontId="3" type="noConversion"/>
  </si>
  <si>
    <t>岑駿禧</t>
    <phoneticPr fontId="3" type="noConversion"/>
  </si>
  <si>
    <t>P1C</t>
    <phoneticPr fontId="3" type="noConversion"/>
  </si>
  <si>
    <t>/</t>
    <phoneticPr fontId="3" type="noConversion"/>
  </si>
  <si>
    <t>澳門鋼琴協會</t>
    <phoneticPr fontId="3" type="noConversion"/>
  </si>
  <si>
    <t>第30組 兒童B組</t>
    <phoneticPr fontId="3" type="noConversion"/>
  </si>
  <si>
    <t>本地</t>
    <phoneticPr fontId="3" type="noConversion"/>
  </si>
  <si>
    <t>第七屆澳門-亞太青少年鋼琴公開比賽（總決賽）</t>
    <phoneticPr fontId="3" type="noConversion"/>
  </si>
  <si>
    <t>四手聯彈兒童組(實體決賽）</t>
    <phoneticPr fontId="3" type="noConversion"/>
  </si>
  <si>
    <t>第一名</t>
    <phoneticPr fontId="3" type="noConversion"/>
  </si>
  <si>
    <t>岑駿禧</t>
    <phoneticPr fontId="3" type="noConversion"/>
  </si>
  <si>
    <t>P1C</t>
    <phoneticPr fontId="3" type="noConversion"/>
  </si>
  <si>
    <t>/</t>
    <phoneticPr fontId="3" type="noConversion"/>
  </si>
  <si>
    <t>澳門鋼琴協會</t>
    <phoneticPr fontId="3" type="noConversion"/>
  </si>
  <si>
    <t>本地</t>
    <phoneticPr fontId="3" type="noConversion"/>
  </si>
  <si>
    <t>第九屆全澳小學常識科技大賽-「編程機械車競速比賽」</t>
    <phoneticPr fontId="3" type="noConversion"/>
  </si>
  <si>
    <t>小學組</t>
    <phoneticPr fontId="3" type="noConversion"/>
  </si>
  <si>
    <t>一等奬</t>
    <phoneticPr fontId="3" type="noConversion"/>
  </si>
  <si>
    <t>譚智朗</t>
    <phoneticPr fontId="3" type="noConversion"/>
  </si>
  <si>
    <t>P6C</t>
    <phoneticPr fontId="3" type="noConversion"/>
  </si>
  <si>
    <t>黃偉倩 潘雪茹 曹臻瑜</t>
    <phoneticPr fontId="3" type="noConversion"/>
  </si>
  <si>
    <t>澳門小學科學教育學會</t>
    <phoneticPr fontId="3" type="noConversion"/>
  </si>
  <si>
    <t>陳鏗年</t>
    <phoneticPr fontId="3" type="noConversion"/>
  </si>
  <si>
    <t>伍君豪</t>
    <phoneticPr fontId="3" type="noConversion"/>
  </si>
  <si>
    <t>馮承霖</t>
    <phoneticPr fontId="3" type="noConversion"/>
  </si>
  <si>
    <t>P5C</t>
    <phoneticPr fontId="3" type="noConversion"/>
  </si>
  <si>
    <t>程思睿</t>
    <phoneticPr fontId="3" type="noConversion"/>
  </si>
  <si>
    <t>蕭海潼</t>
    <phoneticPr fontId="3" type="noConversion"/>
  </si>
  <si>
    <t>P3B</t>
  </si>
  <si>
    <t>P4E</t>
  </si>
  <si>
    <t>P2B</t>
  </si>
  <si>
    <t>P3C</t>
  </si>
  <si>
    <t>P6C</t>
  </si>
  <si>
    <t>P6D</t>
  </si>
  <si>
    <t>林子琪</t>
  </si>
  <si>
    <t>張鈺凌</t>
  </si>
  <si>
    <t>鄭芷妍</t>
  </si>
  <si>
    <t>郭琦妙</t>
  </si>
  <si>
    <t>黃梓悠</t>
  </si>
  <si>
    <t>黃曉晴</t>
  </si>
  <si>
    <t>《殘疾人權利公約》兒童填色比賽2021</t>
  </si>
  <si>
    <t>《中華傳統文化推廣計劃》二十四節氣貼圖設計比賽</t>
  </si>
  <si>
    <t>第四屆＂我的中國夢＂全國青少年美術書法作品大賽</t>
  </si>
  <si>
    <t>「警察‧滅罪」─ 填色及繪畫創作比賽</t>
  </si>
  <si>
    <t>金獎</t>
  </si>
  <si>
    <t>/</t>
    <phoneticPr fontId="3" type="noConversion"/>
  </si>
  <si>
    <t>澳門社工局及澳門漫畫從業員協會聯合舉辦</t>
  </si>
  <si>
    <t>澳門菁學藝術發展協會</t>
  </si>
  <si>
    <t>中國青少年美術書法教育研究會</t>
  </si>
  <si>
    <t>治安警察局</t>
  </si>
  <si>
    <t>趙穎壯</t>
    <phoneticPr fontId="3" type="noConversion"/>
  </si>
  <si>
    <t>王梅</t>
    <phoneticPr fontId="3" type="noConversion"/>
  </si>
  <si>
    <t>謝俊奕</t>
    <phoneticPr fontId="3" type="noConversion"/>
  </si>
  <si>
    <t>第二十四屆學界武術比賽</t>
    <phoneticPr fontId="3" type="noConversion"/>
  </si>
  <si>
    <t>傳統拳 南派( 虎拳)</t>
  </si>
  <si>
    <t>第三名</t>
  </si>
  <si>
    <t>李鵬程</t>
    <phoneticPr fontId="7" type="noConversion"/>
  </si>
  <si>
    <t>曾子駿</t>
  </si>
  <si>
    <t>第四名</t>
  </si>
  <si>
    <t>競賽 初級長拳</t>
  </si>
  <si>
    <t>第一名</t>
  </si>
  <si>
    <t>競賽 初級劍術</t>
  </si>
  <si>
    <t>競賽 初級槍術</t>
  </si>
  <si>
    <t>李宗羲</t>
  </si>
  <si>
    <t>本地</t>
    <phoneticPr fontId="3" type="noConversion"/>
  </si>
  <si>
    <t>初級長拳</t>
  </si>
  <si>
    <t>初級刀術</t>
  </si>
  <si>
    <t>初級棍術</t>
  </si>
  <si>
    <t>張樂盈</t>
  </si>
  <si>
    <t>第二十四屆學界武術比賽</t>
    <phoneticPr fontId="3" type="noConversion"/>
  </si>
  <si>
    <t>P5A</t>
    <phoneticPr fontId="3" type="noConversion"/>
  </si>
  <si>
    <t>P6D</t>
    <phoneticPr fontId="3" type="noConversion"/>
  </si>
  <si>
    <t>P2B</t>
    <phoneticPr fontId="3" type="noConversion"/>
  </si>
  <si>
    <t>韋佩程</t>
  </si>
  <si>
    <t>澳門特別行政區教育及青年發展局</t>
  </si>
  <si>
    <t>第四名</t>
    <phoneticPr fontId="3" type="noConversion"/>
  </si>
  <si>
    <t>陳沛嘉</t>
    <phoneticPr fontId="3" type="noConversion"/>
  </si>
  <si>
    <t>競賽  42式太極拳</t>
    <phoneticPr fontId="3" type="noConversion"/>
  </si>
  <si>
    <t>第一名</t>
    <phoneticPr fontId="3" type="noConversion"/>
  </si>
  <si>
    <t>莊嘉蒨</t>
    <phoneticPr fontId="3" type="noConversion"/>
  </si>
  <si>
    <t>競賽  42式太極劍</t>
    <phoneticPr fontId="3" type="noConversion"/>
  </si>
  <si>
    <t>傳統拳 南派( 虎形拳)</t>
    <phoneticPr fontId="3" type="noConversion"/>
  </si>
  <si>
    <t>第二名</t>
    <phoneticPr fontId="3" type="noConversion"/>
  </si>
  <si>
    <t>黃澤成</t>
    <phoneticPr fontId="3" type="noConversion"/>
  </si>
  <si>
    <t>傳統短器械 南派( 銅錘)</t>
    <phoneticPr fontId="3" type="noConversion"/>
  </si>
  <si>
    <t>傳統長器械 北派( 雙頭槍)</t>
    <phoneticPr fontId="3" type="noConversion"/>
  </si>
  <si>
    <t>利婉詩</t>
    <phoneticPr fontId="3" type="noConversion"/>
  </si>
  <si>
    <t>傳統短器械 北派( 游龍劍)</t>
    <phoneticPr fontId="3" type="noConversion"/>
  </si>
  <si>
    <t>第五名</t>
    <phoneticPr fontId="3" type="noConversion"/>
  </si>
  <si>
    <t>S6C</t>
    <phoneticPr fontId="3" type="noConversion"/>
  </si>
  <si>
    <t>S3C</t>
    <phoneticPr fontId="3" type="noConversion"/>
  </si>
  <si>
    <t>S3D</t>
    <phoneticPr fontId="3" type="noConversion"/>
  </si>
  <si>
    <t>S1A</t>
    <phoneticPr fontId="3" type="noConversion"/>
  </si>
  <si>
    <t>吳亦林</t>
    <phoneticPr fontId="3" type="noConversion"/>
  </si>
  <si>
    <t>伍志偉</t>
    <phoneticPr fontId="3" type="noConversion"/>
  </si>
  <si>
    <t>李子峰</t>
    <phoneticPr fontId="3" type="noConversion"/>
  </si>
  <si>
    <t>本地</t>
    <phoneticPr fontId="3" type="noConversion"/>
  </si>
  <si>
    <t>第二十四屆學界武術比賽</t>
    <phoneticPr fontId="3" type="noConversion"/>
  </si>
  <si>
    <t>傳統長器械 北派( 游龍槍)</t>
    <phoneticPr fontId="3" type="noConversion"/>
  </si>
  <si>
    <t>第三名</t>
    <phoneticPr fontId="3" type="noConversion"/>
  </si>
  <si>
    <t>利婉詩</t>
    <phoneticPr fontId="3" type="noConversion"/>
  </si>
  <si>
    <t>S3C</t>
    <phoneticPr fontId="3" type="noConversion"/>
  </si>
  <si>
    <t>第四十五屆學界田徑比賽</t>
    <phoneticPr fontId="3" type="noConversion"/>
  </si>
  <si>
    <t>第一名</t>
    <phoneticPr fontId="3" type="noConversion"/>
  </si>
  <si>
    <t>甄凱棋</t>
    <phoneticPr fontId="3" type="noConversion"/>
  </si>
  <si>
    <t>S4B</t>
    <phoneticPr fontId="3" type="noConversion"/>
  </si>
  <si>
    <t>葛泳逸</t>
    <phoneticPr fontId="3" type="noConversion"/>
  </si>
  <si>
    <t>S4C</t>
    <phoneticPr fontId="3" type="noConversion"/>
  </si>
  <si>
    <t>黃穎希</t>
    <phoneticPr fontId="3" type="noConversion"/>
  </si>
  <si>
    <t>S4A</t>
    <phoneticPr fontId="3" type="noConversion"/>
  </si>
  <si>
    <t>譚羨祈</t>
    <phoneticPr fontId="3" type="noConversion"/>
  </si>
  <si>
    <t>男子C組 4x100公尺接力</t>
    <phoneticPr fontId="3" type="noConversion"/>
  </si>
  <si>
    <t>李子峰</t>
    <phoneticPr fontId="3" type="noConversion"/>
  </si>
  <si>
    <t>男子C組 4x100公尺接力</t>
    <phoneticPr fontId="3" type="noConversion"/>
  </si>
  <si>
    <t>第七名</t>
    <phoneticPr fontId="3" type="noConversion"/>
  </si>
  <si>
    <t>唐正匡</t>
    <phoneticPr fontId="3" type="noConversion"/>
  </si>
  <si>
    <t>S2A</t>
    <phoneticPr fontId="3" type="noConversion"/>
  </si>
  <si>
    <t>鍾軒平</t>
    <phoneticPr fontId="3" type="noConversion"/>
  </si>
  <si>
    <t>許子樂</t>
    <phoneticPr fontId="3" type="noConversion"/>
  </si>
  <si>
    <t>S2B</t>
    <phoneticPr fontId="3" type="noConversion"/>
  </si>
  <si>
    <t>馮耀博</t>
    <phoneticPr fontId="3" type="noConversion"/>
  </si>
  <si>
    <t>女子B組 100公尺</t>
    <phoneticPr fontId="3" type="noConversion"/>
  </si>
  <si>
    <t>女子B組 200公尺</t>
    <phoneticPr fontId="3" type="noConversion"/>
  </si>
  <si>
    <t>S2D</t>
    <phoneticPr fontId="3" type="noConversion"/>
  </si>
  <si>
    <t>女子B組 200公尺</t>
    <phoneticPr fontId="3" type="noConversion"/>
  </si>
  <si>
    <t>馮詩穎</t>
    <phoneticPr fontId="3" type="noConversion"/>
  </si>
  <si>
    <t>女子C組 1500公尺</t>
    <phoneticPr fontId="3" type="noConversion"/>
  </si>
  <si>
    <t>第五名</t>
    <phoneticPr fontId="3" type="noConversion"/>
  </si>
  <si>
    <t>第六名</t>
    <phoneticPr fontId="3" type="noConversion"/>
  </si>
  <si>
    <t>本地</t>
    <phoneticPr fontId="3" type="noConversion"/>
  </si>
  <si>
    <t>全澳英文徵文比賽</t>
    <phoneticPr fontId="3" type="noConversion"/>
  </si>
  <si>
    <t>高中組</t>
    <phoneticPr fontId="3" type="noConversion"/>
  </si>
  <si>
    <t>第二名</t>
    <phoneticPr fontId="3" type="noConversion"/>
  </si>
  <si>
    <t>林灝希</t>
    <phoneticPr fontId="3" type="noConversion"/>
  </si>
  <si>
    <t>S6D</t>
    <phoneticPr fontId="3" type="noConversion"/>
  </si>
  <si>
    <t>陳頌珊</t>
    <phoneticPr fontId="3" type="noConversion"/>
  </si>
  <si>
    <t>澳門演講專業協會</t>
    <phoneticPr fontId="3" type="noConversion"/>
  </si>
  <si>
    <t>優異獎</t>
    <phoneticPr fontId="3" type="noConversion"/>
  </si>
  <si>
    <t>鄭羽彤</t>
    <phoneticPr fontId="3" type="noConversion"/>
  </si>
  <si>
    <t>S5D</t>
    <phoneticPr fontId="3" type="noConversion"/>
  </si>
  <si>
    <t>李寶如</t>
    <phoneticPr fontId="3" type="noConversion"/>
  </si>
  <si>
    <t>初中組</t>
    <phoneticPr fontId="3" type="noConversion"/>
  </si>
  <si>
    <t>梁愷淇</t>
    <phoneticPr fontId="3" type="noConversion"/>
  </si>
  <si>
    <t>S3C</t>
    <phoneticPr fontId="3" type="noConversion"/>
  </si>
  <si>
    <t>李詠妍</t>
    <phoneticPr fontId="3" type="noConversion"/>
  </si>
  <si>
    <t>譚巧怡</t>
    <phoneticPr fontId="3" type="noConversion"/>
  </si>
  <si>
    <t>S3B</t>
    <phoneticPr fontId="3" type="noConversion"/>
  </si>
  <si>
    <t>何韻妍</t>
    <phoneticPr fontId="3" type="noConversion"/>
  </si>
  <si>
    <t>本地</t>
    <phoneticPr fontId="3" type="noConversion"/>
  </si>
  <si>
    <t>男子C組 50公尺仰泳</t>
    <phoneticPr fontId="3" type="noConversion"/>
  </si>
  <si>
    <t>第一名</t>
    <phoneticPr fontId="3" type="noConversion"/>
  </si>
  <si>
    <t>陳浩華</t>
    <phoneticPr fontId="3" type="noConversion"/>
  </si>
  <si>
    <t>S2C</t>
    <phoneticPr fontId="3" type="noConversion"/>
  </si>
  <si>
    <t>/</t>
    <phoneticPr fontId="3" type="noConversion"/>
  </si>
  <si>
    <t>女子A組 50米蝶泳</t>
    <phoneticPr fontId="3" type="noConversion"/>
  </si>
  <si>
    <t>第三名</t>
    <phoneticPr fontId="3" type="noConversion"/>
  </si>
  <si>
    <t>葉婉儀</t>
    <phoneticPr fontId="3" type="noConversion"/>
  </si>
  <si>
    <t>S3D</t>
    <phoneticPr fontId="3" type="noConversion"/>
  </si>
  <si>
    <t>第四十五屆學界游泳比賽</t>
    <phoneticPr fontId="3" type="noConversion"/>
  </si>
  <si>
    <t>劉諾謙</t>
  </si>
  <si>
    <t>趙柏翹</t>
  </si>
  <si>
    <t>尹康宸</t>
  </si>
  <si>
    <t>S1A</t>
  </si>
  <si>
    <t>S2A</t>
  </si>
  <si>
    <t>騰訊青少年人工智慧追夢營 創意程式設計賽項</t>
  </si>
  <si>
    <t>第一屆澳門青少年商品展示技術大賽</t>
  </si>
  <si>
    <t>一等獎</t>
    <phoneticPr fontId="3" type="noConversion"/>
  </si>
  <si>
    <t xml:space="preserve"> 一等獎</t>
    <phoneticPr fontId="3" type="noConversion"/>
  </si>
  <si>
    <t>深圳騰訊公司</t>
  </si>
  <si>
    <t>澳門生產力暨科技轉移中心</t>
  </si>
  <si>
    <t>初中組</t>
    <phoneticPr fontId="3" type="noConversion"/>
  </si>
  <si>
    <t>/</t>
    <phoneticPr fontId="3" type="noConversion"/>
  </si>
  <si>
    <t>線上交流展示活動證書</t>
  </si>
  <si>
    <t>全國青少年科技創新大賽</t>
  </si>
  <si>
    <t>中國科學技術協會、教育部等</t>
  </si>
  <si>
    <t>林炎龍 黃嘉文</t>
    <phoneticPr fontId="3" type="noConversion"/>
  </si>
  <si>
    <t>全國青少年科技創新大賽</t>
    <phoneticPr fontId="3" type="noConversion"/>
  </si>
  <si>
    <t>倪海崙</t>
    <phoneticPr fontId="3" type="noConversion"/>
  </si>
  <si>
    <t>S5C</t>
    <phoneticPr fontId="3" type="noConversion"/>
  </si>
  <si>
    <t>中國科學技術協會、教育部等</t>
    <phoneticPr fontId="3" type="noConversion"/>
  </si>
  <si>
    <t>／</t>
    <phoneticPr fontId="3" type="noConversion"/>
  </si>
  <si>
    <t>本地</t>
    <phoneticPr fontId="3" type="noConversion"/>
  </si>
  <si>
    <t>「華藝獎」中華傳統文他四格漫畫青少年繪畫比賽</t>
    <phoneticPr fontId="3" type="noConversion"/>
  </si>
  <si>
    <t>初中組</t>
    <phoneticPr fontId="3" type="noConversion"/>
  </si>
  <si>
    <t>優異獎</t>
    <phoneticPr fontId="3" type="noConversion"/>
  </si>
  <si>
    <t>劉慧敏</t>
    <phoneticPr fontId="3" type="noConversion"/>
  </si>
  <si>
    <t>S3D</t>
    <phoneticPr fontId="3" type="noConversion"/>
  </si>
  <si>
    <t>石潁愉</t>
    <phoneticPr fontId="3" type="noConversion"/>
  </si>
  <si>
    <t>澳門菁學藝術發展協會</t>
    <phoneticPr fontId="3" type="noConversion"/>
  </si>
  <si>
    <t>全國</t>
    <phoneticPr fontId="3" type="noConversion"/>
  </si>
  <si>
    <t>線上交流展示活動證書</t>
    <phoneticPr fontId="3" type="noConversion"/>
  </si>
  <si>
    <t>張靄琳</t>
    <phoneticPr fontId="3" type="noConversion"/>
  </si>
  <si>
    <t>S3B</t>
    <phoneticPr fontId="3" type="noConversion"/>
  </si>
  <si>
    <t>陳泓皓</t>
    <phoneticPr fontId="3" type="noConversion"/>
  </si>
  <si>
    <t>金子珈</t>
    <phoneticPr fontId="3" type="noConversion"/>
  </si>
  <si>
    <t>S3A</t>
    <phoneticPr fontId="3" type="noConversion"/>
  </si>
  <si>
    <t>譚巧怡</t>
    <phoneticPr fontId="3" type="noConversion"/>
  </si>
  <si>
    <t>司徒詠思</t>
  </si>
  <si>
    <t>潛能拓展創新菁英賽2021</t>
  </si>
  <si>
    <t>港澳台</t>
  </si>
  <si>
    <t>教青局</t>
  </si>
  <si>
    <t>黃嘉文 譚嘉豪</t>
    <phoneticPr fontId="3" type="noConversion"/>
  </si>
  <si>
    <t>優良獎</t>
  </si>
  <si>
    <t>賴浩賢</t>
  </si>
  <si>
    <t>鍾叡灆</t>
  </si>
  <si>
    <t>葉文軒</t>
  </si>
  <si>
    <t>劉子健</t>
  </si>
  <si>
    <t>譚嘉蕊</t>
  </si>
  <si>
    <t>港澳台</t>
    <phoneticPr fontId="3" type="noConversion"/>
  </si>
  <si>
    <t>潛能拓展創新菁英賽2021</t>
    <phoneticPr fontId="3" type="noConversion"/>
  </si>
  <si>
    <t>優良獎</t>
    <phoneticPr fontId="3" type="noConversion"/>
  </si>
  <si>
    <t>何恩霖</t>
    <phoneticPr fontId="3" type="noConversion"/>
  </si>
  <si>
    <t>S6C</t>
    <phoneticPr fontId="3" type="noConversion"/>
  </si>
  <si>
    <t>茹海嘉</t>
    <phoneticPr fontId="3" type="noConversion"/>
  </si>
  <si>
    <t>教青局</t>
    <phoneticPr fontId="3" type="noConversion"/>
  </si>
  <si>
    <t>梁梓維</t>
    <phoneticPr fontId="3" type="noConversion"/>
  </si>
  <si>
    <t>陳雯恩</t>
    <phoneticPr fontId="3" type="noConversion"/>
  </si>
  <si>
    <t>趙文希</t>
    <phoneticPr fontId="3" type="noConversion"/>
  </si>
  <si>
    <t>陸梓鳴</t>
  </si>
  <si>
    <t>何啟邦</t>
  </si>
  <si>
    <t>彭文諾</t>
  </si>
  <si>
    <t>甲級獎</t>
  </si>
  <si>
    <t>男子E組</t>
    <phoneticPr fontId="3" type="noConversion"/>
  </si>
  <si>
    <t>湯捷凱</t>
    <phoneticPr fontId="3" type="noConversion"/>
  </si>
  <si>
    <t>本地</t>
    <phoneticPr fontId="3" type="noConversion"/>
  </si>
  <si>
    <t>第四十五屆學界田徑比賽</t>
    <phoneticPr fontId="3" type="noConversion"/>
  </si>
  <si>
    <t>P6A</t>
    <phoneticPr fontId="3" type="noConversion"/>
  </si>
  <si>
    <t>本地</t>
    <phoneticPr fontId="3" type="noConversion"/>
  </si>
  <si>
    <t>第四十五屆學界乒乓球比賽</t>
    <phoneticPr fontId="3" type="noConversion"/>
  </si>
  <si>
    <t>P3C</t>
    <phoneticPr fontId="3" type="noConversion"/>
  </si>
  <si>
    <t>第四十五屆學界游泳比賽</t>
    <phoneticPr fontId="3" type="noConversion"/>
  </si>
  <si>
    <t>劉芳喆</t>
    <phoneticPr fontId="3" type="noConversion"/>
  </si>
  <si>
    <t>P5B</t>
    <phoneticPr fontId="3" type="noConversion"/>
  </si>
  <si>
    <t>/</t>
    <phoneticPr fontId="3" type="noConversion"/>
  </si>
  <si>
    <t>第四十五屆學界游泳比賽</t>
    <phoneticPr fontId="3" type="noConversion"/>
  </si>
  <si>
    <t>男子A組 4x100自由泳</t>
    <phoneticPr fontId="3" type="noConversion"/>
  </si>
  <si>
    <t>第三名</t>
    <phoneticPr fontId="3" type="noConversion"/>
  </si>
  <si>
    <t>黎曉衡</t>
    <phoneticPr fontId="3" type="noConversion"/>
  </si>
  <si>
    <t>S5A</t>
    <phoneticPr fontId="3" type="noConversion"/>
  </si>
  <si>
    <t>施朝暉</t>
    <phoneticPr fontId="3" type="noConversion"/>
  </si>
  <si>
    <t>陸梓鳴</t>
    <phoneticPr fontId="3" type="noConversion"/>
  </si>
  <si>
    <t>S5D</t>
    <phoneticPr fontId="3" type="noConversion"/>
  </si>
  <si>
    <t>鍾叡灆</t>
    <phoneticPr fontId="3" type="noConversion"/>
  </si>
  <si>
    <t>第二名</t>
    <phoneticPr fontId="3" type="noConversion"/>
  </si>
  <si>
    <t>澳門劍擊總會</t>
  </si>
  <si>
    <t>本地</t>
    <phoneticPr fontId="3" type="noConversion"/>
  </si>
  <si>
    <t>2022年全澳青少年劍擊錦標賽</t>
    <phoneticPr fontId="3" type="noConversion"/>
  </si>
  <si>
    <t>少年組女子重劍</t>
    <phoneticPr fontId="3" type="noConversion"/>
  </si>
  <si>
    <t>亞軍</t>
    <phoneticPr fontId="3" type="noConversion"/>
  </si>
  <si>
    <t>彭鎧澄</t>
    <phoneticPr fontId="3" type="noConversion"/>
  </si>
  <si>
    <t>S4C</t>
    <phoneticPr fontId="3" type="noConversion"/>
  </si>
  <si>
    <t>/</t>
    <phoneticPr fontId="3" type="noConversion"/>
  </si>
  <si>
    <t>2022年全澳劍擊排名賽-第一回合</t>
    <phoneticPr fontId="3" type="noConversion"/>
  </si>
  <si>
    <t>女子重劍</t>
    <phoneticPr fontId="3" type="noConversion"/>
  </si>
  <si>
    <t>冠軍</t>
    <phoneticPr fontId="3" type="noConversion"/>
  </si>
  <si>
    <t>彭鎧澄</t>
    <phoneticPr fontId="3" type="noConversion"/>
  </si>
  <si>
    <t>S4C</t>
    <phoneticPr fontId="3" type="noConversion"/>
  </si>
  <si>
    <t>本地</t>
    <phoneticPr fontId="3" type="noConversion"/>
  </si>
  <si>
    <t>第四屆李斯特（匈牙利布達佩斯）國際公開賽（澳門初賽）</t>
    <phoneticPr fontId="3" type="noConversion"/>
  </si>
  <si>
    <t>L06 Piano Sonata Categary</t>
    <phoneticPr fontId="3" type="noConversion"/>
  </si>
  <si>
    <t>First Honorable Award</t>
    <phoneticPr fontId="3" type="noConversion"/>
  </si>
  <si>
    <t>湯捷凱</t>
    <phoneticPr fontId="3" type="noConversion"/>
  </si>
  <si>
    <t>P3C</t>
    <phoneticPr fontId="3" type="noConversion"/>
  </si>
  <si>
    <t>/</t>
    <phoneticPr fontId="3" type="noConversion"/>
  </si>
  <si>
    <t>Universal Artists' Association (Hong Kong)</t>
    <phoneticPr fontId="3" type="noConversion"/>
  </si>
  <si>
    <t>17 Piano Grade Eight</t>
    <phoneticPr fontId="3" type="noConversion"/>
  </si>
  <si>
    <t>湯子萱</t>
    <phoneticPr fontId="3" type="noConversion"/>
  </si>
  <si>
    <t>P5A</t>
    <phoneticPr fontId="3" type="noConversion"/>
  </si>
  <si>
    <t>Universial Artists' Associtation (Hong Kong)</t>
    <phoneticPr fontId="3" type="noConversion"/>
  </si>
  <si>
    <t>本地</t>
    <phoneticPr fontId="3" type="noConversion"/>
  </si>
  <si>
    <t>第39屆澳門青年音樂比賽</t>
    <phoneticPr fontId="3" type="noConversion"/>
  </si>
  <si>
    <t>澳門作曲家鋼琴作品 (初級組)</t>
    <phoneticPr fontId="3" type="noConversion"/>
  </si>
  <si>
    <t>優異獎</t>
    <phoneticPr fontId="3" type="noConversion"/>
  </si>
  <si>
    <t>湯子萱</t>
    <phoneticPr fontId="3" type="noConversion"/>
  </si>
  <si>
    <t>P5A</t>
    <phoneticPr fontId="3" type="noConversion"/>
  </si>
  <si>
    <t>/</t>
    <phoneticPr fontId="3" type="noConversion"/>
  </si>
  <si>
    <t>澳門特別行政區政府文化局</t>
    <phoneticPr fontId="3" type="noConversion"/>
  </si>
  <si>
    <t xml:space="preserve"> 独奏初级B組</t>
    <phoneticPr fontId="3" type="noConversion"/>
  </si>
  <si>
    <t>鋼琴小奏鳴曲</t>
    <phoneticPr fontId="3" type="noConversion"/>
  </si>
  <si>
    <t>鋼琴四手聯彈 (初級組)</t>
    <phoneticPr fontId="3" type="noConversion"/>
  </si>
  <si>
    <t>優異獎</t>
    <phoneticPr fontId="3" type="noConversion"/>
  </si>
  <si>
    <t>湯捷凱</t>
    <phoneticPr fontId="3" type="noConversion"/>
  </si>
  <si>
    <t>P3C</t>
    <phoneticPr fontId="3" type="noConversion"/>
  </si>
  <si>
    <t xml:space="preserve"> 鋼琴小奏鳴曲</t>
    <phoneticPr fontId="3" type="noConversion"/>
  </si>
  <si>
    <t>第三名</t>
    <phoneticPr fontId="3" type="noConversion"/>
  </si>
  <si>
    <t>陳安之</t>
  </si>
  <si>
    <t>葉婉瑩</t>
  </si>
  <si>
    <t>李子安</t>
  </si>
  <si>
    <t>梁焯紳</t>
  </si>
  <si>
    <t>田澄恩</t>
  </si>
  <si>
    <t>何煒龍</t>
  </si>
  <si>
    <t>顧敏姿</t>
  </si>
  <si>
    <t>鄭芝穎</t>
  </si>
  <si>
    <t>林偉澤</t>
  </si>
  <si>
    <t>盧柏希</t>
  </si>
  <si>
    <t>S6A</t>
  </si>
  <si>
    <t>2021-2022校園氣象監測比賽</t>
  </si>
  <si>
    <t>最佳氣象設備整合方案獎</t>
  </si>
  <si>
    <t>姚惠娟</t>
  </si>
  <si>
    <t>蔣宏恩</t>
  </si>
  <si>
    <t>地球物理暨氣象局、澳門科學館</t>
  </si>
  <si>
    <t>2022《憲法》與《澳門基本法》關係-兒童創意填色比賽</t>
  </si>
  <si>
    <t>初小組</t>
    <phoneticPr fontId="3" type="noConversion"/>
  </si>
  <si>
    <t>市政署</t>
  </si>
  <si>
    <t>一等獎</t>
    <phoneticPr fontId="3" type="noConversion"/>
  </si>
  <si>
    <t>入圍獎</t>
    <phoneticPr fontId="3" type="noConversion"/>
  </si>
  <si>
    <t>優異獎</t>
    <phoneticPr fontId="3" type="noConversion"/>
  </si>
  <si>
    <t>高小組</t>
  </si>
  <si>
    <t>二等獎</t>
    <phoneticPr fontId="3" type="noConversion"/>
  </si>
  <si>
    <t>入圍奬</t>
    <phoneticPr fontId="3" type="noConversion"/>
  </si>
  <si>
    <t>三等奬</t>
    <phoneticPr fontId="3" type="noConversion"/>
  </si>
  <si>
    <t>黃偉倩 楊敏芝 趙穎壯</t>
    <phoneticPr fontId="3" type="noConversion"/>
  </si>
  <si>
    <t>德育科</t>
    <phoneticPr fontId="3" type="noConversion"/>
  </si>
  <si>
    <t>國際青少年信札徵文比賽</t>
  </si>
  <si>
    <t>冼渼茵</t>
  </si>
  <si>
    <t>P5B</t>
  </si>
  <si>
    <t>黃鍵聰</t>
  </si>
  <si>
    <t>澳門郵電局</t>
  </si>
  <si>
    <t>/</t>
    <phoneticPr fontId="3" type="noConversion"/>
  </si>
  <si>
    <t>中學組</t>
    <phoneticPr fontId="3" type="noConversion"/>
  </si>
  <si>
    <t>第四名</t>
    <phoneticPr fontId="3" type="noConversion"/>
  </si>
  <si>
    <t>樊燕兒</t>
  </si>
  <si>
    <t>澳門大學及新濠博亞娛樂有限公司</t>
  </si>
  <si>
    <t>本地</t>
    <phoneticPr fontId="3" type="noConversion"/>
  </si>
  <si>
    <t>2021粵港澳大灣區綜合度假村
可持續商業案例大賽</t>
    <phoneticPr fontId="3" type="noConversion"/>
  </si>
  <si>
    <t>澳門特別行政區教育及青年發展局</t>
    <phoneticPr fontId="3" type="noConversion"/>
  </si>
  <si>
    <t>傳統拳 北派( 八卦掌)</t>
    <phoneticPr fontId="3" type="noConversion"/>
  </si>
  <si>
    <t>傳統拳 南派( 虎拳)</t>
    <phoneticPr fontId="3" type="noConversion"/>
  </si>
  <si>
    <t>本地</t>
    <phoneticPr fontId="3" type="noConversion"/>
  </si>
  <si>
    <t>第四屆李斯特(布達佩斯)國際公開賽</t>
    <phoneticPr fontId="3" type="noConversion"/>
  </si>
  <si>
    <t>鋼琴七級組</t>
    <phoneticPr fontId="3" type="noConversion"/>
  </si>
  <si>
    <t>亞軍</t>
    <phoneticPr fontId="3" type="noConversion"/>
  </si>
  <si>
    <t>黃芊悠</t>
    <phoneticPr fontId="3" type="noConversion"/>
  </si>
  <si>
    <t>P2C</t>
    <phoneticPr fontId="3" type="noConversion"/>
  </si>
  <si>
    <t>/</t>
    <phoneticPr fontId="3" type="noConversion"/>
  </si>
  <si>
    <t>International European Cultural and Arts Exchange Association</t>
    <phoneticPr fontId="3" type="noConversion"/>
  </si>
  <si>
    <t>本地</t>
    <phoneticPr fontId="3" type="noConversion"/>
  </si>
  <si>
    <t>菲伯爾國際鋼琴鋼琴大賽-澳門賽區</t>
    <phoneticPr fontId="3" type="noConversion"/>
  </si>
  <si>
    <t>兒童A組</t>
    <phoneticPr fontId="3" type="noConversion"/>
  </si>
  <si>
    <t>冠軍</t>
    <phoneticPr fontId="3" type="noConversion"/>
  </si>
  <si>
    <t>黃芊悠</t>
    <phoneticPr fontId="3" type="noConversion"/>
  </si>
  <si>
    <t>P2C</t>
    <phoneticPr fontId="3" type="noConversion"/>
  </si>
  <si>
    <t>/</t>
    <phoneticPr fontId="3" type="noConversion"/>
  </si>
  <si>
    <t>人民音樂出版社</t>
    <phoneticPr fontId="3" type="noConversion"/>
  </si>
  <si>
    <t>四手聯彈初級組</t>
    <phoneticPr fontId="3" type="noConversion"/>
  </si>
  <si>
    <t>本地</t>
    <phoneticPr fontId="3" type="noConversion"/>
  </si>
  <si>
    <t>第38屆澳門青年音樂比賽</t>
    <phoneticPr fontId="3" type="noConversion"/>
  </si>
  <si>
    <t>獨奏初級A座</t>
    <phoneticPr fontId="3" type="noConversion"/>
  </si>
  <si>
    <t>優異獎</t>
    <phoneticPr fontId="3" type="noConversion"/>
  </si>
  <si>
    <t>黃芊悠</t>
    <phoneticPr fontId="3" type="noConversion"/>
  </si>
  <si>
    <t>P2C</t>
    <phoneticPr fontId="3" type="noConversion"/>
  </si>
  <si>
    <t>/</t>
    <phoneticPr fontId="3" type="noConversion"/>
  </si>
  <si>
    <t>文化局</t>
    <phoneticPr fontId="3" type="noConversion"/>
  </si>
  <si>
    <t>第39屆澳門青年音樂比賽</t>
    <phoneticPr fontId="3" type="noConversion"/>
  </si>
  <si>
    <t>澳門作曲家鋼琴作品(初級組)</t>
    <phoneticPr fontId="3" type="noConversion"/>
  </si>
  <si>
    <t>BIPC曼谷國際鋼琴大賽-澳門賽區</t>
    <phoneticPr fontId="3" type="noConversion"/>
  </si>
  <si>
    <t>International Classical Music Competition Thailand</t>
    <phoneticPr fontId="3" type="noConversion"/>
  </si>
  <si>
    <t>BIPC曼谷國際鋼琴大賽-澳門區</t>
    <phoneticPr fontId="3" type="noConversion"/>
  </si>
  <si>
    <t>布格穆勒組</t>
    <phoneticPr fontId="3" type="noConversion"/>
  </si>
  <si>
    <t>季軍</t>
    <phoneticPr fontId="3" type="noConversion"/>
  </si>
  <si>
    <t>台灣亞洲愛琴海鋼琴大賽-澳門區</t>
    <phoneticPr fontId="3" type="noConversion"/>
  </si>
  <si>
    <t>鋼琴五級組</t>
    <phoneticPr fontId="3" type="noConversion"/>
  </si>
  <si>
    <t>兩岸音樂藝術教育交流協會</t>
    <phoneticPr fontId="3" type="noConversion"/>
  </si>
  <si>
    <t>鄭羽彤</t>
  </si>
  <si>
    <t>第十二屆青少年外交知識競賽</t>
  </si>
  <si>
    <t>優等獎</t>
  </si>
  <si>
    <t>劉志生</t>
  </si>
  <si>
    <t>外交部駐澳門公署和澳門教育暨青年局</t>
  </si>
  <si>
    <t>第六屆全國學生“學憲法 講憲法”活動知識競賽</t>
  </si>
  <si>
    <t>全國三等獎</t>
  </si>
  <si>
    <t>國家教育部和澳門教育暨青年局</t>
  </si>
  <si>
    <t>社會與人文</t>
    <phoneticPr fontId="3" type="noConversion"/>
  </si>
  <si>
    <t>S6A</t>
    <phoneticPr fontId="3" type="noConversion"/>
  </si>
  <si>
    <t>S6B</t>
    <phoneticPr fontId="3" type="noConversion"/>
  </si>
  <si>
    <t>鄭芝穎</t>
    <phoneticPr fontId="3" type="noConversion"/>
  </si>
  <si>
    <t>鍾思敏</t>
    <phoneticPr fontId="3" type="noConversion"/>
  </si>
  <si>
    <t>容樂怡</t>
    <phoneticPr fontId="3" type="noConversion"/>
  </si>
  <si>
    <t>梁喜媛</t>
    <phoneticPr fontId="3" type="noConversion"/>
  </si>
  <si>
    <t>黃稚媛</t>
    <phoneticPr fontId="3" type="noConversion"/>
  </si>
  <si>
    <t>黃凱晴</t>
    <phoneticPr fontId="3" type="noConversion"/>
  </si>
  <si>
    <t>陳嘉穎</t>
    <phoneticPr fontId="3" type="noConversion"/>
  </si>
  <si>
    <t>陳敏怡</t>
    <phoneticPr fontId="3" type="noConversion"/>
  </si>
  <si>
    <t>梁欣桐</t>
    <phoneticPr fontId="3" type="noConversion"/>
  </si>
  <si>
    <t>洪譽庭</t>
    <phoneticPr fontId="3" type="noConversion"/>
  </si>
  <si>
    <t>石壯濠</t>
    <phoneticPr fontId="3" type="noConversion"/>
  </si>
  <si>
    <t>許穎芯</t>
    <phoneticPr fontId="3" type="noConversion"/>
  </si>
  <si>
    <t>曾雅媛</t>
    <phoneticPr fontId="3" type="noConversion"/>
  </si>
  <si>
    <t>本地</t>
    <phoneticPr fontId="3" type="noConversion"/>
  </si>
  <si>
    <t>LCCI—Bookkeeping Level 1</t>
    <phoneticPr fontId="3" type="noConversion"/>
  </si>
  <si>
    <t>/</t>
    <phoneticPr fontId="3" type="noConversion"/>
  </si>
  <si>
    <t>Distinction</t>
    <phoneticPr fontId="3" type="noConversion"/>
  </si>
  <si>
    <t>Merit</t>
    <phoneticPr fontId="3" type="noConversion"/>
  </si>
  <si>
    <t>澳門生產力暨科技轉移中心—英國倫敦工商會LCCI考試</t>
    <phoneticPr fontId="3" type="noConversion"/>
  </si>
  <si>
    <t>7分</t>
    <phoneticPr fontId="3" type="noConversion"/>
  </si>
  <si>
    <t>6.5分</t>
    <phoneticPr fontId="3" type="noConversion"/>
  </si>
  <si>
    <t>黃凱晴</t>
    <phoneticPr fontId="3" type="noConversion"/>
  </si>
  <si>
    <t>趙莜雅</t>
    <phoneticPr fontId="3" type="noConversion"/>
  </si>
  <si>
    <t>S6A</t>
    <phoneticPr fontId="3" type="noConversion"/>
  </si>
  <si>
    <t>S5D</t>
    <phoneticPr fontId="3" type="noConversion"/>
  </si>
  <si>
    <t>楊文嘉</t>
    <phoneticPr fontId="3" type="noConversion"/>
  </si>
  <si>
    <t>李寶如</t>
    <phoneticPr fontId="3" type="noConversion"/>
  </si>
  <si>
    <t>/</t>
    <phoneticPr fontId="3" type="noConversion"/>
  </si>
  <si>
    <t>優異獎</t>
    <phoneticPr fontId="3" type="noConversion"/>
  </si>
  <si>
    <t>入圍獎</t>
    <phoneticPr fontId="3" type="noConversion"/>
  </si>
  <si>
    <t>中國科學技術協會、教育部等</t>
    <phoneticPr fontId="3" type="noConversion"/>
  </si>
  <si>
    <t>本地</t>
    <phoneticPr fontId="3" type="noConversion"/>
  </si>
  <si>
    <t>2021 MakeX 機器人挑戰賽</t>
    <phoneticPr fontId="3" type="noConversion"/>
  </si>
  <si>
    <t>二等獎</t>
    <phoneticPr fontId="3" type="noConversion"/>
  </si>
  <si>
    <t>林柏翹</t>
    <phoneticPr fontId="3" type="noConversion"/>
  </si>
  <si>
    <t>梁焯紳</t>
    <phoneticPr fontId="3" type="noConversion"/>
  </si>
  <si>
    <t>黃諾文</t>
    <phoneticPr fontId="3" type="noConversion"/>
  </si>
  <si>
    <t>楊樂霖</t>
    <phoneticPr fontId="3" type="noConversion"/>
  </si>
  <si>
    <t>伍浩聰</t>
    <phoneticPr fontId="3" type="noConversion"/>
  </si>
  <si>
    <t>陶錦華</t>
    <phoneticPr fontId="3" type="noConversion"/>
  </si>
  <si>
    <t>屈仲轅</t>
    <phoneticPr fontId="3" type="noConversion"/>
  </si>
  <si>
    <t>S3A</t>
    <phoneticPr fontId="3" type="noConversion"/>
  </si>
  <si>
    <t>S3D</t>
    <phoneticPr fontId="3" type="noConversion"/>
  </si>
  <si>
    <t>S5B</t>
    <phoneticPr fontId="3" type="noConversion"/>
  </si>
  <si>
    <t>S5C</t>
    <phoneticPr fontId="3" type="noConversion"/>
  </si>
  <si>
    <t>S5D</t>
    <phoneticPr fontId="3" type="noConversion"/>
  </si>
  <si>
    <t>譚嘉豪</t>
    <phoneticPr fontId="3" type="noConversion"/>
  </si>
  <si>
    <t>城市科技創新協會，澳門工程師學會</t>
    <phoneticPr fontId="3" type="noConversion"/>
  </si>
  <si>
    <t>第九屆香港國際青少年表演藝術節</t>
    <phoneticPr fontId="3" type="noConversion"/>
  </si>
  <si>
    <t>兒童A組</t>
    <phoneticPr fontId="3" type="noConversion"/>
  </si>
  <si>
    <t>巴哈B組</t>
    <phoneticPr fontId="3" type="noConversion"/>
  </si>
  <si>
    <t>七級組</t>
    <phoneticPr fontId="3" type="noConversion"/>
  </si>
  <si>
    <t>香港青少年表演藝術交流發展協會</t>
    <phoneticPr fontId="3" type="noConversion"/>
  </si>
  <si>
    <t>黃梓盈</t>
  </si>
  <si>
    <t>港澳台</t>
    <phoneticPr fontId="3" type="noConversion"/>
  </si>
  <si>
    <t>第九屆香港國際青少年表演藝術節</t>
    <phoneticPr fontId="3" type="noConversion"/>
  </si>
  <si>
    <t>第五名</t>
    <phoneticPr fontId="3" type="noConversion"/>
  </si>
  <si>
    <t>黃梓盈</t>
    <phoneticPr fontId="3" type="noConversion"/>
  </si>
  <si>
    <t>P3C</t>
    <phoneticPr fontId="3" type="noConversion"/>
  </si>
  <si>
    <t>/</t>
    <phoneticPr fontId="3" type="noConversion"/>
  </si>
  <si>
    <t>小提琴 三級組</t>
    <phoneticPr fontId="3" type="noConversion"/>
  </si>
  <si>
    <t>中國澳門游泳總會</t>
    <phoneticPr fontId="3" type="noConversion"/>
  </si>
  <si>
    <t>2021/2022學年學界籃球比賽</t>
    <phoneticPr fontId="3" type="noConversion"/>
  </si>
  <si>
    <t>S3C</t>
  </si>
  <si>
    <t>S4B</t>
  </si>
  <si>
    <t>S4A</t>
  </si>
  <si>
    <t>男子A組</t>
    <phoneticPr fontId="3" type="noConversion"/>
  </si>
  <si>
    <t>關皓銘</t>
    <phoneticPr fontId="3" type="noConversion"/>
  </si>
  <si>
    <t>雷煒灝</t>
    <phoneticPr fontId="3" type="noConversion"/>
  </si>
  <si>
    <t>潘政熙</t>
    <phoneticPr fontId="3" type="noConversion"/>
  </si>
  <si>
    <t>趙浩霆</t>
    <phoneticPr fontId="3" type="noConversion"/>
  </si>
  <si>
    <t>朱啟豪</t>
    <phoneticPr fontId="3" type="noConversion"/>
  </si>
  <si>
    <t>梁朗溢</t>
    <phoneticPr fontId="3" type="noConversion"/>
  </si>
  <si>
    <t>張穎浤</t>
    <phoneticPr fontId="3" type="noConversion"/>
  </si>
  <si>
    <t>曾梓謙</t>
    <phoneticPr fontId="3" type="noConversion"/>
  </si>
  <si>
    <t>曾浩文</t>
    <phoneticPr fontId="3" type="noConversion"/>
  </si>
  <si>
    <t>江梓立</t>
    <phoneticPr fontId="3" type="noConversion"/>
  </si>
  <si>
    <t>本地</t>
    <phoneticPr fontId="3" type="noConversion"/>
  </si>
  <si>
    <t>EIMOC卓越盃國際音樂公開賽</t>
    <phoneticPr fontId="3" type="noConversion"/>
  </si>
  <si>
    <t>鋼琴三級組</t>
    <phoneticPr fontId="3" type="noConversion"/>
  </si>
  <si>
    <t>一等獎</t>
    <phoneticPr fontId="3" type="noConversion"/>
  </si>
  <si>
    <t>杜彥妮</t>
    <phoneticPr fontId="3" type="noConversion"/>
  </si>
  <si>
    <t>P1B</t>
    <phoneticPr fontId="3" type="noConversion"/>
  </si>
  <si>
    <t>/</t>
    <phoneticPr fontId="3" type="noConversion"/>
  </si>
  <si>
    <t>澳門音樂藝術交流協會&amp;香港第一教育集團</t>
    <phoneticPr fontId="3" type="noConversion"/>
  </si>
  <si>
    <t>第四屆李斯特（匈牙利布佩斯達）鋼琴公開賽（澳門區）</t>
    <phoneticPr fontId="3" type="noConversion"/>
  </si>
  <si>
    <t>John Thomson category B</t>
    <phoneticPr fontId="3" type="noConversion"/>
  </si>
  <si>
    <t>金獎</t>
    <phoneticPr fontId="3" type="noConversion"/>
  </si>
  <si>
    <t>Universal Artists’ Association</t>
    <phoneticPr fontId="3" type="noConversion"/>
  </si>
  <si>
    <t>中國澳門君子球總會</t>
  </si>
  <si>
    <t>本地</t>
    <phoneticPr fontId="3" type="noConversion"/>
  </si>
  <si>
    <t>2022全澳君子球聯校賽青少年杯</t>
    <phoneticPr fontId="3" type="noConversion"/>
  </si>
  <si>
    <t>/</t>
    <phoneticPr fontId="3" type="noConversion"/>
  </si>
  <si>
    <t>第五名</t>
    <phoneticPr fontId="3" type="noConversion"/>
  </si>
  <si>
    <t>梁浠文</t>
    <phoneticPr fontId="3" type="noConversion"/>
  </si>
  <si>
    <t>梁海文</t>
    <phoneticPr fontId="3" type="noConversion"/>
  </si>
  <si>
    <t>楊子浩</t>
    <phoneticPr fontId="3" type="noConversion"/>
  </si>
  <si>
    <t>陳永健</t>
    <phoneticPr fontId="3" type="noConversion"/>
  </si>
  <si>
    <t>陳永康</t>
    <phoneticPr fontId="3" type="noConversion"/>
  </si>
  <si>
    <t>何思縈</t>
  </si>
  <si>
    <t>第二十三屆澳門學界柔道比賽</t>
    <phoneticPr fontId="3" type="noConversion"/>
  </si>
  <si>
    <t>P5D</t>
    <phoneticPr fontId="3" type="noConversion"/>
  </si>
  <si>
    <t>澳門特別行政區教育及青年發展局</t>
    <phoneticPr fontId="3" type="noConversion"/>
  </si>
  <si>
    <t>第一名</t>
    <phoneticPr fontId="3" type="noConversion"/>
  </si>
  <si>
    <t>冼子禧</t>
  </si>
  <si>
    <t>P4B</t>
    <phoneticPr fontId="3" type="noConversion"/>
  </si>
  <si>
    <t>男子E組 -27kg</t>
    <phoneticPr fontId="3" type="noConversion"/>
  </si>
  <si>
    <t>女子D組 -40kg</t>
    <phoneticPr fontId="3" type="noConversion"/>
  </si>
  <si>
    <t>第四十三屆學界越野跑比賽</t>
  </si>
  <si>
    <t>男子B組</t>
    <phoneticPr fontId="3" type="noConversion"/>
  </si>
  <si>
    <t>第七名</t>
    <phoneticPr fontId="3" type="noConversion"/>
  </si>
  <si>
    <t>陳雋曄</t>
    <phoneticPr fontId="3" type="noConversion"/>
  </si>
  <si>
    <t>第十名</t>
    <phoneticPr fontId="3" type="noConversion"/>
  </si>
  <si>
    <t>女子C組</t>
    <phoneticPr fontId="3" type="noConversion"/>
  </si>
  <si>
    <t>S4C</t>
    <phoneticPr fontId="3" type="noConversion"/>
  </si>
  <si>
    <t>2021澳門數碼藝術設計比賽</t>
    <phoneticPr fontId="3" type="noConversion"/>
  </si>
  <si>
    <t>高中組</t>
    <phoneticPr fontId="3" type="noConversion"/>
  </si>
  <si>
    <t>一等獎</t>
    <phoneticPr fontId="3" type="noConversion"/>
  </si>
  <si>
    <t>陳曉賢</t>
    <phoneticPr fontId="3" type="noConversion"/>
  </si>
  <si>
    <t>S5D</t>
    <phoneticPr fontId="3" type="noConversion"/>
  </si>
  <si>
    <t>李嘉俊</t>
    <phoneticPr fontId="3" type="noConversion"/>
  </si>
  <si>
    <t>澳門理工學院</t>
    <phoneticPr fontId="3" type="noConversion"/>
  </si>
  <si>
    <t>初中組</t>
    <phoneticPr fontId="3" type="noConversion"/>
  </si>
  <si>
    <t>施名謙</t>
    <phoneticPr fontId="3" type="noConversion"/>
  </si>
  <si>
    <t>S3A</t>
    <phoneticPr fontId="3" type="noConversion"/>
  </si>
  <si>
    <t>第三屆澳門地球科學奧林匹克競賽</t>
  </si>
  <si>
    <t>第十一屆澳門地理奧林匹克競賽</t>
  </si>
  <si>
    <t>澳門地理暨教育研究會</t>
  </si>
  <si>
    <t>銅奬</t>
  </si>
  <si>
    <t>入選奬</t>
  </si>
  <si>
    <t>銀奬</t>
  </si>
  <si>
    <t>周一鳴</t>
  </si>
  <si>
    <t>周曉華</t>
  </si>
  <si>
    <t>陸天嵐</t>
  </si>
  <si>
    <t>吳美瑩</t>
  </si>
  <si>
    <t>崔曦桐</t>
  </si>
  <si>
    <t>鄭善元</t>
  </si>
  <si>
    <t>梁梓朗</t>
  </si>
  <si>
    <t>劉彦彤</t>
  </si>
  <si>
    <t>吳佩茹</t>
  </si>
  <si>
    <t>本地</t>
    <phoneticPr fontId="3" type="noConversion"/>
  </si>
  <si>
    <t>/</t>
    <phoneticPr fontId="3" type="noConversion"/>
  </si>
  <si>
    <t>P5A</t>
  </si>
  <si>
    <t>/</t>
    <phoneticPr fontId="3" type="noConversion"/>
  </si>
  <si>
    <t>國際編程精英挑戰賽2022 澳門區賽</t>
    <phoneticPr fontId="3" type="noConversion"/>
  </si>
  <si>
    <t>冠軍</t>
    <phoneticPr fontId="3" type="noConversion"/>
  </si>
  <si>
    <t>楊皓森</t>
    <phoneticPr fontId="3" type="noConversion"/>
  </si>
  <si>
    <t>P6A</t>
    <phoneticPr fontId="3" type="noConversion"/>
  </si>
  <si>
    <t>潘雪茹 曹臻瑜</t>
    <phoneticPr fontId="3" type="noConversion"/>
  </si>
  <si>
    <t>香港教育學會</t>
    <phoneticPr fontId="3" type="noConversion"/>
  </si>
  <si>
    <t>季軍</t>
    <phoneticPr fontId="3" type="noConversion"/>
  </si>
  <si>
    <t>黃筱祺</t>
    <phoneticPr fontId="3" type="noConversion"/>
  </si>
  <si>
    <t>P5A</t>
    <phoneticPr fontId="3" type="noConversion"/>
  </si>
  <si>
    <t>楊昕桐</t>
  </si>
  <si>
    <t>何臻諾</t>
  </si>
  <si>
    <t>任佳晴</t>
  </si>
  <si>
    <t>第36屆全澳學生朗誦比賽</t>
  </si>
  <si>
    <t>中華教育會</t>
  </si>
  <si>
    <t>二等獎</t>
  </si>
  <si>
    <t>一等奬</t>
  </si>
  <si>
    <t>譚嘉寶 梁詠珈 劉鳳君 鄭春香</t>
  </si>
  <si>
    <t>鄺芷櫻 黃振中 何耀祖 伍婉荷</t>
  </si>
  <si>
    <t>何善然 梁敏怡 高佩華</t>
  </si>
  <si>
    <t>黃子昕</t>
  </si>
  <si>
    <t>黃梓淳</t>
  </si>
  <si>
    <t>盧蔚楠</t>
  </si>
  <si>
    <t>P4B</t>
  </si>
  <si>
    <t>P4F</t>
  </si>
  <si>
    <t>P6B</t>
  </si>
  <si>
    <t>一等獎</t>
  </si>
  <si>
    <t>黃鍵聰 甘雪儀</t>
  </si>
  <si>
    <t>王倩琳 陳嘉瑩</t>
  </si>
  <si>
    <t>謝征 楊婉婷</t>
  </si>
  <si>
    <t>黃偉倫 張穎彤</t>
  </si>
  <si>
    <t>鍾稀濬</t>
  </si>
  <si>
    <t>2021/2022校際數學比賽</t>
  </si>
  <si>
    <t>二等奬</t>
  </si>
  <si>
    <t>尤薇薇</t>
  </si>
  <si>
    <t>教育及青年發展局</t>
    <phoneticPr fontId="3" type="noConversion"/>
  </si>
  <si>
    <t>2022澳門“金蓮花”杯國際數學邀請賽</t>
  </si>
  <si>
    <t>澳門數學教育研究學會</t>
  </si>
  <si>
    <t>銅獎</t>
  </si>
  <si>
    <t>本地</t>
    <phoneticPr fontId="3" type="noConversion"/>
  </si>
  <si>
    <t>維也納國際青年音樂家音樂大賽澳門初賽2022</t>
    <phoneticPr fontId="3" type="noConversion"/>
  </si>
  <si>
    <t>約翰湯普森A組</t>
    <phoneticPr fontId="3" type="noConversion"/>
  </si>
  <si>
    <t>亞軍</t>
    <phoneticPr fontId="3" type="noConversion"/>
  </si>
  <si>
    <t>陳悅圓</t>
    <phoneticPr fontId="3" type="noConversion"/>
  </si>
  <si>
    <t>P1D</t>
    <phoneticPr fontId="3" type="noConversion"/>
  </si>
  <si>
    <t>/</t>
    <phoneticPr fontId="3" type="noConversion"/>
  </si>
  <si>
    <t>香港第一教育集團</t>
    <phoneticPr fontId="3" type="noConversion"/>
  </si>
  <si>
    <t>EIMOC台灣卓越盃國際音樂公開賽2022</t>
    <phoneticPr fontId="3" type="noConversion"/>
  </si>
  <si>
    <t>小學四年級組</t>
    <phoneticPr fontId="3" type="noConversion"/>
  </si>
  <si>
    <t>黃梓淳</t>
    <phoneticPr fontId="3" type="noConversion"/>
  </si>
  <si>
    <t>P4F</t>
    <phoneticPr fontId="3" type="noConversion"/>
  </si>
  <si>
    <t>舒伯特組</t>
    <phoneticPr fontId="3" type="noConversion"/>
  </si>
  <si>
    <t>冠軍</t>
    <phoneticPr fontId="3" type="noConversion"/>
  </si>
  <si>
    <t>八級組</t>
    <phoneticPr fontId="3" type="noConversion"/>
  </si>
  <si>
    <t>季軍</t>
    <phoneticPr fontId="3" type="noConversion"/>
  </si>
  <si>
    <t>鋼琴獨奏八級組</t>
    <phoneticPr fontId="3" type="noConversion"/>
  </si>
  <si>
    <t>2022澳門“金蓮花”杯國際數學邀請賽</t>
    <phoneticPr fontId="3" type="noConversion"/>
  </si>
  <si>
    <t>銅獎</t>
    <phoneticPr fontId="3" type="noConversion"/>
  </si>
  <si>
    <t>鄭媛元</t>
    <phoneticPr fontId="3" type="noConversion"/>
  </si>
  <si>
    <t>P2D</t>
    <phoneticPr fontId="3" type="noConversion"/>
  </si>
  <si>
    <t>澳門數學教育研究學會</t>
    <phoneticPr fontId="3" type="noConversion"/>
  </si>
  <si>
    <t>鋼琴獨奏-少年組</t>
    <phoneticPr fontId="3" type="noConversion"/>
  </si>
  <si>
    <t>科目</t>
    <phoneticPr fontId="3" type="noConversion"/>
  </si>
  <si>
    <t>周汀揚</t>
  </si>
  <si>
    <t>K3A</t>
  </si>
  <si>
    <t>數學思維大激鬥 2021年度「個人賽」</t>
  </si>
  <si>
    <t>全球數學精英賽 2021 總決賽「數學組」</t>
  </si>
  <si>
    <t>全球數學精英賽 2021 總決賽「奧數組」</t>
  </si>
  <si>
    <t>MathConcept Education</t>
  </si>
  <si>
    <t>第一教育集團</t>
  </si>
  <si>
    <t>K3</t>
  </si>
  <si>
    <t>K2</t>
  </si>
  <si>
    <t>Bronze</t>
  </si>
  <si>
    <t>/</t>
    <phoneticPr fontId="3" type="noConversion"/>
  </si>
  <si>
    <t>數學</t>
    <phoneticPr fontId="3" type="noConversion"/>
  </si>
  <si>
    <t>澳門基本法校園壁佈設計比賽</t>
  </si>
  <si>
    <t>張蔚晴</t>
  </si>
  <si>
    <t>李維梓</t>
  </si>
  <si>
    <t>梁鸞</t>
  </si>
  <si>
    <t>本地</t>
    <phoneticPr fontId="3" type="noConversion"/>
  </si>
  <si>
    <t>/</t>
    <phoneticPr fontId="3" type="noConversion"/>
  </si>
  <si>
    <t>本地</t>
    <phoneticPr fontId="3" type="noConversion"/>
  </si>
  <si>
    <t>第三屆澳門青少年科學家大會(MYS)</t>
    <phoneticPr fontId="3" type="noConversion"/>
  </si>
  <si>
    <t>/</t>
    <phoneticPr fontId="3" type="noConversion"/>
  </si>
  <si>
    <t>榮譽獎</t>
    <phoneticPr fontId="3" type="noConversion"/>
  </si>
  <si>
    <t>司徒詠思</t>
    <phoneticPr fontId="3" type="noConversion"/>
  </si>
  <si>
    <t>S5D</t>
    <phoneticPr fontId="3" type="noConversion"/>
  </si>
  <si>
    <t>黃嘉文</t>
    <phoneticPr fontId="3" type="noConversion"/>
  </si>
  <si>
    <t>澳門科學技術促進會</t>
    <phoneticPr fontId="3" type="noConversion"/>
  </si>
  <si>
    <t>鄧伊淋</t>
    <phoneticPr fontId="3" type="noConversion"/>
  </si>
  <si>
    <t>林曉澄</t>
    <phoneticPr fontId="3" type="noConversion"/>
  </si>
  <si>
    <t>S6C</t>
    <phoneticPr fontId="3" type="noConversion"/>
  </si>
  <si>
    <t>2021/2022憲法與基本法校園推廣計劃比賽</t>
  </si>
  <si>
    <t>謝欣恩</t>
  </si>
  <si>
    <t>陳遠謙</t>
  </si>
  <si>
    <t>馮美僑</t>
  </si>
  <si>
    <t>黎曉衡</t>
  </si>
  <si>
    <t>廖宇瀚</t>
  </si>
  <si>
    <t>岑潁淇</t>
  </si>
  <si>
    <t>黃天雅</t>
  </si>
  <si>
    <t>嘉許獎</t>
  </si>
  <si>
    <t>本地</t>
    <phoneticPr fontId="3" type="noConversion"/>
  </si>
  <si>
    <t>陳潔巧</t>
    <phoneticPr fontId="3" type="noConversion"/>
  </si>
  <si>
    <t>翟安怡</t>
    <phoneticPr fontId="3" type="noConversion"/>
  </si>
  <si>
    <t>張冰瑩</t>
    <phoneticPr fontId="3" type="noConversion"/>
  </si>
  <si>
    <t>第38屆青少年學生無煙毒繪畫比賽2022</t>
    <phoneticPr fontId="3" type="noConversion"/>
  </si>
  <si>
    <t>優異獎</t>
    <phoneticPr fontId="3" type="noConversion"/>
  </si>
  <si>
    <t>吳思迪</t>
    <phoneticPr fontId="3" type="noConversion"/>
  </si>
  <si>
    <t>S1A</t>
    <phoneticPr fontId="3" type="noConversion"/>
  </si>
  <si>
    <t>陳泓皓</t>
    <phoneticPr fontId="3" type="noConversion"/>
  </si>
  <si>
    <t>澳門戒煙保健會</t>
    <phoneticPr fontId="3" type="noConversion"/>
  </si>
  <si>
    <t>周彥希</t>
    <phoneticPr fontId="3" type="noConversion"/>
  </si>
  <si>
    <t>2021/2022尋常消費考察獎勵計劃</t>
  </si>
  <si>
    <t>何寶毅</t>
  </si>
  <si>
    <t>黃以嘉</t>
  </si>
  <si>
    <t>尹哲熙</t>
  </si>
  <si>
    <t>陳雪茹</t>
  </si>
  <si>
    <t>張靄琳</t>
  </si>
  <si>
    <t>冼詠琛</t>
  </si>
  <si>
    <t>唐曼蘋</t>
  </si>
  <si>
    <t>林梓晴</t>
  </si>
  <si>
    <t>鄭曉君</t>
  </si>
  <si>
    <t>莫妍</t>
  </si>
  <si>
    <t>蕭迪嵐</t>
  </si>
  <si>
    <t>消費者委員會</t>
  </si>
  <si>
    <t>最佳選題獎</t>
  </si>
  <si>
    <t>嘉許作品獎</t>
  </si>
  <si>
    <t>S3A</t>
    <phoneticPr fontId="3" type="noConversion"/>
  </si>
  <si>
    <t>金子珈</t>
    <phoneticPr fontId="3" type="noConversion"/>
  </si>
  <si>
    <t>「華藝獎」中華傳統文化四格漫畫青少年創作及填色比賽」</t>
    <phoneticPr fontId="3" type="noConversion"/>
  </si>
  <si>
    <t>澳門菁學藝術發展協會</t>
    <phoneticPr fontId="3" type="noConversion"/>
  </si>
  <si>
    <t>「2021紅十字會防災抗疫埴色。繪畫創作比賽」</t>
    <phoneticPr fontId="3" type="noConversion"/>
  </si>
  <si>
    <t>一等獎</t>
    <phoneticPr fontId="3" type="noConversion"/>
  </si>
  <si>
    <t>石潁愉</t>
    <phoneticPr fontId="3" type="noConversion"/>
  </si>
  <si>
    <t>澳門紅十字會</t>
    <phoneticPr fontId="3" type="noConversion"/>
  </si>
  <si>
    <t>第八屆國際中學生數學建模挑戰賽(IMMC)</t>
  </si>
  <si>
    <t>尤子軒</t>
  </si>
  <si>
    <t>陳希揚</t>
  </si>
  <si>
    <t>陳銘欣</t>
  </si>
  <si>
    <t>陳珈瑤</t>
  </si>
  <si>
    <t>張子謙</t>
  </si>
  <si>
    <t>鄭羽晴</t>
  </si>
  <si>
    <t>陳鎮宏</t>
  </si>
  <si>
    <t>李相宜</t>
  </si>
  <si>
    <t>黃炫冠、劉子健</t>
  </si>
  <si>
    <t>儒蓮教科文機構、國際電氣與電子工程師學會(IEEE亞太)</t>
  </si>
  <si>
    <t>／</t>
    <phoneticPr fontId="3" type="noConversion"/>
  </si>
  <si>
    <t>冠軍</t>
    <phoneticPr fontId="3" type="noConversion"/>
  </si>
  <si>
    <t>金子珈</t>
    <phoneticPr fontId="3" type="noConversion"/>
  </si>
  <si>
    <t>S3A</t>
    <phoneticPr fontId="3" type="noConversion"/>
  </si>
  <si>
    <t>李宗羲</t>
    <phoneticPr fontId="3" type="noConversion"/>
  </si>
  <si>
    <t>張樂盈</t>
    <phoneticPr fontId="3" type="noConversion"/>
  </si>
  <si>
    <t>男子A組 100公尺 自由泳</t>
    <phoneticPr fontId="3" type="noConversion"/>
  </si>
  <si>
    <t>男子A組 200公尺 自由泳</t>
    <phoneticPr fontId="3" type="noConversion"/>
  </si>
  <si>
    <t>第一名</t>
    <phoneticPr fontId="3" type="noConversion"/>
  </si>
  <si>
    <t>本地</t>
    <phoneticPr fontId="3" type="noConversion"/>
  </si>
  <si>
    <t>第四十五屆學界游泳比賽</t>
    <phoneticPr fontId="3" type="noConversion"/>
  </si>
  <si>
    <t>女子B組 100公尺蛙泳</t>
    <phoneticPr fontId="3" type="noConversion"/>
  </si>
  <si>
    <t>第三名</t>
    <phoneticPr fontId="3" type="noConversion"/>
  </si>
  <si>
    <t>林正潼</t>
    <phoneticPr fontId="3" type="noConversion"/>
  </si>
  <si>
    <t>S3B</t>
    <phoneticPr fontId="3" type="noConversion"/>
  </si>
  <si>
    <t>/</t>
    <phoneticPr fontId="3" type="noConversion"/>
  </si>
  <si>
    <t>A組(4-6歲)</t>
    <phoneticPr fontId="3" type="noConversion"/>
  </si>
  <si>
    <t>B組(7-9歲)</t>
    <phoneticPr fontId="3" type="noConversion"/>
  </si>
  <si>
    <t>黃偉倩 
楊敏芝 
趙穎壯</t>
    <phoneticPr fontId="3" type="noConversion"/>
  </si>
  <si>
    <t>澳門紅十字會</t>
    <phoneticPr fontId="3" type="noConversion"/>
  </si>
  <si>
    <t>趙穎壯</t>
    <phoneticPr fontId="3" type="noConversion"/>
  </si>
  <si>
    <t>王梅</t>
    <phoneticPr fontId="3" type="noConversion"/>
  </si>
  <si>
    <t>創意賽高級組</t>
  </si>
  <si>
    <t>RoboFest國際賽</t>
    <phoneticPr fontId="3" type="noConversion"/>
  </si>
  <si>
    <t>國際</t>
    <phoneticPr fontId="3" type="noConversion"/>
  </si>
  <si>
    <t>RoboFest國際賽</t>
    <phoneticPr fontId="3" type="noConversion"/>
  </si>
  <si>
    <t xml:space="preserve">創意賽初級組 </t>
    <phoneticPr fontId="3" type="noConversion"/>
  </si>
  <si>
    <t>殿軍</t>
    <phoneticPr fontId="3" type="noConversion"/>
  </si>
  <si>
    <t>莊子軒</t>
    <phoneticPr fontId="3" type="noConversion"/>
  </si>
  <si>
    <t>S1D</t>
    <phoneticPr fontId="3" type="noConversion"/>
  </si>
  <si>
    <t>黎敏康</t>
    <phoneticPr fontId="3" type="noConversion"/>
  </si>
  <si>
    <t xml:space="preserve"> 香港機械人學院284</t>
    <phoneticPr fontId="3" type="noConversion"/>
  </si>
  <si>
    <t>李濠程</t>
    <phoneticPr fontId="3" type="noConversion"/>
  </si>
  <si>
    <t>劉諾謙</t>
    <phoneticPr fontId="3" type="noConversion"/>
  </si>
  <si>
    <t>S1A</t>
    <phoneticPr fontId="3" type="noConversion"/>
  </si>
  <si>
    <t>葉靜雯</t>
  </si>
  <si>
    <t>施少坤</t>
  </si>
  <si>
    <t>翟安怡</t>
  </si>
  <si>
    <t>譚捷娜</t>
  </si>
  <si>
    <t>陳慧玄</t>
  </si>
  <si>
    <t>余宇靜</t>
  </si>
  <si>
    <t>第二名</t>
  </si>
  <si>
    <t>入選獎</t>
  </si>
  <si>
    <t>第二十一屆中學生硬筆書法大賽</t>
    <phoneticPr fontId="3" type="noConversion"/>
  </si>
  <si>
    <t>洪譽庭</t>
    <phoneticPr fontId="3" type="noConversion"/>
  </si>
  <si>
    <t>澳門中學生聯合總會</t>
    <phoneticPr fontId="3" type="noConversion"/>
  </si>
  <si>
    <t>陳安之</t>
    <phoneticPr fontId="3" type="noConversion"/>
  </si>
  <si>
    <t>澳門中學生聯合總會</t>
    <phoneticPr fontId="3" type="noConversion"/>
  </si>
  <si>
    <t>第二十一屆中學生硬筆書法大賽</t>
    <phoneticPr fontId="3" type="noConversion"/>
  </si>
  <si>
    <t>黎皓昇</t>
    <phoneticPr fontId="3" type="noConversion"/>
  </si>
  <si>
    <t>許穎芯</t>
    <phoneticPr fontId="3" type="noConversion"/>
  </si>
  <si>
    <t>鄧伊淋</t>
    <phoneticPr fontId="3" type="noConversion"/>
  </si>
  <si>
    <t>顧敏姿</t>
    <phoneticPr fontId="3" type="noConversion"/>
  </si>
  <si>
    <t>吳曉霖</t>
    <phoneticPr fontId="3" type="noConversion"/>
  </si>
  <si>
    <t>鄭羽彤</t>
    <phoneticPr fontId="3" type="noConversion"/>
  </si>
  <si>
    <t>葉靜雯</t>
    <phoneticPr fontId="3" type="noConversion"/>
  </si>
  <si>
    <t>施曉晴</t>
    <phoneticPr fontId="3" type="noConversion"/>
  </si>
  <si>
    <t>莫妍</t>
    <phoneticPr fontId="3" type="noConversion"/>
  </si>
  <si>
    <t>2021第二十二屆深港澳中學生讀書交流活動</t>
    <phoneticPr fontId="3" type="noConversion"/>
  </si>
  <si>
    <t>黃橙子</t>
    <phoneticPr fontId="3" type="noConversion"/>
  </si>
  <si>
    <t>深港澳中學生讀書隨筆大賽組委會、
深圳讀書月組委會辦公室、
深圳出版發行集團公司</t>
    <phoneticPr fontId="3" type="noConversion"/>
  </si>
  <si>
    <t>中文科</t>
    <phoneticPr fontId="3" type="noConversion"/>
  </si>
  <si>
    <t>第27屆澳門中學生讀後感徵文比賽</t>
  </si>
  <si>
    <t>“我心中的總體國家安全觀” 中文徵文比賽</t>
  </si>
  <si>
    <t>入圍獎</t>
  </si>
  <si>
    <t>周彥希</t>
  </si>
  <si>
    <t>謝思凡</t>
  </si>
  <si>
    <t>趙雪晴</t>
  </si>
  <si>
    <t>孫家敏</t>
  </si>
  <si>
    <t>張慧媚</t>
  </si>
  <si>
    <t>陳映彤</t>
  </si>
  <si>
    <t>黃萬殊</t>
  </si>
  <si>
    <t>第四十五屆學界羽毛球單打比賽</t>
  </si>
  <si>
    <t>/</t>
    <phoneticPr fontId="3" type="noConversion"/>
  </si>
  <si>
    <t>亞軍</t>
    <phoneticPr fontId="3" type="noConversion"/>
  </si>
  <si>
    <t>趙梓誠</t>
    <phoneticPr fontId="3" type="noConversion"/>
  </si>
  <si>
    <t>P6B</t>
    <phoneticPr fontId="3" type="noConversion"/>
  </si>
  <si>
    <t>男子D組</t>
    <phoneticPr fontId="3" type="noConversion"/>
  </si>
  <si>
    <t>男子C組</t>
    <phoneticPr fontId="3" type="noConversion"/>
  </si>
  <si>
    <t>女子C組</t>
    <phoneticPr fontId="3" type="noConversion"/>
  </si>
  <si>
    <t>冠軍</t>
    <phoneticPr fontId="3" type="noConversion"/>
  </si>
  <si>
    <t>殿軍</t>
    <phoneticPr fontId="3" type="noConversion"/>
  </si>
  <si>
    <t>李卓楠</t>
    <phoneticPr fontId="3" type="noConversion"/>
  </si>
  <si>
    <t>李凱彤</t>
    <phoneticPr fontId="3" type="noConversion"/>
  </si>
  <si>
    <t>S2B</t>
    <phoneticPr fontId="3" type="noConversion"/>
  </si>
  <si>
    <t>S2C</t>
    <phoneticPr fontId="3" type="noConversion"/>
  </si>
  <si>
    <t>優異獎</t>
    <phoneticPr fontId="3" type="noConversion"/>
  </si>
  <si>
    <t>本地</t>
    <phoneticPr fontId="3" type="noConversion"/>
  </si>
  <si>
    <t>我與《憲法》和《基本法》演講比賽</t>
    <phoneticPr fontId="3" type="noConversion"/>
  </si>
  <si>
    <t>/</t>
    <phoneticPr fontId="3" type="noConversion"/>
  </si>
  <si>
    <t>冠軍</t>
    <phoneticPr fontId="3" type="noConversion"/>
  </si>
  <si>
    <t>陳安之</t>
    <phoneticPr fontId="3" type="noConversion"/>
  </si>
  <si>
    <t>S3A</t>
    <phoneticPr fontId="3" type="noConversion"/>
  </si>
  <si>
    <t>張冰瑩</t>
    <phoneticPr fontId="3" type="noConversion"/>
  </si>
  <si>
    <t>優秀團隊獎</t>
    <phoneticPr fontId="3" type="noConversion"/>
  </si>
  <si>
    <t>譚巧怡</t>
    <phoneticPr fontId="3" type="noConversion"/>
  </si>
  <si>
    <t>S3B</t>
    <phoneticPr fontId="3" type="noConversion"/>
  </si>
  <si>
    <t>于子晴</t>
    <phoneticPr fontId="3" type="noConversion"/>
  </si>
  <si>
    <t>S3C</t>
    <phoneticPr fontId="3" type="noConversion"/>
  </si>
  <si>
    <t>李維梓</t>
    <phoneticPr fontId="3" type="noConversion"/>
  </si>
  <si>
    <t>S4C</t>
    <phoneticPr fontId="3" type="noConversion"/>
  </si>
  <si>
    <t>劉詠曦</t>
    <phoneticPr fontId="3" type="noConversion"/>
  </si>
  <si>
    <t>S5D</t>
    <phoneticPr fontId="3" type="noConversion"/>
  </si>
  <si>
    <t>教青局、基本法推廣協會、
法務局、市政署</t>
    <phoneticPr fontId="3" type="noConversion"/>
  </si>
  <si>
    <t>男子D組 1000米</t>
    <phoneticPr fontId="3" type="noConversion"/>
  </si>
  <si>
    <t>第八名</t>
  </si>
  <si>
    <t>本地</t>
    <phoneticPr fontId="3" type="noConversion"/>
  </si>
  <si>
    <t>第四十五屆學界田徑比賽</t>
    <phoneticPr fontId="3" type="noConversion"/>
  </si>
  <si>
    <t>趙梓誠</t>
    <phoneticPr fontId="3" type="noConversion"/>
  </si>
  <si>
    <t>P6B</t>
    <phoneticPr fontId="3" type="noConversion"/>
  </si>
  <si>
    <t>伍志偉</t>
    <phoneticPr fontId="3" type="noConversion"/>
  </si>
  <si>
    <t>黃子軒</t>
  </si>
  <si>
    <t>S1B</t>
  </si>
  <si>
    <t>澳門空手道聯盟</t>
  </si>
  <si>
    <t>本地</t>
    <phoneticPr fontId="3" type="noConversion"/>
  </si>
  <si>
    <t>2022全澳13歲或以下空手道公開賽 （第一回）</t>
    <phoneticPr fontId="3" type="noConversion"/>
  </si>
  <si>
    <t>U11 女子團體組手</t>
    <phoneticPr fontId="3" type="noConversion"/>
  </si>
  <si>
    <t>季軍</t>
    <phoneticPr fontId="3" type="noConversion"/>
  </si>
  <si>
    <t>黃子潼</t>
    <phoneticPr fontId="3" type="noConversion"/>
  </si>
  <si>
    <t>P3D</t>
    <phoneticPr fontId="3" type="noConversion"/>
  </si>
  <si>
    <t>/</t>
    <phoneticPr fontId="3" type="noConversion"/>
  </si>
  <si>
    <t>澳門空手道聯盟</t>
    <phoneticPr fontId="3" type="noConversion"/>
  </si>
  <si>
    <t>2022全澳13歲或以下空手道公開賽
（第一回）</t>
    <phoneticPr fontId="3" type="noConversion"/>
  </si>
  <si>
    <t>國際</t>
    <phoneticPr fontId="3" type="noConversion"/>
  </si>
  <si>
    <t>2021-2022世界五子棋無禁手校際線上賽</t>
    <phoneticPr fontId="3" type="noConversion"/>
  </si>
  <si>
    <t>B組(2007-2010年)</t>
    <phoneticPr fontId="3" type="noConversion"/>
  </si>
  <si>
    <t>個人冠軍</t>
    <phoneticPr fontId="3" type="noConversion"/>
  </si>
  <si>
    <t>袁華俊</t>
    <phoneticPr fontId="3" type="noConversion"/>
  </si>
  <si>
    <t>/</t>
    <phoneticPr fontId="3" type="noConversion"/>
  </si>
  <si>
    <t>國際連珠聯盟（R.I.F.）</t>
    <phoneticPr fontId="3" type="noConversion"/>
  </si>
  <si>
    <t>團體季軍</t>
    <phoneticPr fontId="3" type="noConversion"/>
  </si>
  <si>
    <t>黃樂懷</t>
    <phoneticPr fontId="3" type="noConversion"/>
  </si>
  <si>
    <t>S3D</t>
    <phoneticPr fontId="3" type="noConversion"/>
  </si>
  <si>
    <t>唐浩楠</t>
    <phoneticPr fontId="3" type="noConversion"/>
  </si>
  <si>
    <t>S3C</t>
    <phoneticPr fontId="3" type="noConversion"/>
  </si>
  <si>
    <t>U14 -50KG 男子個人組</t>
    <phoneticPr fontId="3" type="noConversion"/>
  </si>
  <si>
    <t>U14男子團體組</t>
    <phoneticPr fontId="3" type="noConversion"/>
  </si>
  <si>
    <t>本地</t>
    <phoneticPr fontId="3" type="noConversion"/>
  </si>
  <si>
    <t>二等奬</t>
    <phoneticPr fontId="3" type="noConversion"/>
  </si>
  <si>
    <t>馮承霖</t>
    <phoneticPr fontId="3" type="noConversion"/>
  </si>
  <si>
    <t>P5C</t>
    <phoneticPr fontId="3" type="noConversion"/>
  </si>
  <si>
    <t>曹臻瑜</t>
    <phoneticPr fontId="3" type="noConversion"/>
  </si>
  <si>
    <t>澳門國際青年創新創意協會</t>
    <phoneticPr fontId="3" type="noConversion"/>
  </si>
  <si>
    <t>電子信息智能創新大賽-澳門區選拔賽
(無人機障礙競技賽項目)</t>
    <phoneticPr fontId="3" type="noConversion"/>
  </si>
  <si>
    <t>男子C組 100公尺 仰泳</t>
    <phoneticPr fontId="3" type="noConversion"/>
  </si>
  <si>
    <t>男子C組 200公尺 自由泳</t>
    <phoneticPr fontId="3" type="noConversion"/>
  </si>
  <si>
    <t>女子B組 50公尺仰泳</t>
    <phoneticPr fontId="3" type="noConversion"/>
  </si>
  <si>
    <t>第一名</t>
    <phoneticPr fontId="3" type="noConversion"/>
  </si>
  <si>
    <t>男子A組 50公尺自由泳</t>
    <phoneticPr fontId="3" type="noConversion"/>
  </si>
  <si>
    <t>男子A組 4x100公尺自由泳</t>
    <phoneticPr fontId="3" type="noConversion"/>
  </si>
  <si>
    <t>S2C</t>
    <phoneticPr fontId="3" type="noConversion"/>
  </si>
  <si>
    <t>本地</t>
    <phoneticPr fontId="3" type="noConversion"/>
  </si>
  <si>
    <t>Brain Bee 腦神經科學大賽</t>
    <phoneticPr fontId="3" type="noConversion"/>
  </si>
  <si>
    <t>優異獎</t>
    <phoneticPr fontId="3" type="noConversion"/>
  </si>
  <si>
    <t>鄭羽彤</t>
    <phoneticPr fontId="3" type="noConversion"/>
  </si>
  <si>
    <t>S5D</t>
    <phoneticPr fontId="3" type="noConversion"/>
  </si>
  <si>
    <t>蔣濤</t>
    <phoneticPr fontId="3" type="noConversion"/>
  </si>
  <si>
    <t>澳門何鴻燊基金</t>
    <phoneticPr fontId="3" type="noConversion"/>
  </si>
  <si>
    <t>/</t>
    <phoneticPr fontId="3" type="noConversion"/>
  </si>
  <si>
    <t>本地</t>
    <phoneticPr fontId="3" type="noConversion"/>
  </si>
  <si>
    <t>全澳學生朗誦比賽</t>
    <phoneticPr fontId="3" type="noConversion"/>
  </si>
  <si>
    <t>一等獎</t>
    <phoneticPr fontId="3" type="noConversion"/>
  </si>
  <si>
    <t>趙雪晴</t>
    <phoneticPr fontId="3" type="noConversion"/>
  </si>
  <si>
    <t>S3D</t>
    <phoneticPr fontId="3" type="noConversion"/>
  </si>
  <si>
    <t>伍詠欣</t>
    <phoneticPr fontId="3" type="noConversion"/>
  </si>
  <si>
    <t>中華教育會</t>
    <phoneticPr fontId="3" type="noConversion"/>
  </si>
  <si>
    <t>二等獎</t>
    <phoneticPr fontId="3" type="noConversion"/>
  </si>
  <si>
    <t>鍾欣彤</t>
    <phoneticPr fontId="3" type="noConversion"/>
  </si>
  <si>
    <t>S4A</t>
    <phoneticPr fontId="3" type="noConversion"/>
  </si>
  <si>
    <t>胡偉昌</t>
    <phoneticPr fontId="3" type="noConversion"/>
  </si>
  <si>
    <t>第五名</t>
    <phoneticPr fontId="3" type="noConversion"/>
  </si>
  <si>
    <t>鄺樂恆</t>
    <phoneticPr fontId="3" type="noConversion"/>
  </si>
  <si>
    <t>本地</t>
    <phoneticPr fontId="3" type="noConversion"/>
  </si>
  <si>
    <t>全澳中學生立體藝術創作比賽2022</t>
    <phoneticPr fontId="3" type="noConversion"/>
  </si>
  <si>
    <t>/</t>
    <phoneticPr fontId="3" type="noConversion"/>
  </si>
  <si>
    <t>S5C</t>
    <phoneticPr fontId="3" type="noConversion"/>
  </si>
  <si>
    <t>陳泓皓</t>
    <phoneticPr fontId="3" type="noConversion"/>
  </si>
  <si>
    <t>澳門雕塑學會</t>
    <phoneticPr fontId="3" type="noConversion"/>
  </si>
  <si>
    <t>全澳學生朗誦比賽</t>
  </si>
  <si>
    <t>2022新港澳新春書法比賽</t>
  </si>
  <si>
    <t>中學生讀書隨筆寫作比賽</t>
  </si>
  <si>
    <t>中國中學生作文大賽</t>
  </si>
  <si>
    <t>澳門書法教育研究會</t>
  </si>
  <si>
    <t>蕭璇悅</t>
  </si>
  <si>
    <t>吳梓晴</t>
  </si>
  <si>
    <t>陸紫騫</t>
  </si>
  <si>
    <t>于子晴</t>
  </si>
  <si>
    <t>曾雅媛</t>
  </si>
  <si>
    <t>鍾雨桐</t>
  </si>
  <si>
    <t>李凱彤</t>
  </si>
  <si>
    <t>2022全澳青少年精英爭霸賽</t>
  </si>
  <si>
    <t>女子單打U15</t>
  </si>
  <si>
    <t>澳門羽毛球總會</t>
  </si>
  <si>
    <t>/</t>
    <phoneticPr fontId="3" type="noConversion"/>
  </si>
  <si>
    <t>國際編程精英挑戰賽2022 - CodeCombat港澳台挑戰賽</t>
  </si>
  <si>
    <t>林柏翹</t>
  </si>
  <si>
    <t>羅承盛</t>
  </si>
  <si>
    <t>周子晴</t>
  </si>
  <si>
    <t>張子鑅</t>
  </si>
  <si>
    <t>陳曉賢</t>
  </si>
  <si>
    <t>S2D</t>
  </si>
  <si>
    <t>啟瀚科技教育</t>
  </si>
  <si>
    <t>金獎/澳門區第三名</t>
  </si>
  <si>
    <t>澳門數碼藝術品設計比賽</t>
  </si>
  <si>
    <t>澳門聯校科學展覽籌備委員會</t>
  </si>
  <si>
    <t>施名謙</t>
  </si>
  <si>
    <t>李嘉俊</t>
  </si>
  <si>
    <t>第三屆澳門中學生歷史知識競賽</t>
  </si>
  <si>
    <t>澳門基金會、澳門歷史教育學會</t>
  </si>
  <si>
    <t>張凱晴</t>
  </si>
  <si>
    <t>吳曉霖</t>
  </si>
  <si>
    <t>葉文朗</t>
  </si>
  <si>
    <t>江子毅</t>
  </si>
  <si>
    <t>談浩熙</t>
  </si>
  <si>
    <t>龐志豪</t>
  </si>
  <si>
    <t>二甲</t>
  </si>
  <si>
    <t>/</t>
    <phoneticPr fontId="3" type="noConversion"/>
  </si>
  <si>
    <t>澳門青少年機械人大賽</t>
  </si>
  <si>
    <t>深圳大彊</t>
  </si>
  <si>
    <t xml:space="preserve">參與獎
</t>
  </si>
  <si>
    <t>2021-2022全國青少年電子信息智能創新大賽</t>
  </si>
  <si>
    <t>RoboFest國際賽-創意賽高級組</t>
  </si>
  <si>
    <t>澳門青少年綜合機械人科普活動選拔大賽</t>
  </si>
  <si>
    <t>澳門國際青年創新創意協會、中國電子學會</t>
  </si>
  <si>
    <t>澳門科技創新教育學會、香港機械人學會</t>
  </si>
  <si>
    <t>殿軍</t>
  </si>
  <si>
    <t>莊子軒</t>
  </si>
  <si>
    <t>李濠程</t>
  </si>
  <si>
    <t>全澳青少年(學界)創新挑戰賽</t>
  </si>
  <si>
    <t>本地</t>
    <phoneticPr fontId="3" type="noConversion"/>
  </si>
  <si>
    <t>優異獎</t>
    <phoneticPr fontId="3" type="noConversion"/>
  </si>
  <si>
    <t>澳門教育及青年發展局</t>
  </si>
  <si>
    <t>本地</t>
    <phoneticPr fontId="3" type="noConversion"/>
  </si>
  <si>
    <t>全澳青少年(學界)創新挑戰賽</t>
    <phoneticPr fontId="3" type="noConversion"/>
  </si>
  <si>
    <t>/</t>
    <phoneticPr fontId="3" type="noConversion"/>
  </si>
  <si>
    <t>優良獎</t>
    <phoneticPr fontId="3" type="noConversion"/>
  </si>
  <si>
    <t>林芷薇</t>
    <phoneticPr fontId="3" type="noConversion"/>
  </si>
  <si>
    <t>S5C</t>
    <phoneticPr fontId="3" type="noConversion"/>
  </si>
  <si>
    <t>黃嘉文</t>
    <phoneticPr fontId="3" type="noConversion"/>
  </si>
  <si>
    <t>澳門教育及青年發展局</t>
    <phoneticPr fontId="3" type="noConversion"/>
  </si>
  <si>
    <t>本地</t>
    <phoneticPr fontId="3" type="noConversion"/>
  </si>
  <si>
    <t>全澳青少年(學界)創新挑戰賽</t>
    <phoneticPr fontId="3" type="noConversion"/>
  </si>
  <si>
    <t>/</t>
    <phoneticPr fontId="3" type="noConversion"/>
  </si>
  <si>
    <t>優良獎</t>
    <phoneticPr fontId="3" type="noConversion"/>
  </si>
  <si>
    <t>倪海崙</t>
    <phoneticPr fontId="3" type="noConversion"/>
  </si>
  <si>
    <t>黃嘉文</t>
    <phoneticPr fontId="3" type="noConversion"/>
  </si>
  <si>
    <t>本地</t>
    <phoneticPr fontId="3" type="noConversion"/>
  </si>
  <si>
    <t>/</t>
    <phoneticPr fontId="3" type="noConversion"/>
  </si>
  <si>
    <t>劉詠曦</t>
    <phoneticPr fontId="3" type="noConversion"/>
  </si>
  <si>
    <t>S5D</t>
    <phoneticPr fontId="3" type="noConversion"/>
  </si>
  <si>
    <t>科研成果宣傳推廣活動</t>
  </si>
  <si>
    <t>第25屆莫斯科阿基米德國際發明與創新科技展</t>
  </si>
  <si>
    <t>土耳其1idea1world國際發明、設計及創業比賽</t>
  </si>
  <si>
    <t>中銀科創菁英挑戰賽</t>
  </si>
  <si>
    <t>澳門科學技術發展基金</t>
  </si>
  <si>
    <t>莫斯科 «阿基米德» 國際發明暨創新科技展籌委會，澳門創新發明協會協辦</t>
  </si>
  <si>
    <t>土耳其創新者協會主辦，澳門創新發明協會協辦</t>
  </si>
  <si>
    <t>澳門大學</t>
  </si>
  <si>
    <t>本地</t>
    <phoneticPr fontId="3" type="noConversion"/>
  </si>
  <si>
    <t>國際</t>
    <phoneticPr fontId="3" type="noConversion"/>
  </si>
  <si>
    <t>前三名(不分名次)</t>
    <phoneticPr fontId="3" type="noConversion"/>
  </si>
  <si>
    <t>港澳台</t>
    <phoneticPr fontId="3" type="noConversion"/>
  </si>
  <si>
    <t>國際編程精英挑戰賽2022 港澳台區總決賽</t>
    <phoneticPr fontId="3" type="noConversion"/>
  </si>
  <si>
    <t>/</t>
    <phoneticPr fontId="3" type="noConversion"/>
  </si>
  <si>
    <t>總亞軍</t>
    <phoneticPr fontId="3" type="noConversion"/>
  </si>
  <si>
    <t>陳德謙</t>
    <phoneticPr fontId="3" type="noConversion"/>
  </si>
  <si>
    <t>P6D</t>
    <phoneticPr fontId="3" type="noConversion"/>
  </si>
  <si>
    <t>黃偉倩 潘雪茹 曹臻瑜</t>
    <phoneticPr fontId="3" type="noConversion"/>
  </si>
  <si>
    <t>香港教育學會</t>
    <phoneticPr fontId="3" type="noConversion"/>
  </si>
  <si>
    <t>港澳台</t>
    <phoneticPr fontId="3" type="noConversion"/>
  </si>
  <si>
    <t>國際編程精英挑戰賽2022 港澳台區總決賽</t>
    <phoneticPr fontId="3" type="noConversion"/>
  </si>
  <si>
    <t>/</t>
    <phoneticPr fontId="3" type="noConversion"/>
  </si>
  <si>
    <t>金奬</t>
    <phoneticPr fontId="3" type="noConversion"/>
  </si>
  <si>
    <t>鄺頌謙</t>
    <phoneticPr fontId="3" type="noConversion"/>
  </si>
  <si>
    <t>P4F</t>
    <phoneticPr fontId="3" type="noConversion"/>
  </si>
  <si>
    <t>梁洛珉</t>
    <phoneticPr fontId="3" type="noConversion"/>
  </si>
  <si>
    <t>談峻碩</t>
    <phoneticPr fontId="3" type="noConversion"/>
  </si>
  <si>
    <t>P4A</t>
    <phoneticPr fontId="3" type="noConversion"/>
  </si>
  <si>
    <t>第二屆香港青年兒童音樂家大賽</t>
  </si>
  <si>
    <t>豎琴少年高級組</t>
  </si>
  <si>
    <t>香港青年兒童文藝協會</t>
  </si>
  <si>
    <t>/</t>
    <phoneticPr fontId="3" type="noConversion"/>
  </si>
  <si>
    <t>澳門科技創新教育學會、澳門教育暨青年發展事務局</t>
    <phoneticPr fontId="3" type="noConversion"/>
  </si>
  <si>
    <t>澳門教育暨青年發展事務局</t>
  </si>
  <si>
    <t>2021/2022學年國際青少年科學家大會</t>
    <phoneticPr fontId="3" type="noConversion"/>
  </si>
  <si>
    <t>/</t>
    <phoneticPr fontId="3" type="noConversion"/>
  </si>
  <si>
    <t>優異獎</t>
    <phoneticPr fontId="3" type="noConversion"/>
  </si>
  <si>
    <t>梁子瑩</t>
    <phoneticPr fontId="3" type="noConversion"/>
  </si>
  <si>
    <t>S5C</t>
    <phoneticPr fontId="3" type="noConversion"/>
  </si>
  <si>
    <t>黃炫冠</t>
    <phoneticPr fontId="3" type="noConversion"/>
  </si>
  <si>
    <t>CENTER FOR YOUNG SCIENTISTS (CYS)</t>
    <phoneticPr fontId="3" type="noConversion"/>
  </si>
  <si>
    <t>羅悅</t>
    <phoneticPr fontId="3" type="noConversion"/>
  </si>
  <si>
    <t>第九屆香港國際青少年音樂表演藝術節</t>
  </si>
  <si>
    <t>第九屆香港國際青少年音樂表演節</t>
  </si>
  <si>
    <t>第九屆香港國際青少年表演藝術節</t>
  </si>
  <si>
    <t>第九屆香港國際青少年表演音樂節</t>
  </si>
  <si>
    <t>IYMMC 維也納國際青年音樂家大賽</t>
  </si>
  <si>
    <t>IYMMC 維也鈉國際青年音樂家大賽</t>
  </si>
  <si>
    <t>第38屆澳門青年音樂比賽</t>
  </si>
  <si>
    <t>第38澳門青年音樂比賽</t>
  </si>
  <si>
    <t>香港青少年表演藝術交流發展協會</t>
  </si>
  <si>
    <t>香港青少年表演藝術交流中心</t>
  </si>
  <si>
    <t>環球表演藝術學院 UAPA</t>
  </si>
  <si>
    <t>環球表演藝術學院</t>
  </si>
  <si>
    <t>澳門文化局</t>
  </si>
  <si>
    <t>豎琴公開分齡組</t>
  </si>
  <si>
    <t>豎琴公開分齡組 青年組</t>
  </si>
  <si>
    <t>豎琴公開分齡組 公開組</t>
  </si>
  <si>
    <t>YOUTH B CLASS HARP</t>
  </si>
  <si>
    <t>GRADE 7 HARP</t>
  </si>
  <si>
    <t>豎琴中組組</t>
  </si>
  <si>
    <t>弦樂室內樂</t>
  </si>
  <si>
    <t>總決賽優異獎</t>
  </si>
  <si>
    <t>2017 YONEX CUP GEMDALE SPORTS INTERNATIONAL JUNIOR TOUR MACAU STAGE</t>
  </si>
  <si>
    <t>2021 全澳青少年及成年組空手道公開賽（第2回）</t>
  </si>
  <si>
    <t>2021全澳青少年及成年組空手道公開賽（第2回）</t>
  </si>
  <si>
    <t>2022全澳少年組、U21及成年組空手道公開賽（第一回）</t>
  </si>
  <si>
    <t>Shenzhen Gemdale Sports Industry Co., Ltd</t>
  </si>
  <si>
    <t>U12 BOYS SINGLE</t>
  </si>
  <si>
    <t>青少年高級組男子個人型</t>
  </si>
  <si>
    <t>男子團體型</t>
  </si>
  <si>
    <t>16/20歲高級組男子個人型</t>
  </si>
  <si>
    <t>本地</t>
    <phoneticPr fontId="3" type="noConversion"/>
  </si>
  <si>
    <t>2022數學思維大激鬥</t>
    <phoneticPr fontId="3" type="noConversion"/>
  </si>
  <si>
    <t>銅奬</t>
    <phoneticPr fontId="3" type="noConversion"/>
  </si>
  <si>
    <t>楊善晴</t>
    <phoneticPr fontId="3" type="noConversion"/>
  </si>
  <si>
    <t>P1B</t>
    <phoneticPr fontId="3" type="noConversion"/>
  </si>
  <si>
    <t>/</t>
    <phoneticPr fontId="3" type="noConversion"/>
  </si>
  <si>
    <t>Math concepts</t>
    <phoneticPr fontId="3" type="noConversion"/>
  </si>
  <si>
    <t>P1</t>
    <phoneticPr fontId="3" type="noConversion"/>
  </si>
  <si>
    <t>豎琴級別組 青年組</t>
    <phoneticPr fontId="3" type="noConversion"/>
  </si>
  <si>
    <t>中國中學生作文大賽組織委員會，
恆源祥（集團）有限公司</t>
    <phoneticPr fontId="3" type="noConversion"/>
  </si>
  <si>
    <t>深港澳中學生讀書隨筆大賽組委會、
深圳讀書月組委會辦公室、
深圳出版發行集團公司</t>
    <phoneticPr fontId="3" type="noConversion"/>
  </si>
  <si>
    <t>教青局、
中國電影基金會及澳門影視傳播協進會</t>
    <phoneticPr fontId="3" type="noConversion"/>
  </si>
  <si>
    <t>澳門基金會、
澳門日報</t>
    <phoneticPr fontId="3" type="noConversion"/>
  </si>
  <si>
    <t>澳門特區政府、
中聯辦</t>
    <phoneticPr fontId="3" type="noConversion"/>
  </si>
  <si>
    <t>學號</t>
  </si>
  <si>
    <t>學號</t>
    <phoneticPr fontId="3" type="noConversion"/>
  </si>
  <si>
    <t>學號</t>
    <phoneticPr fontId="3" type="noConversion"/>
  </si>
  <si>
    <t>學號</t>
    <phoneticPr fontId="3" type="noConversion"/>
  </si>
  <si>
    <t>中文姓名</t>
  </si>
  <si>
    <t>班別</t>
  </si>
  <si>
    <t>身份證號碼</t>
  </si>
  <si>
    <t>學生證號碼</t>
  </si>
  <si>
    <t>出生日期</t>
  </si>
  <si>
    <t>外文姓名</t>
  </si>
  <si>
    <t>新生/重讀</t>
  </si>
  <si>
    <t>性別</t>
  </si>
  <si>
    <t>家社</t>
    <phoneticPr fontId="3" type="noConversion"/>
  </si>
  <si>
    <t>施莉雅</t>
  </si>
  <si>
    <t>P1</t>
  </si>
  <si>
    <t>A</t>
  </si>
  <si>
    <t xml:space="preserve">  1</t>
  </si>
  <si>
    <t>16201618</t>
  </si>
  <si>
    <t>18593747</t>
  </si>
  <si>
    <t>01-Oct-15</t>
  </si>
  <si>
    <t>CELIA DA SILVA</t>
  </si>
  <si>
    <t>F</t>
  </si>
  <si>
    <t/>
  </si>
  <si>
    <t>陳賢馨</t>
  </si>
  <si>
    <t xml:space="preserve">  2</t>
  </si>
  <si>
    <t>16089658</t>
  </si>
  <si>
    <t>18529100</t>
  </si>
  <si>
    <t>02-Mar-15</t>
  </si>
  <si>
    <t>CHAN IN HENG</t>
  </si>
  <si>
    <t>陳筠蕾</t>
  </si>
  <si>
    <t xml:space="preserve">  3</t>
  </si>
  <si>
    <t>16154775</t>
  </si>
  <si>
    <t>18511422</t>
  </si>
  <si>
    <t>19-Jul-15</t>
  </si>
  <si>
    <t>CHAN KUAN LOI</t>
  </si>
  <si>
    <t>陳思霖</t>
  </si>
  <si>
    <t xml:space="preserve">  4</t>
  </si>
  <si>
    <t>16222978</t>
  </si>
  <si>
    <t>18529917</t>
  </si>
  <si>
    <t>16-Oct-15</t>
  </si>
  <si>
    <t>CHAN SI LAM</t>
  </si>
  <si>
    <t>周澄</t>
  </si>
  <si>
    <t xml:space="preserve">  5</t>
  </si>
  <si>
    <t>16181059</t>
  </si>
  <si>
    <t>18542050</t>
  </si>
  <si>
    <t>20-Jul-15</t>
  </si>
  <si>
    <t>CHAO CHENG PEONY</t>
  </si>
  <si>
    <t>謝睿莛</t>
  </si>
  <si>
    <t xml:space="preserve">  6</t>
  </si>
  <si>
    <t>16037103</t>
  </si>
  <si>
    <t>18550878</t>
  </si>
  <si>
    <t>07-Dec-14</t>
  </si>
  <si>
    <t>CHE IOI TENG</t>
  </si>
  <si>
    <t>M</t>
  </si>
  <si>
    <t>陳達立</t>
  </si>
  <si>
    <t xml:space="preserve">  7</t>
  </si>
  <si>
    <t>16123390</t>
  </si>
  <si>
    <t>18559387</t>
  </si>
  <si>
    <t>11-May-15</t>
  </si>
  <si>
    <t>CHEN TAT LAP</t>
  </si>
  <si>
    <t>施惠然</t>
  </si>
  <si>
    <t xml:space="preserve">  8</t>
  </si>
  <si>
    <t>16101883</t>
  </si>
  <si>
    <t>18593011</t>
  </si>
  <si>
    <t>22-Feb-15</t>
  </si>
  <si>
    <t xml:space="preserve">DE ASSIS NATALIA RITA _x000D_
</t>
  </si>
  <si>
    <t>馮振霆</t>
  </si>
  <si>
    <t xml:space="preserve">  9</t>
  </si>
  <si>
    <t>16061665</t>
  </si>
  <si>
    <t>18548849</t>
  </si>
  <si>
    <t>31-Jan-15</t>
  </si>
  <si>
    <t>FONG CHAN TENG</t>
  </si>
  <si>
    <t>馮奕龍</t>
  </si>
  <si>
    <t xml:space="preserve"> 10</t>
  </si>
  <si>
    <t>16205346</t>
  </si>
  <si>
    <t>18529399</t>
  </si>
  <si>
    <t>03-Oct-15</t>
  </si>
  <si>
    <t>FONG IEK LONG</t>
  </si>
  <si>
    <t>何芷穎</t>
  </si>
  <si>
    <t xml:space="preserve"> 11</t>
  </si>
  <si>
    <t>16175374</t>
  </si>
  <si>
    <t>18529976</t>
  </si>
  <si>
    <t>29-May-15</t>
  </si>
  <si>
    <t>HO CHI WENG</t>
  </si>
  <si>
    <t>何仲言</t>
  </si>
  <si>
    <t xml:space="preserve"> 12</t>
  </si>
  <si>
    <t>16128696</t>
  </si>
  <si>
    <t>18559352</t>
  </si>
  <si>
    <t>28-Apr-15</t>
  </si>
  <si>
    <t>HO CHUNG YIN</t>
  </si>
  <si>
    <t>何芯睿</t>
  </si>
  <si>
    <t xml:space="preserve"> 13</t>
  </si>
  <si>
    <t>16125650</t>
  </si>
  <si>
    <t>18522467</t>
  </si>
  <si>
    <t>04-Apr-15</t>
  </si>
  <si>
    <t>HO SAM IOI</t>
  </si>
  <si>
    <t>李俊霆</t>
  </si>
  <si>
    <t xml:space="preserve"> 14</t>
  </si>
  <si>
    <t>16051070</t>
  </si>
  <si>
    <t>18558216</t>
  </si>
  <si>
    <t>06-Jan-15</t>
  </si>
  <si>
    <t>LEI CHON TENG</t>
  </si>
  <si>
    <t>李曉茵</t>
  </si>
  <si>
    <t xml:space="preserve"> 15</t>
  </si>
  <si>
    <t>16054348</t>
  </si>
  <si>
    <t>18523870</t>
  </si>
  <si>
    <t>15-Jan-15</t>
  </si>
  <si>
    <t>LEI HIO IAN</t>
  </si>
  <si>
    <t>李廷譽</t>
  </si>
  <si>
    <t xml:space="preserve"> 16</t>
  </si>
  <si>
    <t>16141129</t>
  </si>
  <si>
    <t>18528805</t>
  </si>
  <si>
    <t>07-Jun-15</t>
  </si>
  <si>
    <t>LEI TENG U</t>
  </si>
  <si>
    <t>梁鉦琳</t>
  </si>
  <si>
    <t xml:space="preserve"> 17</t>
  </si>
  <si>
    <t>16090094</t>
  </si>
  <si>
    <t>18550770</t>
  </si>
  <si>
    <t>22-Jan-15</t>
  </si>
  <si>
    <t>LEONG CHENG LAM</t>
  </si>
  <si>
    <t>梁焯謙</t>
  </si>
  <si>
    <t xml:space="preserve"> 18</t>
  </si>
  <si>
    <t>16087967</t>
  </si>
  <si>
    <t>18558453</t>
  </si>
  <si>
    <t>15-Feb-15</t>
  </si>
  <si>
    <t>LEONG CHEOK HIM</t>
  </si>
  <si>
    <t>連千妤</t>
  </si>
  <si>
    <t xml:space="preserve"> 19</t>
  </si>
  <si>
    <t>16176471</t>
  </si>
  <si>
    <t>18510310</t>
  </si>
  <si>
    <t>14-Jul-15</t>
  </si>
  <si>
    <t>LIN CHIN U</t>
  </si>
  <si>
    <t>林暉淇</t>
  </si>
  <si>
    <t xml:space="preserve"> 20</t>
  </si>
  <si>
    <t>16188856</t>
  </si>
  <si>
    <t>18546986</t>
  </si>
  <si>
    <t>27-Aug-15</t>
  </si>
  <si>
    <t>LIN FAI KEI</t>
  </si>
  <si>
    <t>廖妤睿</t>
  </si>
  <si>
    <t xml:space="preserve"> 21</t>
  </si>
  <si>
    <t>16204174</t>
  </si>
  <si>
    <t>18511503</t>
  </si>
  <si>
    <t>20-Oct-15</t>
  </si>
  <si>
    <t>LIO U IOI</t>
  </si>
  <si>
    <t>繆思朗</t>
  </si>
  <si>
    <t xml:space="preserve"> 22</t>
  </si>
  <si>
    <t>16231714</t>
  </si>
  <si>
    <t>1855704X</t>
  </si>
  <si>
    <t>30-Oct-15</t>
  </si>
  <si>
    <t>MIU SI LONG</t>
  </si>
  <si>
    <t>蒙芷媃</t>
  </si>
  <si>
    <t xml:space="preserve"> 23</t>
  </si>
  <si>
    <t>16218018</t>
  </si>
  <si>
    <t>18556094</t>
  </si>
  <si>
    <t>29-Oct-15</t>
  </si>
  <si>
    <t>MONG CHI IAO</t>
  </si>
  <si>
    <t>吳愷原</t>
  </si>
  <si>
    <t xml:space="preserve"> 24</t>
  </si>
  <si>
    <t>16160434</t>
  </si>
  <si>
    <t>18529178</t>
  </si>
  <si>
    <t>28-Jun-15</t>
  </si>
  <si>
    <t>NG HOI UN</t>
  </si>
  <si>
    <t>吳沅瞳</t>
  </si>
  <si>
    <t xml:space="preserve"> 25</t>
  </si>
  <si>
    <t>16090011</t>
  </si>
  <si>
    <t>18528880</t>
  </si>
  <si>
    <t>08-Feb-15</t>
  </si>
  <si>
    <t>NG UN TONG</t>
  </si>
  <si>
    <t>岑珺灝</t>
  </si>
  <si>
    <t xml:space="preserve"> 26</t>
  </si>
  <si>
    <t>16104408</t>
  </si>
  <si>
    <t>18529291</t>
  </si>
  <si>
    <t>20-Mar-15</t>
  </si>
  <si>
    <t>SAM ALECO</t>
  </si>
  <si>
    <t>岑沛慈</t>
  </si>
  <si>
    <t xml:space="preserve"> 27</t>
  </si>
  <si>
    <t>16145344</t>
  </si>
  <si>
    <t>1855539X</t>
  </si>
  <si>
    <t>23-Apr-15</t>
  </si>
  <si>
    <t>SAM PUI CHI</t>
  </si>
  <si>
    <t>孫立珩</t>
  </si>
  <si>
    <t xml:space="preserve"> 28</t>
  </si>
  <si>
    <t>16091019</t>
  </si>
  <si>
    <t>18553419</t>
  </si>
  <si>
    <t>24-Jan-15</t>
  </si>
  <si>
    <t>SUN LAP HANG</t>
  </si>
  <si>
    <t>黃焯昱</t>
  </si>
  <si>
    <t xml:space="preserve"> 29</t>
  </si>
  <si>
    <t>16099939</t>
  </si>
  <si>
    <t>18559158</t>
  </si>
  <si>
    <t>10-Mar-15</t>
  </si>
  <si>
    <t>VONG CHEOK IOK</t>
  </si>
  <si>
    <t>鮑梓滺</t>
  </si>
  <si>
    <t xml:space="preserve"> 30</t>
  </si>
  <si>
    <t>16256463</t>
  </si>
  <si>
    <t>18534627</t>
  </si>
  <si>
    <t>22-Dec-15</t>
  </si>
  <si>
    <t>PAO CHI IAO HEIDI</t>
  </si>
  <si>
    <t>王詩晴</t>
  </si>
  <si>
    <t xml:space="preserve"> 31</t>
  </si>
  <si>
    <t>16098147</t>
  </si>
  <si>
    <t>18529410</t>
  </si>
  <si>
    <t>WONG SI CHENG</t>
  </si>
  <si>
    <t>吳抒涵</t>
  </si>
  <si>
    <t xml:space="preserve"> 32</t>
  </si>
  <si>
    <t>16086613</t>
  </si>
  <si>
    <t>1852883X</t>
  </si>
  <si>
    <t>09-Mar-15</t>
  </si>
  <si>
    <t>WU SU HAM</t>
  </si>
  <si>
    <t>張牧也</t>
  </si>
  <si>
    <t xml:space="preserve"> 33</t>
  </si>
  <si>
    <t>CC5938910</t>
  </si>
  <si>
    <t>18593437</t>
  </si>
  <si>
    <t>27-Oct-15</t>
  </si>
  <si>
    <t>ZHANG MUYE</t>
  </si>
  <si>
    <t>歐鎮霆</t>
  </si>
  <si>
    <t>B</t>
  </si>
  <si>
    <t>16071813</t>
  </si>
  <si>
    <t>1855413X</t>
  </si>
  <si>
    <t>02-Feb-15</t>
  </si>
  <si>
    <t>AO CHAN TENG</t>
  </si>
  <si>
    <t>歐愷兒</t>
  </si>
  <si>
    <t>16129686</t>
  </si>
  <si>
    <t>18557465</t>
  </si>
  <si>
    <t>09-May-15</t>
  </si>
  <si>
    <t>AO HOI I</t>
  </si>
  <si>
    <t>陳祉曦</t>
  </si>
  <si>
    <t>16218851</t>
  </si>
  <si>
    <t>18502253</t>
  </si>
  <si>
    <t>02-Nov-15</t>
  </si>
  <si>
    <t>CHAN CHI HEI</t>
  </si>
  <si>
    <t>陳浚賢</t>
  </si>
  <si>
    <t>16139198</t>
  </si>
  <si>
    <t>18527906</t>
  </si>
  <si>
    <t>02-Jun-15</t>
  </si>
  <si>
    <t>CHAN CHON IN</t>
  </si>
  <si>
    <t>陳啓宙</t>
  </si>
  <si>
    <t>16040198</t>
  </si>
  <si>
    <t>18557880</t>
  </si>
  <si>
    <t>26-Nov-14</t>
  </si>
  <si>
    <t>CHAN KAI CHAO</t>
  </si>
  <si>
    <t>鄒樂柔</t>
  </si>
  <si>
    <t>16166852</t>
  </si>
  <si>
    <t>1851314X</t>
  </si>
  <si>
    <t>17-Jul-15</t>
  </si>
  <si>
    <t>CHAO LOK IAO</t>
  </si>
  <si>
    <t>周思汶</t>
  </si>
  <si>
    <t>16171449</t>
  </si>
  <si>
    <t>1852656X</t>
  </si>
  <si>
    <t>10-Aug-15</t>
  </si>
  <si>
    <t>CHAO SI MAN</t>
  </si>
  <si>
    <t>鄭鎧欣</t>
  </si>
  <si>
    <t>16196685</t>
  </si>
  <si>
    <t>1850437X</t>
  </si>
  <si>
    <t>19-Sep-15</t>
  </si>
  <si>
    <t>CHEANG HOI IAN</t>
  </si>
  <si>
    <t>張卓錡</t>
  </si>
  <si>
    <t>16175010</t>
  </si>
  <si>
    <t>18533825</t>
  </si>
  <si>
    <t>13-Jul-15</t>
  </si>
  <si>
    <t>CHEONG CHEOK KEI</t>
  </si>
  <si>
    <t>徐曦旼</t>
  </si>
  <si>
    <t>16134140</t>
  </si>
  <si>
    <t>18561411</t>
  </si>
  <si>
    <t>10-May-15</t>
  </si>
  <si>
    <t>CHOI HEI MAN</t>
  </si>
  <si>
    <t>范煒佳</t>
  </si>
  <si>
    <t>16162968</t>
  </si>
  <si>
    <t>18522459</t>
  </si>
  <si>
    <t>04-Aug-15</t>
  </si>
  <si>
    <t>FAN WAI KAI</t>
  </si>
  <si>
    <t>馮瀚霖</t>
  </si>
  <si>
    <t>16113649</t>
  </si>
  <si>
    <t>18557333</t>
  </si>
  <si>
    <t>27-Mar-15</t>
  </si>
  <si>
    <t>FONG HON LAM</t>
  </si>
  <si>
    <t>關子茵</t>
  </si>
  <si>
    <t>16112500</t>
  </si>
  <si>
    <t>1852401X</t>
  </si>
  <si>
    <t>22-Apr-15</t>
  </si>
  <si>
    <t>GUAN CHI IAN</t>
  </si>
  <si>
    <t>賀韋舜</t>
  </si>
  <si>
    <t>16223752</t>
  </si>
  <si>
    <t>18557538</t>
  </si>
  <si>
    <t>06-Nov-15</t>
  </si>
  <si>
    <t>HO WAI SON</t>
  </si>
  <si>
    <t>楊善晴</t>
  </si>
  <si>
    <t>16076317</t>
  </si>
  <si>
    <t>18550541</t>
  </si>
  <si>
    <t>04-Jan-15</t>
  </si>
  <si>
    <t>IEONG SIN CHENG</t>
  </si>
  <si>
    <t>鄺頌楠</t>
  </si>
  <si>
    <t>16173031</t>
  </si>
  <si>
    <t>18539793</t>
  </si>
  <si>
    <t>25-Jun-15</t>
  </si>
  <si>
    <t>KUONG CHONG NAM</t>
  </si>
  <si>
    <t>黎駿逸</t>
  </si>
  <si>
    <t>16199242</t>
  </si>
  <si>
    <t>18500188</t>
  </si>
  <si>
    <t>10-Jul-15</t>
  </si>
  <si>
    <t>LAI CHON IAT</t>
  </si>
  <si>
    <t>林澤宏</t>
  </si>
  <si>
    <t>16249633</t>
  </si>
  <si>
    <t>1855721X</t>
  </si>
  <si>
    <t>20-Nov-15</t>
  </si>
  <si>
    <t>LAM CHAK WANG</t>
  </si>
  <si>
    <t>梁鉦楠</t>
  </si>
  <si>
    <t>16090136</t>
  </si>
  <si>
    <t>18550762</t>
  </si>
  <si>
    <t>LEONG CHENG NAM</t>
  </si>
  <si>
    <t>梁芷柔</t>
  </si>
  <si>
    <t>16165318</t>
  </si>
  <si>
    <t>18503152</t>
  </si>
  <si>
    <t>LEONG CHI IAO</t>
  </si>
  <si>
    <t>梁綺桐</t>
  </si>
  <si>
    <t>16049934</t>
  </si>
  <si>
    <t>18594247</t>
  </si>
  <si>
    <t>LEONG I TONG</t>
  </si>
  <si>
    <t>梁珈頤</t>
  </si>
  <si>
    <t>16184137</t>
  </si>
  <si>
    <t>18556833</t>
  </si>
  <si>
    <t>12-Sep-15</t>
  </si>
  <si>
    <t>LEONG KA I</t>
  </si>
  <si>
    <t>吳梓誠</t>
  </si>
  <si>
    <t>16205957</t>
  </si>
  <si>
    <t>18548393</t>
  </si>
  <si>
    <t>08-Sep-15</t>
  </si>
  <si>
    <t>NG CHI SENG</t>
  </si>
  <si>
    <t>伍珀熹</t>
  </si>
  <si>
    <t>16090854</t>
  </si>
  <si>
    <t>18542077</t>
  </si>
  <si>
    <t>11-Jan-15</t>
  </si>
  <si>
    <t>NG PAK HEI</t>
  </si>
  <si>
    <t>施賢殷</t>
  </si>
  <si>
    <t>16110439</t>
  </si>
  <si>
    <t>18557147</t>
  </si>
  <si>
    <t>07-Mar-15</t>
  </si>
  <si>
    <t>SI IN IAN</t>
  </si>
  <si>
    <t>施允熒</t>
  </si>
  <si>
    <t>16186306</t>
  </si>
  <si>
    <t>18552714</t>
  </si>
  <si>
    <t>10-Sep-15</t>
  </si>
  <si>
    <t>SI WAN IENG</t>
  </si>
  <si>
    <t>譚家竣</t>
  </si>
  <si>
    <t>16218281</t>
  </si>
  <si>
    <t>18506771</t>
  </si>
  <si>
    <t>23-Oct-15</t>
  </si>
  <si>
    <t>TAN KA CHON CALVIN</t>
  </si>
  <si>
    <t>杜彥妮</t>
  </si>
  <si>
    <t>16223620</t>
  </si>
  <si>
    <t>18529038</t>
  </si>
  <si>
    <t>10-Nov-15</t>
  </si>
  <si>
    <t>TOU IN NEI</t>
  </si>
  <si>
    <t>阮梓淇</t>
  </si>
  <si>
    <t>16211922</t>
  </si>
  <si>
    <t>18557503</t>
  </si>
  <si>
    <t>UN CHI KEI</t>
  </si>
  <si>
    <t>黃紫晴</t>
  </si>
  <si>
    <t>16107187</t>
  </si>
  <si>
    <t>18524257</t>
  </si>
  <si>
    <t>11-Apr-15</t>
  </si>
  <si>
    <t>WONG CHI CHENG</t>
  </si>
  <si>
    <t>黃梓信</t>
  </si>
  <si>
    <t>16160368</t>
  </si>
  <si>
    <t>18506356</t>
  </si>
  <si>
    <t>17-Jun-15</t>
  </si>
  <si>
    <t>WONG CHI SON</t>
  </si>
  <si>
    <t>黃思茹</t>
  </si>
  <si>
    <t>16042863</t>
  </si>
  <si>
    <t>18505945</t>
  </si>
  <si>
    <t>20-Dec-14</t>
  </si>
  <si>
    <t>WONG SI U</t>
  </si>
  <si>
    <t>歐芷盈</t>
  </si>
  <si>
    <t>C</t>
  </si>
  <si>
    <t>16134371</t>
  </si>
  <si>
    <t>18519385</t>
  </si>
  <si>
    <t>17-May-15</t>
  </si>
  <si>
    <t>AO CHI IENG EMMA</t>
  </si>
  <si>
    <t>陳諾言</t>
  </si>
  <si>
    <t>16037251</t>
  </si>
  <si>
    <t>18557392</t>
  </si>
  <si>
    <t>12-Nov-14</t>
  </si>
  <si>
    <t>CHAN NOK IN</t>
  </si>
  <si>
    <t>張芯瑜</t>
  </si>
  <si>
    <t>16207045</t>
  </si>
  <si>
    <t>18557651</t>
  </si>
  <si>
    <t>15-Sep-15</t>
  </si>
  <si>
    <t>CHEONG SAM U</t>
  </si>
  <si>
    <t>趙熙昕</t>
  </si>
  <si>
    <t>16093197</t>
  </si>
  <si>
    <t>18545297</t>
  </si>
  <si>
    <t>17-Feb-15</t>
  </si>
  <si>
    <t>CHIO HEI IAN</t>
  </si>
  <si>
    <t>徐紫悠</t>
  </si>
  <si>
    <t>16102865</t>
  </si>
  <si>
    <t>18559824</t>
  </si>
  <si>
    <t>01-Apr-15</t>
  </si>
  <si>
    <t>CHOI CHI IAO</t>
  </si>
  <si>
    <t>鍾世澄</t>
  </si>
  <si>
    <t>16168254</t>
  </si>
  <si>
    <t>18500021</t>
  </si>
  <si>
    <t>15-Aug-15</t>
  </si>
  <si>
    <t>CHONG SAI CHENG</t>
  </si>
  <si>
    <t>鍾晴</t>
  </si>
  <si>
    <t>16151540</t>
  </si>
  <si>
    <t>18557724</t>
  </si>
  <si>
    <t>06-Jul-15</t>
  </si>
  <si>
    <t>CHUNG CHENG MINNIE</t>
  </si>
  <si>
    <t>迪孝渡</t>
  </si>
  <si>
    <t>16188765</t>
  </si>
  <si>
    <t>18544959</t>
  </si>
  <si>
    <t>14-Aug-15</t>
  </si>
  <si>
    <t>DIAS ARMANDO LAM</t>
  </si>
  <si>
    <t>N</t>
    <phoneticPr fontId="3" type="noConversion"/>
  </si>
  <si>
    <t>馮浩霖</t>
  </si>
  <si>
    <t>16113672</t>
  </si>
  <si>
    <t>18557325</t>
  </si>
  <si>
    <t>FONG HOU LAM</t>
  </si>
  <si>
    <t>何天蕊</t>
  </si>
  <si>
    <t>16126484</t>
  </si>
  <si>
    <t>18529550</t>
  </si>
  <si>
    <t>HO TIN IOI</t>
  </si>
  <si>
    <t>邢恩潼</t>
  </si>
  <si>
    <t>16228868</t>
  </si>
  <si>
    <t>18557635</t>
  </si>
  <si>
    <t>IENG IAN TONG</t>
  </si>
  <si>
    <t>江栢然</t>
  </si>
  <si>
    <t>16122483</t>
  </si>
  <si>
    <t>1850485X</t>
  </si>
  <si>
    <t>02-May-15</t>
  </si>
  <si>
    <t>KONG PAK YIN</t>
  </si>
  <si>
    <t>林柏宇</t>
  </si>
  <si>
    <t>16454738</t>
  </si>
  <si>
    <t>18557287</t>
  </si>
  <si>
    <t>03-Jan-15</t>
  </si>
  <si>
    <t>LAM PAK YU</t>
  </si>
  <si>
    <t>李浩正</t>
  </si>
  <si>
    <t>16080178</t>
  </si>
  <si>
    <t>1852852X</t>
  </si>
  <si>
    <t>07-Feb-15</t>
  </si>
  <si>
    <t>LEI HOU CHENG</t>
  </si>
  <si>
    <t>李承澔</t>
  </si>
  <si>
    <t>16160442</t>
  </si>
  <si>
    <t>18553982</t>
  </si>
  <si>
    <t>19-May-15</t>
  </si>
  <si>
    <t>LEI SENG HOU</t>
  </si>
  <si>
    <t>梁皓嘉</t>
  </si>
  <si>
    <t>16247116</t>
  </si>
  <si>
    <t>18553699</t>
  </si>
  <si>
    <t>28-Nov-15</t>
  </si>
  <si>
    <t>LEONG HOU KA</t>
  </si>
  <si>
    <t>梁勇荇</t>
  </si>
  <si>
    <t>16125593</t>
  </si>
  <si>
    <t>18561225</t>
  </si>
  <si>
    <t>14-May-15</t>
  </si>
  <si>
    <t>LEONG IONG HANG</t>
  </si>
  <si>
    <t>梁文博</t>
  </si>
  <si>
    <t>16084907</t>
  </si>
  <si>
    <t>18557201</t>
  </si>
  <si>
    <t>28-Feb-15</t>
  </si>
  <si>
    <t>LEONG MAN POK</t>
  </si>
  <si>
    <t>梁昕晴</t>
  </si>
  <si>
    <t>16171779</t>
  </si>
  <si>
    <t>18506410</t>
  </si>
  <si>
    <t>09-Jul-15</t>
  </si>
  <si>
    <t>LEUNG IAN CHENG</t>
  </si>
  <si>
    <t>李可萱</t>
  </si>
  <si>
    <t>RM1832680</t>
    <phoneticPr fontId="3" type="noConversion"/>
  </si>
  <si>
    <t>18592988</t>
  </si>
  <si>
    <t>01-Mar-15</t>
  </si>
  <si>
    <t>LI HO HUEN</t>
  </si>
  <si>
    <t>李城熠</t>
  </si>
  <si>
    <t>16042681</t>
  </si>
  <si>
    <t>18538886</t>
  </si>
  <si>
    <t>30-Dec-14</t>
  </si>
  <si>
    <t>LI SENG IAP</t>
  </si>
  <si>
    <t>文儆揚</t>
  </si>
  <si>
    <t>16213480</t>
  </si>
  <si>
    <t>1859428X</t>
  </si>
  <si>
    <t>26-Sep-15</t>
  </si>
  <si>
    <t>MENDONCA EDEN</t>
  </si>
  <si>
    <t>吳芊穎</t>
  </si>
  <si>
    <t>16142515</t>
  </si>
  <si>
    <t>18554873</t>
  </si>
  <si>
    <t>27-May-15</t>
  </si>
  <si>
    <t>NG CHIN WENG</t>
  </si>
  <si>
    <t>16106130</t>
  </si>
  <si>
    <t>18561551</t>
  </si>
  <si>
    <t>15-Mar-15</t>
  </si>
  <si>
    <t>NG CHON IN</t>
  </si>
  <si>
    <t>吳君諾</t>
  </si>
  <si>
    <t>16187916</t>
  </si>
  <si>
    <t>18528589</t>
  </si>
  <si>
    <t>13-Sep-15</t>
  </si>
  <si>
    <t>NG KUAN NOK</t>
  </si>
  <si>
    <t>伍悅</t>
  </si>
  <si>
    <t>16129769</t>
  </si>
  <si>
    <t>18551068</t>
  </si>
  <si>
    <t>17-Apr-15</t>
  </si>
  <si>
    <t>NG UT</t>
  </si>
  <si>
    <t>龐雅之</t>
  </si>
  <si>
    <t>16184574</t>
  </si>
  <si>
    <t>18558003</t>
  </si>
  <si>
    <t>PONG NGA CHI</t>
  </si>
  <si>
    <t>岑駿禧</t>
  </si>
  <si>
    <t>16050924</t>
  </si>
  <si>
    <t>18528228</t>
  </si>
  <si>
    <t>24-Dec-14</t>
  </si>
  <si>
    <t>SAM CHON HEI</t>
  </si>
  <si>
    <t>蕭溢騫</t>
  </si>
  <si>
    <t>16179533</t>
  </si>
  <si>
    <t>18515983</t>
  </si>
  <si>
    <t>08-Aug-15</t>
  </si>
  <si>
    <t>SIO IAT HIN</t>
  </si>
  <si>
    <t>杜慧婷</t>
  </si>
  <si>
    <t>16205908</t>
  </si>
  <si>
    <t>18553044</t>
  </si>
  <si>
    <t>17-Sep-15</t>
  </si>
  <si>
    <t>TOU WAI TENG</t>
  </si>
  <si>
    <t>王卓譽</t>
  </si>
  <si>
    <t>16168437</t>
  </si>
  <si>
    <t>18545947</t>
  </si>
  <si>
    <t>05-May-15</t>
  </si>
  <si>
    <t>WONG CHEOK U</t>
  </si>
  <si>
    <t>張雪珺</t>
  </si>
  <si>
    <t>16181844</t>
  </si>
  <si>
    <t>18527981</t>
  </si>
  <si>
    <t>07-Sep-15</t>
  </si>
  <si>
    <t>ZHANG SUT KUAN</t>
  </si>
  <si>
    <t>布愷盈</t>
  </si>
  <si>
    <t>D</t>
  </si>
  <si>
    <t>16186611</t>
  </si>
  <si>
    <t>18592856</t>
  </si>
  <si>
    <t>29-Jul-15</t>
  </si>
  <si>
    <t>BO LAVINIA DIAS</t>
  </si>
  <si>
    <t>陳奕蓁</t>
  </si>
  <si>
    <t>16119828</t>
  </si>
  <si>
    <t>18528600</t>
  </si>
  <si>
    <t>25-Feb-15</t>
  </si>
  <si>
    <t>CHAN IEK CHON</t>
  </si>
  <si>
    <t>陳悅圓</t>
  </si>
  <si>
    <t>16203614</t>
  </si>
  <si>
    <t>18558380</t>
  </si>
  <si>
    <t>22-Oct-15</t>
  </si>
  <si>
    <t>CHAN UT UN</t>
  </si>
  <si>
    <t>陳思行</t>
  </si>
  <si>
    <t>16067969</t>
  </si>
  <si>
    <t>18529054</t>
  </si>
  <si>
    <t>CHEN SI HANG</t>
  </si>
  <si>
    <t>張子晴</t>
  </si>
  <si>
    <t>16176976</t>
  </si>
  <si>
    <t>18547141</t>
  </si>
  <si>
    <t>CHEONG CHI CHENG</t>
  </si>
  <si>
    <t>鍾澤希</t>
  </si>
  <si>
    <t>16234643</t>
  </si>
  <si>
    <t>18506496</t>
  </si>
  <si>
    <t>21-Aug-15</t>
  </si>
  <si>
    <t>CHONG CHAK HEI</t>
  </si>
  <si>
    <t>何冠鋒</t>
  </si>
  <si>
    <t>16121113</t>
  </si>
  <si>
    <t>18528864</t>
  </si>
  <si>
    <t>08-Apr-15</t>
  </si>
  <si>
    <t>HO KUN FONG DANIEL</t>
  </si>
  <si>
    <t>何譽恆</t>
  </si>
  <si>
    <t>16175473</t>
  </si>
  <si>
    <t>1855332X</t>
  </si>
  <si>
    <t>HO YU HANG</t>
  </si>
  <si>
    <t>楊凱程</t>
  </si>
  <si>
    <t>16202319</t>
  </si>
  <si>
    <t>18511252</t>
  </si>
  <si>
    <t>07-Oct-15</t>
  </si>
  <si>
    <t>IEONG HOI CHENG</t>
  </si>
  <si>
    <t>楊茜婷</t>
  </si>
  <si>
    <t>16077174</t>
  </si>
  <si>
    <t>18549845</t>
  </si>
  <si>
    <t>14-Jan-15</t>
  </si>
  <si>
    <t>IEONG SIN TENG KARIE</t>
  </si>
  <si>
    <t>鍾博瀚</t>
  </si>
  <si>
    <t>16060642</t>
  </si>
  <si>
    <t>1852804X</t>
  </si>
  <si>
    <t xml:space="preserve">KAM CHEUNG POK HON_x000D_
</t>
  </si>
  <si>
    <t>林芊昕</t>
  </si>
  <si>
    <t>16086274</t>
  </si>
  <si>
    <t>18556965</t>
  </si>
  <si>
    <t>21-Feb-15</t>
  </si>
  <si>
    <t>LAM CHIN IAN</t>
  </si>
  <si>
    <t>李思熹</t>
  </si>
  <si>
    <t>16193112</t>
  </si>
  <si>
    <t>18528651</t>
  </si>
  <si>
    <t>29-Aug-15</t>
  </si>
  <si>
    <t>LEE SI HEI SHARLENE</t>
  </si>
  <si>
    <t>李芷滺</t>
  </si>
  <si>
    <t>16093064</t>
  </si>
  <si>
    <t>18554164</t>
  </si>
  <si>
    <t>LEI CHI IAO</t>
  </si>
  <si>
    <t>李浩僖</t>
  </si>
  <si>
    <t>16013112</t>
  </si>
  <si>
    <t>18512542</t>
  </si>
  <si>
    <t>10-Nov-14</t>
  </si>
  <si>
    <t>LEI HOU HEI</t>
  </si>
  <si>
    <t>梁靖朗</t>
  </si>
  <si>
    <t>16171787</t>
  </si>
  <si>
    <t>18506402</t>
  </si>
  <si>
    <t>LEUNG CHENG LONG</t>
  </si>
  <si>
    <t>羅芷昕</t>
  </si>
  <si>
    <t>16050155</t>
  </si>
  <si>
    <t>1852267X</t>
  </si>
  <si>
    <t>25-Dec-14</t>
  </si>
  <si>
    <t>LO CHI IAN</t>
  </si>
  <si>
    <t>呂心兒</t>
  </si>
  <si>
    <t>16126138</t>
  </si>
  <si>
    <t>18547052</t>
  </si>
  <si>
    <t>29-Apr-15</t>
  </si>
  <si>
    <t>LOI SAM I</t>
  </si>
  <si>
    <t>龍浚賢</t>
  </si>
  <si>
    <t>16176232</t>
  </si>
  <si>
    <t>18555438</t>
  </si>
  <si>
    <t>LONG CHON IN</t>
  </si>
  <si>
    <t>莫千悠</t>
  </si>
  <si>
    <t>16082851</t>
  </si>
  <si>
    <t>18547168</t>
  </si>
  <si>
    <t>27-Jan-15</t>
  </si>
  <si>
    <t>MOK CHIN IAO</t>
  </si>
  <si>
    <t>伍梓蕎</t>
  </si>
  <si>
    <t>16205692</t>
  </si>
  <si>
    <t>18507646</t>
  </si>
  <si>
    <t>31-Aug-15</t>
  </si>
  <si>
    <t>NG CHI KIO</t>
  </si>
  <si>
    <t>吳梓瑜</t>
  </si>
  <si>
    <t>16071771</t>
  </si>
  <si>
    <t>18549926</t>
  </si>
  <si>
    <t>07-Jan-15</t>
  </si>
  <si>
    <t>NG CHI U</t>
  </si>
  <si>
    <t>吳浠頤</t>
  </si>
  <si>
    <t>16157224</t>
  </si>
  <si>
    <t>18529933</t>
  </si>
  <si>
    <t>09-Jun-15</t>
  </si>
  <si>
    <t>NG HEI I</t>
  </si>
  <si>
    <t>岑政陽</t>
  </si>
  <si>
    <t>16183881</t>
  </si>
  <si>
    <t>18533795</t>
  </si>
  <si>
    <t>06-Sep-15</t>
  </si>
  <si>
    <t>SAM CHENG IEONG</t>
  </si>
  <si>
    <t>蕭敬雯</t>
  </si>
  <si>
    <t>16208498</t>
  </si>
  <si>
    <t>18528457</t>
  </si>
  <si>
    <t>24-Oct-15</t>
  </si>
  <si>
    <t>SIO KENG MAN</t>
  </si>
  <si>
    <t>譚尚恩</t>
  </si>
  <si>
    <t>16088007</t>
  </si>
  <si>
    <t>18527671</t>
  </si>
  <si>
    <t>10-Feb-15</t>
  </si>
  <si>
    <t>TAM SEONG IAN</t>
  </si>
  <si>
    <t>鄧睿峰</t>
  </si>
  <si>
    <t>16222457</t>
  </si>
  <si>
    <t>18556841</t>
  </si>
  <si>
    <t>12-Oct-15</t>
  </si>
  <si>
    <t>TANG IOI FONG</t>
  </si>
  <si>
    <t>湯智謙</t>
  </si>
  <si>
    <t>16235814</t>
  </si>
  <si>
    <t>18503004</t>
  </si>
  <si>
    <t>04-Dec-15</t>
  </si>
  <si>
    <t>TONG CHI HIM</t>
  </si>
  <si>
    <t>余詩靜</t>
  </si>
  <si>
    <t>16124331</t>
  </si>
  <si>
    <t>18529348</t>
  </si>
  <si>
    <t>27-Feb-15</t>
  </si>
  <si>
    <t>U SI CHENG</t>
  </si>
  <si>
    <t>黃卓麒</t>
  </si>
  <si>
    <t>16107948</t>
  </si>
  <si>
    <t>18529518</t>
  </si>
  <si>
    <t>14-Mar-15</t>
  </si>
  <si>
    <t>WONG CHEOK KEI</t>
  </si>
  <si>
    <t>黃翌軒</t>
  </si>
  <si>
    <t>16207292</t>
  </si>
  <si>
    <t>18543235</t>
  </si>
  <si>
    <t>20-Sep-15</t>
  </si>
  <si>
    <t>WONG IEK HIN</t>
  </si>
  <si>
    <t>黃博瑜</t>
  </si>
  <si>
    <t>16061350</t>
  </si>
  <si>
    <t>1852950X</t>
  </si>
  <si>
    <t>20-Jan-15</t>
  </si>
  <si>
    <t>WONG POK U KAILEY</t>
  </si>
  <si>
    <t>張俊鳴</t>
  </si>
  <si>
    <t>16082315</t>
  </si>
  <si>
    <t>18530699</t>
  </si>
  <si>
    <t>05-Mar-15</t>
  </si>
  <si>
    <t>ZHANG CHON MENG</t>
  </si>
  <si>
    <t>陳思頴</t>
  </si>
  <si>
    <t>E</t>
  </si>
  <si>
    <t>16129744</t>
  </si>
  <si>
    <t>18553001</t>
  </si>
  <si>
    <t>10-Dec-14</t>
  </si>
  <si>
    <t>CHAN SI WENG</t>
  </si>
  <si>
    <t>朱梓瑜</t>
  </si>
  <si>
    <t>16152605</t>
  </si>
  <si>
    <t>18549829</t>
  </si>
  <si>
    <t>12-Jun-15</t>
  </si>
  <si>
    <t>CHU CHI U</t>
  </si>
  <si>
    <t>符皓程</t>
  </si>
  <si>
    <t>16221889</t>
  </si>
  <si>
    <t>18528619</t>
  </si>
  <si>
    <t>16-Sep-15</t>
  </si>
  <si>
    <t>FOO HOU CHENG</t>
  </si>
  <si>
    <t>何天瀅</t>
  </si>
  <si>
    <t>16120941</t>
  </si>
  <si>
    <t>1855752X</t>
  </si>
  <si>
    <t>30-Apr-15</t>
  </si>
  <si>
    <t>HO TIN IENG</t>
  </si>
  <si>
    <t>許駿霖</t>
  </si>
  <si>
    <t>16095010</t>
  </si>
  <si>
    <t>18505570</t>
  </si>
  <si>
    <t>20-Feb-15</t>
  </si>
  <si>
    <t>HOI CHON LAM</t>
  </si>
  <si>
    <t>楊靖綸</t>
  </si>
  <si>
    <t>16077612</t>
  </si>
  <si>
    <t>18501524</t>
  </si>
  <si>
    <t>23-Jan-15</t>
  </si>
  <si>
    <t>IEONG CHENG LON</t>
  </si>
  <si>
    <t>楊駿亨</t>
  </si>
  <si>
    <t>16070948</t>
  </si>
  <si>
    <t>18514219</t>
  </si>
  <si>
    <t>09-Feb-15</t>
  </si>
  <si>
    <t>IEONG CHON HANG</t>
  </si>
  <si>
    <t>葉衍晉</t>
  </si>
  <si>
    <t>16040800</t>
  </si>
  <si>
    <t>18554644</t>
  </si>
  <si>
    <t>20-Nov-14</t>
  </si>
  <si>
    <t>IP IN CHON</t>
  </si>
  <si>
    <t>葉斯藍</t>
  </si>
  <si>
    <t>16146458</t>
  </si>
  <si>
    <t>18559344</t>
  </si>
  <si>
    <t>01-Jul-15</t>
  </si>
  <si>
    <t>IP SI LAM</t>
  </si>
  <si>
    <t>郭昕潼</t>
  </si>
  <si>
    <t>16218380</t>
  </si>
  <si>
    <t>18525881</t>
  </si>
  <si>
    <t>22-Sep-15</t>
  </si>
  <si>
    <t>KUOK IAN TONG</t>
  </si>
  <si>
    <t>林芷潼</t>
  </si>
  <si>
    <t>16181562</t>
  </si>
  <si>
    <t>18554091</t>
  </si>
  <si>
    <t>05-Sep-15</t>
  </si>
  <si>
    <t>LAM CHI TONG</t>
  </si>
  <si>
    <t>林俊熙</t>
  </si>
  <si>
    <t>16143851</t>
  </si>
  <si>
    <t>18529755</t>
  </si>
  <si>
    <t>02-Jul-15</t>
  </si>
  <si>
    <t>LAM CHON HEI</t>
  </si>
  <si>
    <t>李心陶</t>
  </si>
  <si>
    <t>16112674</t>
  </si>
  <si>
    <t>18558089</t>
  </si>
  <si>
    <t>18-Apr-15</t>
  </si>
  <si>
    <t>LEI SAM TOU</t>
  </si>
  <si>
    <t>李倩榆</t>
  </si>
  <si>
    <t>16142788</t>
  </si>
  <si>
    <t>18504655</t>
  </si>
  <si>
    <t>LEI SIN U</t>
  </si>
  <si>
    <t>梁芷晴</t>
  </si>
  <si>
    <t>16115008</t>
  </si>
  <si>
    <t>1855301X</t>
  </si>
  <si>
    <t>06-May-15</t>
  </si>
  <si>
    <t>LEONG CHI CHENG</t>
  </si>
  <si>
    <t>梁灝峰</t>
  </si>
  <si>
    <t>16112443</t>
  </si>
  <si>
    <t>1852186X</t>
  </si>
  <si>
    <t>LEONG HOU FONG</t>
  </si>
  <si>
    <t>李梓浩</t>
  </si>
  <si>
    <t>16081531</t>
  </si>
  <si>
    <t>18528791</t>
  </si>
  <si>
    <t>28-Jan-15</t>
  </si>
  <si>
    <t>LI CHI HOU</t>
  </si>
  <si>
    <t>廖柏柔</t>
  </si>
  <si>
    <t>16242638</t>
  </si>
  <si>
    <t>18503861</t>
  </si>
  <si>
    <t>LIO PAK IAO</t>
  </si>
  <si>
    <t>呂世濠</t>
  </si>
  <si>
    <t>16166423</t>
  </si>
  <si>
    <t>1853242X</t>
  </si>
  <si>
    <t>30-Jun-15</t>
  </si>
  <si>
    <t>LOI SAI HOU AIDAN</t>
  </si>
  <si>
    <t>呂埦熒</t>
  </si>
  <si>
    <t>16179236</t>
  </si>
  <si>
    <t>1855461X</t>
  </si>
  <si>
    <t>06-Aug-15</t>
  </si>
  <si>
    <t>LOI WUN IENG</t>
  </si>
  <si>
    <t>繆圓圓</t>
  </si>
  <si>
    <t>16141491</t>
  </si>
  <si>
    <t>18538371</t>
  </si>
  <si>
    <t>18-Jun-15</t>
  </si>
  <si>
    <t>MIO UN UN</t>
  </si>
  <si>
    <t>吳梓琪</t>
  </si>
  <si>
    <t>16205551</t>
  </si>
  <si>
    <t>18548407</t>
  </si>
  <si>
    <t>NG CHI KEI</t>
  </si>
  <si>
    <t>白雨澄</t>
  </si>
  <si>
    <t>16087041</t>
  </si>
  <si>
    <t>18537642</t>
  </si>
  <si>
    <t>PAK U CHENG</t>
  </si>
  <si>
    <t>潘柏昊</t>
  </si>
  <si>
    <t>16168718</t>
  </si>
  <si>
    <t>18542255</t>
  </si>
  <si>
    <t>11-Aug-15</t>
  </si>
  <si>
    <t>PAN PAK HOU</t>
  </si>
  <si>
    <t>冼鈺熙</t>
  </si>
  <si>
    <t>16175416</t>
  </si>
  <si>
    <t>18524192</t>
  </si>
  <si>
    <t>21-Jul-15</t>
  </si>
  <si>
    <t>SIN IOK HEI HAILEY</t>
  </si>
  <si>
    <t>孫靖珩</t>
  </si>
  <si>
    <t>16114886</t>
  </si>
  <si>
    <t>18556876</t>
  </si>
  <si>
    <t>14-Feb-15</t>
  </si>
  <si>
    <t>SUN CHING HANG</t>
  </si>
  <si>
    <t>崔壬藍</t>
  </si>
  <si>
    <t>16221046</t>
  </si>
  <si>
    <t>18528503</t>
  </si>
  <si>
    <t>11-Sep-15</t>
  </si>
  <si>
    <t>TSUI IAM LAM</t>
  </si>
  <si>
    <t>余雋永</t>
  </si>
  <si>
    <t>16096521</t>
  </si>
  <si>
    <t>18553508</t>
  </si>
  <si>
    <t>U CHON WENG</t>
  </si>
  <si>
    <t>黃熙廉</t>
  </si>
  <si>
    <t>16137424</t>
  </si>
  <si>
    <t>18594603</t>
  </si>
  <si>
    <t>05-Jun-15</t>
  </si>
  <si>
    <t>WONG HEI LTM HIRAM</t>
  </si>
  <si>
    <t>黃浿娜</t>
  </si>
  <si>
    <t>16158057</t>
  </si>
  <si>
    <t>18558097</t>
  </si>
  <si>
    <t>WONG PUI NA</t>
  </si>
  <si>
    <t>黃偉航</t>
  </si>
  <si>
    <t>16184921</t>
  </si>
  <si>
    <t>18542662</t>
  </si>
  <si>
    <t>27-Jul-15</t>
  </si>
  <si>
    <t>WONG WAI HONG</t>
  </si>
  <si>
    <t>蕭楚晴</t>
  </si>
  <si>
    <t>16105934</t>
  </si>
  <si>
    <t>18538711</t>
  </si>
  <si>
    <t>12-Mar-15</t>
  </si>
  <si>
    <t>XIAO CHO CHENG</t>
  </si>
  <si>
    <t>楊禮謙</t>
  </si>
  <si>
    <t>16108771</t>
  </si>
  <si>
    <t>18000150</t>
  </si>
  <si>
    <t>26-Mar-15</t>
  </si>
  <si>
    <t>YANG LAI HIM</t>
  </si>
  <si>
    <t>歐陽守航</t>
  </si>
  <si>
    <t>15989080</t>
  </si>
  <si>
    <t>30-Sep-14</t>
  </si>
  <si>
    <t>AO IEONG SAO HONG</t>
  </si>
  <si>
    <t>鄭卓瑩</t>
  </si>
  <si>
    <t>16178139</t>
  </si>
  <si>
    <t>18559689</t>
  </si>
  <si>
    <t>CHEANG CHEOK IENG</t>
  </si>
  <si>
    <t>程梓軒</t>
  </si>
  <si>
    <t>16156382</t>
  </si>
  <si>
    <t>18529496</t>
  </si>
  <si>
    <t>15-Jul-15</t>
  </si>
  <si>
    <t>CHENG CHI HIN</t>
  </si>
  <si>
    <t>張曉朗</t>
  </si>
  <si>
    <t>16151664</t>
  </si>
  <si>
    <t>18528724</t>
  </si>
  <si>
    <t>04-Jun-15</t>
  </si>
  <si>
    <t>CHEONG HIO LONG</t>
  </si>
  <si>
    <t>蔡俊熹</t>
  </si>
  <si>
    <t>16090805</t>
  </si>
  <si>
    <t>18553354</t>
  </si>
  <si>
    <t>CHOI CHON HEI</t>
  </si>
  <si>
    <t>馮妙儀</t>
  </si>
  <si>
    <t>16226276</t>
  </si>
  <si>
    <t>18550568</t>
  </si>
  <si>
    <t>08-Nov-15</t>
  </si>
  <si>
    <t>FONG MIO I</t>
  </si>
  <si>
    <t>傅海鋒</t>
  </si>
  <si>
    <t>16138885</t>
  </si>
  <si>
    <t>18503411</t>
  </si>
  <si>
    <t>25-May-15</t>
  </si>
  <si>
    <t>FU HOI FONG</t>
  </si>
  <si>
    <t>何芊妤</t>
  </si>
  <si>
    <t>16136830</t>
  </si>
  <si>
    <t>18557376</t>
  </si>
  <si>
    <t>13-Jun-15</t>
  </si>
  <si>
    <t>HO CHIN U</t>
  </si>
  <si>
    <t>何昭姸</t>
  </si>
  <si>
    <t>16115628</t>
  </si>
  <si>
    <t>18552668</t>
  </si>
  <si>
    <t>HO CHIO IN</t>
  </si>
  <si>
    <t>許琇瑋</t>
  </si>
  <si>
    <t>16070930</t>
  </si>
  <si>
    <t>18526497</t>
  </si>
  <si>
    <t>HOI SAO WAI</t>
  </si>
  <si>
    <t>楊嵐曦</t>
  </si>
  <si>
    <t>16170730</t>
  </si>
  <si>
    <t>18503993</t>
  </si>
  <si>
    <t>IEONG LAM HEI</t>
  </si>
  <si>
    <t>關億安</t>
  </si>
  <si>
    <t>16336075</t>
  </si>
  <si>
    <t>18557759</t>
  </si>
  <si>
    <t>20-Dec-15</t>
  </si>
  <si>
    <t>KUAN IEK ON KARSON</t>
  </si>
  <si>
    <t>關躍宏</t>
  </si>
  <si>
    <t>16140642</t>
  </si>
  <si>
    <t>18557384</t>
  </si>
  <si>
    <t>10-Jun-15</t>
  </si>
  <si>
    <t>KUAN IEOK WANG</t>
  </si>
  <si>
    <t>林洛瑤</t>
  </si>
  <si>
    <t>16176273</t>
  </si>
  <si>
    <t>18553478</t>
  </si>
  <si>
    <t>17-Aug-15</t>
  </si>
  <si>
    <t>LAM LOK IO</t>
  </si>
  <si>
    <t>劉柏正</t>
  </si>
  <si>
    <t>16245219</t>
  </si>
  <si>
    <t>18505317</t>
  </si>
  <si>
    <t>27-Nov-15</t>
  </si>
  <si>
    <t>LAO PAK CHENG</t>
  </si>
  <si>
    <t>李曉澄</t>
  </si>
  <si>
    <t>16088411</t>
  </si>
  <si>
    <t>18557066</t>
  </si>
  <si>
    <t>LEI HIO CHENG</t>
  </si>
  <si>
    <t>李樂潼</t>
  </si>
  <si>
    <t>16092371</t>
  </si>
  <si>
    <t>18529712</t>
  </si>
  <si>
    <t>26-Dec-14</t>
  </si>
  <si>
    <t>LEI LOK TONG</t>
  </si>
  <si>
    <t>梁梓琪</t>
  </si>
  <si>
    <t>16086076</t>
  </si>
  <si>
    <t>18559905</t>
  </si>
  <si>
    <t>LEONG CHI KEI</t>
  </si>
  <si>
    <t>梁千霈</t>
  </si>
  <si>
    <t>16208928</t>
  </si>
  <si>
    <t>18557821</t>
  </si>
  <si>
    <t>LEONG CHIN PUI</t>
  </si>
  <si>
    <t>梁逸楠</t>
  </si>
  <si>
    <t>16156929</t>
  </si>
  <si>
    <t>1852933X</t>
  </si>
  <si>
    <t>LEONG IAT NAM</t>
  </si>
  <si>
    <t>林暉淳</t>
  </si>
  <si>
    <t>16188864</t>
  </si>
  <si>
    <t>18546978</t>
  </si>
  <si>
    <t>LIN FAI SON</t>
  </si>
  <si>
    <t>羅斯睿</t>
  </si>
  <si>
    <t>16196511</t>
  </si>
  <si>
    <t>1855749X</t>
  </si>
  <si>
    <t>LO SI IOI</t>
  </si>
  <si>
    <t>陸皓朗</t>
  </si>
  <si>
    <t>16067761</t>
  </si>
  <si>
    <t>1855962X</t>
  </si>
  <si>
    <t>18-Jan-15</t>
  </si>
  <si>
    <t>LOK HOU LONG</t>
  </si>
  <si>
    <t>盧沛妍</t>
  </si>
  <si>
    <t>16205585</t>
  </si>
  <si>
    <t>18561098</t>
  </si>
  <si>
    <t>27-Sep-15</t>
  </si>
  <si>
    <t>LU PUI IN</t>
  </si>
  <si>
    <t>馬梓喬</t>
  </si>
  <si>
    <t>16201352</t>
  </si>
  <si>
    <t>18552587</t>
  </si>
  <si>
    <t>25-Sep-15</t>
  </si>
  <si>
    <t>MA CHI KIO</t>
  </si>
  <si>
    <t>文靖</t>
  </si>
  <si>
    <t>16082786</t>
  </si>
  <si>
    <t>18529445</t>
  </si>
  <si>
    <t>10-Jan-15</t>
  </si>
  <si>
    <t>MAN CHENG</t>
  </si>
  <si>
    <t>伍若慈</t>
  </si>
  <si>
    <t>16090375</t>
  </si>
  <si>
    <t>18559840</t>
  </si>
  <si>
    <t>NG IEOK CHI</t>
  </si>
  <si>
    <t>伍琛琛</t>
  </si>
  <si>
    <t>16065732</t>
  </si>
  <si>
    <t>18545351</t>
  </si>
  <si>
    <t>08-Jan-15</t>
  </si>
  <si>
    <t>NG SAM SAM</t>
  </si>
  <si>
    <t>王莞韶</t>
  </si>
  <si>
    <t>16200867</t>
  </si>
  <si>
    <t>18533396</t>
  </si>
  <si>
    <t>16-Jul-15</t>
  </si>
  <si>
    <t>WANG WAN SHAO</t>
  </si>
  <si>
    <t>施仲蕎</t>
  </si>
  <si>
    <t>16128027</t>
  </si>
  <si>
    <t>18505090</t>
  </si>
  <si>
    <t>16-May-15</t>
  </si>
  <si>
    <t>SI CHONG KIO HILARY</t>
  </si>
  <si>
    <t>施荻瀅</t>
  </si>
  <si>
    <t>16053472</t>
  </si>
  <si>
    <t>18554229</t>
  </si>
  <si>
    <t>SI TEK IENG</t>
  </si>
  <si>
    <t>袁梓熙</t>
  </si>
  <si>
    <t>16035743</t>
  </si>
  <si>
    <t>18557074</t>
  </si>
  <si>
    <t>02-Dec-14</t>
  </si>
  <si>
    <t>UN CHI HEI</t>
  </si>
  <si>
    <t>陳芊蘊</t>
  </si>
  <si>
    <t>P2</t>
  </si>
  <si>
    <t>16029555</t>
  </si>
  <si>
    <t>17502268</t>
  </si>
  <si>
    <t>08-May-14</t>
  </si>
  <si>
    <t>CHAN CHIN WAN ABIGAIL</t>
  </si>
  <si>
    <t>陳司浚</t>
  </si>
  <si>
    <t>15953383</t>
  </si>
  <si>
    <t>17505666</t>
  </si>
  <si>
    <t>17-Jul-14</t>
  </si>
  <si>
    <t>CHAN SI CHON</t>
  </si>
  <si>
    <t>周沚悠</t>
  </si>
  <si>
    <t>15917875</t>
  </si>
  <si>
    <t>17560977</t>
  </si>
  <si>
    <t>27-May-14</t>
  </si>
  <si>
    <t>CHAO CHI IAO</t>
  </si>
  <si>
    <t>周逸群</t>
  </si>
  <si>
    <t>15896152</t>
  </si>
  <si>
    <t>17540372</t>
  </si>
  <si>
    <t>10-Feb-14</t>
  </si>
  <si>
    <t>CHAO IAT KUAN</t>
  </si>
  <si>
    <t>鄭鈺霖</t>
  </si>
  <si>
    <t>15905078</t>
  </si>
  <si>
    <t>17502470</t>
  </si>
  <si>
    <t>04-Feb-14</t>
  </si>
  <si>
    <t>CHEANG IOK LAM</t>
  </si>
  <si>
    <t>陳鈞文</t>
  </si>
  <si>
    <t>15898034</t>
  </si>
  <si>
    <t>17560659</t>
  </si>
  <si>
    <t>14-Apr-14</t>
  </si>
  <si>
    <t>CHEN KUAN MAN</t>
  </si>
  <si>
    <t>蔡善凝</t>
  </si>
  <si>
    <t>16023814</t>
  </si>
  <si>
    <t>1752928X</t>
  </si>
  <si>
    <t>05-Nov-14</t>
  </si>
  <si>
    <t>CHOI SIN IENG</t>
  </si>
  <si>
    <t>鍾巽瑜</t>
  </si>
  <si>
    <t>15977986</t>
  </si>
  <si>
    <t>17559731</t>
  </si>
  <si>
    <t>29-Aug-14</t>
  </si>
  <si>
    <t>CHUNG SON U</t>
  </si>
  <si>
    <t>馮梓瑜</t>
  </si>
  <si>
    <t>15983216</t>
  </si>
  <si>
    <t>17530148</t>
  </si>
  <si>
    <t>02-Sep-14</t>
  </si>
  <si>
    <t>FONG CHI U</t>
  </si>
  <si>
    <t>傅偉庭</t>
  </si>
  <si>
    <t xml:space="preserve">  10</t>
  </si>
  <si>
    <t>16013930</t>
  </si>
  <si>
    <t>17547458</t>
  </si>
  <si>
    <t>15-Sep-14</t>
  </si>
  <si>
    <t>FU WAI TENG</t>
  </si>
  <si>
    <t>許子樂</t>
  </si>
  <si>
    <t xml:space="preserve">  11</t>
  </si>
  <si>
    <t>15890676</t>
  </si>
  <si>
    <t>17553970</t>
  </si>
  <si>
    <t>13-Feb-14</t>
  </si>
  <si>
    <t>HOI CHI LOK</t>
  </si>
  <si>
    <t>高彥駿</t>
  </si>
  <si>
    <t xml:space="preserve">  12</t>
  </si>
  <si>
    <t>16048357</t>
  </si>
  <si>
    <t>17533996</t>
  </si>
  <si>
    <t>29-Nov-14</t>
  </si>
  <si>
    <t xml:space="preserve">KOU IN CHON_x000D_
</t>
  </si>
  <si>
    <t>郭子睿</t>
  </si>
  <si>
    <t xml:space="preserve">  13</t>
  </si>
  <si>
    <t>15876741</t>
  </si>
  <si>
    <t>17559499</t>
  </si>
  <si>
    <t>06-Mar-14</t>
  </si>
  <si>
    <t xml:space="preserve">KUOK CHI IOI_x000D_
</t>
  </si>
  <si>
    <t>鄺韋霖</t>
  </si>
  <si>
    <t xml:space="preserve">  14</t>
  </si>
  <si>
    <t>16052607</t>
  </si>
  <si>
    <t>17527554</t>
  </si>
  <si>
    <t>12-Sep-14</t>
  </si>
  <si>
    <t>KUONG WAI LAM</t>
  </si>
  <si>
    <t>賴愷瑜</t>
  </si>
  <si>
    <t xml:space="preserve">  15</t>
  </si>
  <si>
    <t>15909526</t>
  </si>
  <si>
    <t>17560233</t>
  </si>
  <si>
    <t>18-Apr-14</t>
  </si>
  <si>
    <t>LAI HOI U</t>
  </si>
  <si>
    <t>林凱晴</t>
  </si>
  <si>
    <t xml:space="preserve">  16</t>
  </si>
  <si>
    <t>15906092</t>
  </si>
  <si>
    <t>17513650</t>
  </si>
  <si>
    <t>27-Apr-14</t>
  </si>
  <si>
    <t>LAM HOI CHENG</t>
  </si>
  <si>
    <t>李柏渝</t>
  </si>
  <si>
    <t xml:space="preserve">  17</t>
  </si>
  <si>
    <t>15855109</t>
  </si>
  <si>
    <t>17555620</t>
  </si>
  <si>
    <t>06-Jan-14</t>
  </si>
  <si>
    <t>LEI PAK U</t>
  </si>
  <si>
    <t>梁梓橦</t>
  </si>
  <si>
    <t xml:space="preserve">  18</t>
  </si>
  <si>
    <t>15979818</t>
  </si>
  <si>
    <t>17530385</t>
  </si>
  <si>
    <t>28-Aug-14</t>
  </si>
  <si>
    <t>LEONG CHI TONG</t>
  </si>
  <si>
    <t>梁樂喬</t>
  </si>
  <si>
    <t xml:space="preserve">  19</t>
  </si>
  <si>
    <t>15997430</t>
  </si>
  <si>
    <t>17553776</t>
  </si>
  <si>
    <t>07-Oct-14</t>
  </si>
  <si>
    <t>LEONG LOK KIO</t>
  </si>
  <si>
    <t>林俊熹</t>
  </si>
  <si>
    <t xml:space="preserve">  20</t>
  </si>
  <si>
    <t>15901382</t>
  </si>
  <si>
    <t>17560748</t>
  </si>
  <si>
    <t>30-Jan-14</t>
  </si>
  <si>
    <t>LIN CHON HEI</t>
  </si>
  <si>
    <t>羅嘉曜</t>
  </si>
  <si>
    <t xml:space="preserve">  21</t>
  </si>
  <si>
    <t>15855786</t>
  </si>
  <si>
    <t>17530199</t>
  </si>
  <si>
    <t>05-Jan-14</t>
  </si>
  <si>
    <t>LO KA IO</t>
  </si>
  <si>
    <t>盧芯妤</t>
  </si>
  <si>
    <t xml:space="preserve">  22</t>
  </si>
  <si>
    <t>15849177</t>
  </si>
  <si>
    <t>17559693</t>
  </si>
  <si>
    <t>08-Dec-13</t>
  </si>
  <si>
    <t>LO SAM U</t>
  </si>
  <si>
    <t>呂孝謙</t>
  </si>
  <si>
    <t xml:space="preserve">  23</t>
  </si>
  <si>
    <t>15927486</t>
  </si>
  <si>
    <t>17529069</t>
  </si>
  <si>
    <t>21-Apr-14</t>
  </si>
  <si>
    <t>LOI HAO HIM</t>
  </si>
  <si>
    <t>歐陽貝兒</t>
  </si>
  <si>
    <t xml:space="preserve">  24</t>
  </si>
  <si>
    <t>15901275</t>
  </si>
  <si>
    <t>17522765</t>
  </si>
  <si>
    <t>OUYANG PUI I</t>
  </si>
  <si>
    <t>蘇健茹</t>
  </si>
  <si>
    <t xml:space="preserve">  25</t>
  </si>
  <si>
    <t>15912850</t>
  </si>
  <si>
    <t>17557461</t>
  </si>
  <si>
    <t>13-May-14</t>
  </si>
  <si>
    <t>SU KIN U</t>
  </si>
  <si>
    <t>譚卓言</t>
  </si>
  <si>
    <t xml:space="preserve">  26</t>
  </si>
  <si>
    <t>15911191</t>
  </si>
  <si>
    <t>1754663X</t>
  </si>
  <si>
    <t>09-Apr-14</t>
  </si>
  <si>
    <t>TAM CHEOK IN</t>
  </si>
  <si>
    <t>唐穎沁</t>
  </si>
  <si>
    <t xml:space="preserve">  27</t>
  </si>
  <si>
    <t>15946262</t>
  </si>
  <si>
    <t>17535239</t>
  </si>
  <si>
    <t>15-Jan-14</t>
  </si>
  <si>
    <t>TONG WENG SAM</t>
  </si>
  <si>
    <t>黃政禧</t>
  </si>
  <si>
    <t xml:space="preserve">  28</t>
  </si>
  <si>
    <t>15970403</t>
  </si>
  <si>
    <t>17530563</t>
  </si>
  <si>
    <t>31-Jul-14</t>
  </si>
  <si>
    <t>WONG CHING HEI</t>
  </si>
  <si>
    <t>黃宇軒</t>
  </si>
  <si>
    <t xml:space="preserve">  29</t>
  </si>
  <si>
    <t>15931645</t>
  </si>
  <si>
    <t>17514878</t>
  </si>
  <si>
    <t>15-May-14</t>
  </si>
  <si>
    <t>WONG U HIN</t>
  </si>
  <si>
    <t>容煒庭</t>
  </si>
  <si>
    <t xml:space="preserve">  30</t>
  </si>
  <si>
    <t>15974090</t>
  </si>
  <si>
    <t>17555590</t>
  </si>
  <si>
    <t>21-Jul-14</t>
  </si>
  <si>
    <t>YUNG WAI TENG</t>
  </si>
  <si>
    <t>古卓賢</t>
  </si>
  <si>
    <t>15905862</t>
  </si>
  <si>
    <t>17544351</t>
  </si>
  <si>
    <t>04-Apr-14</t>
  </si>
  <si>
    <t>CASTILHO EDEN FERNANDO</t>
  </si>
  <si>
    <t>陳祉樺</t>
  </si>
  <si>
    <t>15866429</t>
  </si>
  <si>
    <t>17530504</t>
  </si>
  <si>
    <t>26-Jan-14</t>
  </si>
  <si>
    <t>CHAN CHI WA</t>
  </si>
  <si>
    <t>15906340</t>
  </si>
  <si>
    <t>17553482</t>
  </si>
  <si>
    <t>19-Mar-14</t>
  </si>
  <si>
    <t>CHEANG CHI IN</t>
  </si>
  <si>
    <t>陳俊熹</t>
  </si>
  <si>
    <t>15900145</t>
  </si>
  <si>
    <t>17544939</t>
  </si>
  <si>
    <t>20-Feb-14</t>
  </si>
  <si>
    <t>CHEN ADIN</t>
  </si>
  <si>
    <t>陳逸軒</t>
  </si>
  <si>
    <t>15976087</t>
  </si>
  <si>
    <t>17559936</t>
  </si>
  <si>
    <t>08-Sep-14</t>
  </si>
  <si>
    <t>CHEN IAT HIN</t>
  </si>
  <si>
    <t>16014292</t>
  </si>
  <si>
    <t>1750144X</t>
  </si>
  <si>
    <t>25-Oct-14</t>
  </si>
  <si>
    <t>CHEONG LOK IENG</t>
  </si>
  <si>
    <t>張翱怡</t>
  </si>
  <si>
    <t>15927460</t>
  </si>
  <si>
    <t>17530946</t>
  </si>
  <si>
    <t>CHEONG NGOU I</t>
  </si>
  <si>
    <t>杜子蕎</t>
  </si>
  <si>
    <t>15887805</t>
  </si>
  <si>
    <t>17560012</t>
  </si>
  <si>
    <t>28-Mar-14</t>
  </si>
  <si>
    <t>DU CHI KIO</t>
  </si>
  <si>
    <t>何芷昕</t>
  </si>
  <si>
    <t>15945942</t>
  </si>
  <si>
    <t>17530725</t>
  </si>
  <si>
    <t>25-Jul-14</t>
  </si>
  <si>
    <t>HO CHI IAN</t>
  </si>
  <si>
    <t>何昊霖</t>
  </si>
  <si>
    <t>15973886</t>
  </si>
  <si>
    <t>17504627</t>
  </si>
  <si>
    <t>03-Aug-14</t>
  </si>
  <si>
    <t>HO HOU LAM</t>
  </si>
  <si>
    <t>許汶翰</t>
  </si>
  <si>
    <t>15932783</t>
  </si>
  <si>
    <t>17560128</t>
  </si>
  <si>
    <t>03-Jul-14</t>
  </si>
  <si>
    <t>HOI MAN HON</t>
  </si>
  <si>
    <t>林爔樂</t>
  </si>
  <si>
    <t>15841810</t>
  </si>
  <si>
    <t>17530172</t>
  </si>
  <si>
    <t>04-Dec-13</t>
  </si>
  <si>
    <t>LAM HEI LOK</t>
  </si>
  <si>
    <t>劉珊妤</t>
  </si>
  <si>
    <t>15972979</t>
  </si>
  <si>
    <t>17510686</t>
  </si>
  <si>
    <t>06-Aug-14</t>
  </si>
  <si>
    <t>LAO FELICIA</t>
  </si>
  <si>
    <t>劉承謙</t>
  </si>
  <si>
    <t>15924582</t>
  </si>
  <si>
    <t>17530164</t>
  </si>
  <si>
    <t>01-Apr-14</t>
  </si>
  <si>
    <t>LAO SENG HIM</t>
  </si>
  <si>
    <t>劉信霆</t>
  </si>
  <si>
    <t>15941388</t>
  </si>
  <si>
    <t>1756123X</t>
  </si>
  <si>
    <t>01-May-14</t>
  </si>
  <si>
    <t>LAO SON TENG</t>
  </si>
  <si>
    <t>梁康澄</t>
  </si>
  <si>
    <t>16051914</t>
  </si>
  <si>
    <t>17553121</t>
  </si>
  <si>
    <t>LEONG HONG CHENG</t>
  </si>
  <si>
    <t>梁堯晴</t>
  </si>
  <si>
    <t>15917776</t>
  </si>
  <si>
    <t>17530768</t>
  </si>
  <si>
    <t>10-May-14</t>
  </si>
  <si>
    <t>LEONG IO CHENG</t>
  </si>
  <si>
    <t>李浩銘</t>
  </si>
  <si>
    <t>S7224038</t>
  </si>
  <si>
    <t>17576997</t>
  </si>
  <si>
    <t>13-Oct-14</t>
  </si>
  <si>
    <t>LI HO MING</t>
  </si>
  <si>
    <t>廖心悅</t>
  </si>
  <si>
    <t>15951916</t>
  </si>
  <si>
    <t>17553687</t>
  </si>
  <si>
    <t>27-Mar-14</t>
  </si>
  <si>
    <t>LIO SAM UT JASMINE</t>
  </si>
  <si>
    <t>駱天佑</t>
  </si>
  <si>
    <t>15932791</t>
  </si>
  <si>
    <t>17561248</t>
  </si>
  <si>
    <t>09-May-14</t>
  </si>
  <si>
    <t>LOK TIN IAO</t>
  </si>
  <si>
    <t>馬梓舜</t>
  </si>
  <si>
    <t>16142259</t>
  </si>
  <si>
    <t>17552907</t>
  </si>
  <si>
    <t>18-Dec-14</t>
  </si>
  <si>
    <t>MA CHI SON</t>
  </si>
  <si>
    <t>馬昭和</t>
  </si>
  <si>
    <t>15973878</t>
  </si>
  <si>
    <t>17531403</t>
  </si>
  <si>
    <t>12-Aug-14</t>
  </si>
  <si>
    <t>MA CHIO WO ADAM</t>
  </si>
  <si>
    <t>蒙逸軒</t>
  </si>
  <si>
    <t>15882228</t>
  </si>
  <si>
    <t>17509645</t>
  </si>
  <si>
    <t>19-Feb-14</t>
  </si>
  <si>
    <t>MONG IAT HIN</t>
  </si>
  <si>
    <t>區瑞君</t>
  </si>
  <si>
    <t>16022543</t>
  </si>
  <si>
    <t>17553288</t>
  </si>
  <si>
    <t>19-Nov-14</t>
  </si>
  <si>
    <t>OU SOI KUAN</t>
  </si>
  <si>
    <t>歐陽芊語</t>
  </si>
  <si>
    <t>15994254</t>
  </si>
  <si>
    <t>17506417</t>
  </si>
  <si>
    <t>26-Sep-14</t>
  </si>
  <si>
    <t>OUYANG CHIN U</t>
  </si>
  <si>
    <t>潘梓涵</t>
  </si>
  <si>
    <t>15927890</t>
  </si>
  <si>
    <t>17529344</t>
  </si>
  <si>
    <t>08-Jun-14</t>
  </si>
  <si>
    <t>PAN CHI HAM</t>
  </si>
  <si>
    <t>吳天蔚</t>
  </si>
  <si>
    <t>15911159</t>
  </si>
  <si>
    <t>17559529</t>
  </si>
  <si>
    <t>QUINTAL NG DANIEL</t>
  </si>
  <si>
    <t>薛霈兒</t>
  </si>
  <si>
    <t>15984370</t>
  </si>
  <si>
    <t>17553857</t>
  </si>
  <si>
    <t>SIT PUI I</t>
  </si>
  <si>
    <t>譚筱柔</t>
  </si>
  <si>
    <t>15941032</t>
  </si>
  <si>
    <t>17530229</t>
  </si>
  <si>
    <t>28-Jun-14</t>
  </si>
  <si>
    <t>TAM SIO IAO</t>
  </si>
  <si>
    <t>譚家茵</t>
  </si>
  <si>
    <t>15906621</t>
  </si>
  <si>
    <t>17553997</t>
  </si>
  <si>
    <t>30-Mar-14</t>
  </si>
  <si>
    <t>TAN KA IAN ANGEL</t>
  </si>
  <si>
    <t>王正朗</t>
  </si>
  <si>
    <t>16038077</t>
  </si>
  <si>
    <t>17547849</t>
  </si>
  <si>
    <t>WONG CHENG LONG</t>
  </si>
  <si>
    <t>黃芷淇</t>
  </si>
  <si>
    <t>15889330</t>
  </si>
  <si>
    <t>17537274</t>
  </si>
  <si>
    <t>15-Mar-14</t>
  </si>
  <si>
    <t>WONG CHI KEI</t>
  </si>
  <si>
    <t>楊梓炫</t>
  </si>
  <si>
    <t>15864788</t>
  </si>
  <si>
    <t>17501946</t>
  </si>
  <si>
    <t>19-Jan-14</t>
  </si>
  <si>
    <t>YANG CHI UN</t>
  </si>
  <si>
    <t>區柏豪</t>
  </si>
  <si>
    <t>16037129</t>
  </si>
  <si>
    <t>17553563</t>
  </si>
  <si>
    <t>04-Dec-14</t>
  </si>
  <si>
    <t>AO PAK HOU</t>
  </si>
  <si>
    <t>歐泳淇</t>
  </si>
  <si>
    <t>15926744</t>
  </si>
  <si>
    <t>17545986</t>
  </si>
  <si>
    <t>22-Jun-14</t>
  </si>
  <si>
    <t>AO WENG KEI</t>
  </si>
  <si>
    <t>曹溢淇</t>
  </si>
  <si>
    <t>15903156</t>
  </si>
  <si>
    <t>17535433</t>
  </si>
  <si>
    <t>CAO IAT KEI</t>
  </si>
  <si>
    <t>陳梓維</t>
  </si>
  <si>
    <t>16036030</t>
  </si>
  <si>
    <t>1754372X</t>
  </si>
  <si>
    <t>18-Nov-14</t>
  </si>
  <si>
    <t>CHAN CHI WAI</t>
  </si>
  <si>
    <t>陳展瑤</t>
  </si>
  <si>
    <t>15947039</t>
  </si>
  <si>
    <t>17517893</t>
  </si>
  <si>
    <t>CHAN CHIN IO</t>
  </si>
  <si>
    <t>陳洛希</t>
  </si>
  <si>
    <t>15924848</t>
  </si>
  <si>
    <t>17560594</t>
  </si>
  <si>
    <t>24-May-14</t>
  </si>
  <si>
    <t>CHAN LOK HEI</t>
  </si>
  <si>
    <t>陳玥玟</t>
  </si>
  <si>
    <t>16006462</t>
  </si>
  <si>
    <t>17561396</t>
  </si>
  <si>
    <t>16-Oct-14</t>
  </si>
  <si>
    <t>CHAN UT MAN</t>
  </si>
  <si>
    <t>鄭敬堯</t>
  </si>
  <si>
    <t>15897218</t>
  </si>
  <si>
    <t>17553733</t>
  </si>
  <si>
    <t>CHEANG KENG IO</t>
  </si>
  <si>
    <t>張嘉嘉</t>
  </si>
  <si>
    <t>15834286</t>
  </si>
  <si>
    <t>17530733</t>
  </si>
  <si>
    <t>19-Nov-13</t>
  </si>
  <si>
    <t>CHEONG KA KA</t>
  </si>
  <si>
    <t>鍾沛妤</t>
  </si>
  <si>
    <t>15987886</t>
  </si>
  <si>
    <t>17553601</t>
  </si>
  <si>
    <t>15-Aug-14</t>
  </si>
  <si>
    <t>CHONG PUI U</t>
  </si>
  <si>
    <t>馮頌凱</t>
  </si>
  <si>
    <t>15939135</t>
  </si>
  <si>
    <t>17553334</t>
  </si>
  <si>
    <t>06-Jul-14</t>
  </si>
  <si>
    <t>FONG CHONG HOI</t>
  </si>
  <si>
    <t>馮家宥</t>
  </si>
  <si>
    <t>16034159</t>
  </si>
  <si>
    <t>17553903</t>
  </si>
  <si>
    <t>17-Feb-14</t>
  </si>
  <si>
    <t>FONG KA IAO</t>
  </si>
  <si>
    <t>任芷穎</t>
  </si>
  <si>
    <t>15911100</t>
  </si>
  <si>
    <t>17533783</t>
  </si>
  <si>
    <t>22-Apr-14</t>
  </si>
  <si>
    <t>IAM CHI WENG</t>
  </si>
  <si>
    <t>容子睿</t>
  </si>
  <si>
    <t>15989452</t>
  </si>
  <si>
    <t>17509890</t>
  </si>
  <si>
    <t>IONG CHI IOI</t>
  </si>
  <si>
    <t>甘浩澤</t>
  </si>
  <si>
    <t>15912744</t>
  </si>
  <si>
    <t>17529352</t>
  </si>
  <si>
    <t>KAM HOU CHAK</t>
  </si>
  <si>
    <t>郭心悅</t>
  </si>
  <si>
    <t>15916265</t>
  </si>
  <si>
    <t>17530156</t>
  </si>
  <si>
    <t>29-May-14</t>
  </si>
  <si>
    <t>KUOK SAM UT</t>
  </si>
  <si>
    <t>藍正軒</t>
  </si>
  <si>
    <t>15905797</t>
  </si>
  <si>
    <t>17533759</t>
  </si>
  <si>
    <t>LAN CHENG HIN</t>
  </si>
  <si>
    <t>劉雋熙</t>
  </si>
  <si>
    <t>15897119</t>
  </si>
  <si>
    <t>1755988X</t>
  </si>
  <si>
    <t>28-Dec-13</t>
  </si>
  <si>
    <t>LAO CHON HEI</t>
  </si>
  <si>
    <t>劉承熹</t>
  </si>
  <si>
    <t>16015653</t>
  </si>
  <si>
    <t>17553326</t>
  </si>
  <si>
    <t>LAO SENG HEI</t>
  </si>
  <si>
    <t>李靖冰</t>
  </si>
  <si>
    <t>15874803</t>
  </si>
  <si>
    <t>17559901</t>
  </si>
  <si>
    <t>27-Feb-14</t>
  </si>
  <si>
    <t>LEI CHENG PENG</t>
  </si>
  <si>
    <t>梁嗣劻</t>
  </si>
  <si>
    <t>15866049</t>
  </si>
  <si>
    <t>17501636</t>
  </si>
  <si>
    <t>LEONG CHI HONG</t>
  </si>
  <si>
    <t>李沁妍</t>
  </si>
  <si>
    <t>15864820</t>
  </si>
  <si>
    <t>17554667</t>
  </si>
  <si>
    <t>27-Jan-14</t>
  </si>
  <si>
    <t>LI SAM IN</t>
  </si>
  <si>
    <t>廖心悠</t>
  </si>
  <si>
    <t>15960685</t>
  </si>
  <si>
    <t>17553679</t>
  </si>
  <si>
    <t>LIO SAM IAO JOYCELYN</t>
  </si>
  <si>
    <t>羅唯槿</t>
  </si>
  <si>
    <t>15853526</t>
  </si>
  <si>
    <t>17550459</t>
  </si>
  <si>
    <t>10-Jan-14</t>
  </si>
  <si>
    <t>LUO WAI KAN</t>
  </si>
  <si>
    <t>吳振華</t>
  </si>
  <si>
    <t>15898133</t>
  </si>
  <si>
    <t>17552966</t>
  </si>
  <si>
    <t>07-Apr-14</t>
  </si>
  <si>
    <t>NG CHAN WA</t>
  </si>
  <si>
    <t>湯穎欣</t>
  </si>
  <si>
    <t>15867336</t>
  </si>
  <si>
    <t>17530695</t>
  </si>
  <si>
    <t>11-Feb-14</t>
  </si>
  <si>
    <t>TONG WENG IAN</t>
  </si>
  <si>
    <t>黃卓濠</t>
  </si>
  <si>
    <t>16046062</t>
  </si>
  <si>
    <t>1753125X</t>
  </si>
  <si>
    <t>25-Nov-14</t>
  </si>
  <si>
    <t>WONG CHEOK HOU</t>
  </si>
  <si>
    <t>黃芊悠</t>
  </si>
  <si>
    <t>15953045</t>
  </si>
  <si>
    <t>17523869</t>
  </si>
  <si>
    <t>27-Jun-14</t>
  </si>
  <si>
    <t>WONG CHIN IAO KAILEY</t>
  </si>
  <si>
    <t>王禮賢</t>
  </si>
  <si>
    <t>15908437</t>
  </si>
  <si>
    <t>17528968</t>
  </si>
  <si>
    <t>02-May-14</t>
  </si>
  <si>
    <t>WONG LAI IN</t>
  </si>
  <si>
    <t>黃柏濤</t>
  </si>
  <si>
    <t>15866981</t>
  </si>
  <si>
    <t>17549337</t>
  </si>
  <si>
    <t>08-Feb-14</t>
  </si>
  <si>
    <t>WONG PAK TOU</t>
  </si>
  <si>
    <t>胡穎琳</t>
  </si>
  <si>
    <t>15867500</t>
  </si>
  <si>
    <t>17508959</t>
  </si>
  <si>
    <t>02-Jan-14</t>
  </si>
  <si>
    <t>WU WENG LAM</t>
  </si>
  <si>
    <t>陳朗月</t>
  </si>
  <si>
    <t>15947187</t>
  </si>
  <si>
    <t>17559758</t>
  </si>
  <si>
    <t>20-May-14</t>
  </si>
  <si>
    <t>CHAN LONG UT</t>
  </si>
  <si>
    <t>陳裕亨</t>
  </si>
  <si>
    <t>15953839</t>
  </si>
  <si>
    <t>17545269</t>
  </si>
  <si>
    <t>CHAN MORRIS YU HANG</t>
  </si>
  <si>
    <t>鄭言藝</t>
  </si>
  <si>
    <t>15925159</t>
  </si>
  <si>
    <t>17560780</t>
  </si>
  <si>
    <t>12-Jun-14</t>
  </si>
  <si>
    <t>CHEANG IN NGAI</t>
  </si>
  <si>
    <t>程奕森</t>
  </si>
  <si>
    <t>15876733</t>
  </si>
  <si>
    <t>17526809</t>
  </si>
  <si>
    <t>25-Feb-14</t>
  </si>
  <si>
    <t>CHENG IEK SAM</t>
  </si>
  <si>
    <t>張梓萱</t>
  </si>
  <si>
    <t>15964547</t>
  </si>
  <si>
    <t>17559650</t>
  </si>
  <si>
    <t>10-Aug-14</t>
  </si>
  <si>
    <t>CHEONG CHI HUN</t>
  </si>
  <si>
    <t>蔡芷妍</t>
  </si>
  <si>
    <t>15914773</t>
  </si>
  <si>
    <t>17529727</t>
  </si>
  <si>
    <t>CHOI CHI IN</t>
  </si>
  <si>
    <t>鍾允晴</t>
  </si>
  <si>
    <t>15934185</t>
  </si>
  <si>
    <t>17533511</t>
  </si>
  <si>
    <t>01-Jul-14</t>
  </si>
  <si>
    <t>CHONG WAN CHENG</t>
  </si>
  <si>
    <t>狄歆然</t>
  </si>
  <si>
    <t>15896681</t>
  </si>
  <si>
    <t>17500133</t>
  </si>
  <si>
    <t>13-Apr-14</t>
  </si>
  <si>
    <t>DI IAM IN</t>
  </si>
  <si>
    <t>何昱言</t>
  </si>
  <si>
    <t>16028607</t>
  </si>
  <si>
    <t>17529263</t>
  </si>
  <si>
    <t>09-Nov-14</t>
  </si>
  <si>
    <t>HO IOK IN</t>
  </si>
  <si>
    <t>何樂恆</t>
  </si>
  <si>
    <t>15889819</t>
  </si>
  <si>
    <t>17556163</t>
  </si>
  <si>
    <t>HO LOK HANG</t>
  </si>
  <si>
    <t>易迪信</t>
  </si>
  <si>
    <t>15934318</t>
  </si>
  <si>
    <t>17550947</t>
  </si>
  <si>
    <t>IEC TEK SON</t>
  </si>
  <si>
    <t>楊梓軒</t>
  </si>
  <si>
    <t>15857774</t>
  </si>
  <si>
    <t>1750256X</t>
  </si>
  <si>
    <t>13-Dec-13</t>
  </si>
  <si>
    <t>IEONG CHI HIN</t>
  </si>
  <si>
    <t>黎諾瑤</t>
  </si>
  <si>
    <t>15916877</t>
  </si>
  <si>
    <t>17555485</t>
  </si>
  <si>
    <t>LAI NOK IO</t>
  </si>
  <si>
    <t>劉乙鏗</t>
  </si>
  <si>
    <t>15927387</t>
  </si>
  <si>
    <t>17553490</t>
  </si>
  <si>
    <t>21-Jun-14</t>
  </si>
  <si>
    <t>LAO YUET HANG</t>
  </si>
  <si>
    <t>劉恩銘</t>
  </si>
  <si>
    <t>15992316</t>
  </si>
  <si>
    <t>17549310</t>
  </si>
  <si>
    <t>04-Sep-14</t>
  </si>
  <si>
    <t>LAU IAN MENG MARTY</t>
  </si>
  <si>
    <t>李芊淘</t>
  </si>
  <si>
    <t>15935257</t>
  </si>
  <si>
    <t>17529379</t>
  </si>
  <si>
    <t>LEI CHIN TOU</t>
  </si>
  <si>
    <t>梁浩鈞</t>
  </si>
  <si>
    <t>15954746</t>
  </si>
  <si>
    <t>17560497</t>
  </si>
  <si>
    <t>12-Jul-14</t>
  </si>
  <si>
    <t>LEONG HOU KUAN</t>
  </si>
  <si>
    <t>梁韻儀</t>
  </si>
  <si>
    <t>16018202</t>
  </si>
  <si>
    <t>17528852</t>
  </si>
  <si>
    <t>24-Oct-14</t>
  </si>
  <si>
    <t>LEUNG WAN YEE KENNIA</t>
  </si>
  <si>
    <t>廖巧澄</t>
  </si>
  <si>
    <t>15951866</t>
  </si>
  <si>
    <t>17530474</t>
  </si>
  <si>
    <t>11-Jul-14</t>
  </si>
  <si>
    <t>LIU KAISLEY MATEUS</t>
  </si>
  <si>
    <t>勞梓恩</t>
  </si>
  <si>
    <t>15887995</t>
  </si>
  <si>
    <t>17514509</t>
  </si>
  <si>
    <t>26-Mar-14</t>
  </si>
  <si>
    <t>LOU CHI IAN</t>
  </si>
  <si>
    <t>孟碧南</t>
  </si>
  <si>
    <t>16042038</t>
  </si>
  <si>
    <t>17530245</t>
  </si>
  <si>
    <t>15-Dec-14</t>
  </si>
  <si>
    <t>MENG PEK NAM DAISY</t>
  </si>
  <si>
    <t>吳韋利</t>
  </si>
  <si>
    <t>15992910</t>
  </si>
  <si>
    <t>17530520</t>
  </si>
  <si>
    <t>21-Aug-14</t>
  </si>
  <si>
    <t>NG WAI LEI</t>
  </si>
  <si>
    <t>石晉銘</t>
  </si>
  <si>
    <t>16013542</t>
  </si>
  <si>
    <t>17502586</t>
  </si>
  <si>
    <t>12-May-14</t>
  </si>
  <si>
    <t>SHEK CHUN MING</t>
  </si>
  <si>
    <t>蘇鼎睿</t>
  </si>
  <si>
    <t>15915192</t>
  </si>
  <si>
    <t>17560470</t>
  </si>
  <si>
    <t>SOU TENG IOI KENTON</t>
  </si>
  <si>
    <t>譚諾琪</t>
  </si>
  <si>
    <t>16059693</t>
  </si>
  <si>
    <t>17530539</t>
  </si>
  <si>
    <t>28-Dec-14</t>
  </si>
  <si>
    <t>TAM NOK KEI</t>
  </si>
  <si>
    <t>譚詩姵</t>
  </si>
  <si>
    <t>15911217</t>
  </si>
  <si>
    <t>17546583</t>
  </si>
  <si>
    <t>11-Jan-14</t>
  </si>
  <si>
    <t>TAM SI PUI SERENA</t>
  </si>
  <si>
    <t>余芷瑩</t>
  </si>
  <si>
    <t>15902034</t>
  </si>
  <si>
    <t>17551064</t>
  </si>
  <si>
    <t>U TSZ YING</t>
  </si>
  <si>
    <t>溫心悠</t>
  </si>
  <si>
    <t>15861073</t>
  </si>
  <si>
    <t>17530822</t>
  </si>
  <si>
    <t>WAN SAM IAO</t>
  </si>
  <si>
    <t>王皓楊</t>
  </si>
  <si>
    <t>15950785</t>
  </si>
  <si>
    <t>17554020</t>
  </si>
  <si>
    <t>19-Jul-14</t>
  </si>
  <si>
    <t>WONG HOU IEONG</t>
  </si>
  <si>
    <t>黃筱靖</t>
  </si>
  <si>
    <t>15989411</t>
  </si>
  <si>
    <t>17559472</t>
  </si>
  <si>
    <t>24-Aug-14</t>
  </si>
  <si>
    <t>WONG SIO CHENG</t>
  </si>
  <si>
    <t>吳潁蕎</t>
  </si>
  <si>
    <t>15973290</t>
  </si>
  <si>
    <t>17504228</t>
  </si>
  <si>
    <t>09-Sep-14</t>
  </si>
  <si>
    <t>WU WENG KIO</t>
  </si>
  <si>
    <t>鄭媛元</t>
  </si>
  <si>
    <t>15969686</t>
  </si>
  <si>
    <t>17553083</t>
  </si>
  <si>
    <t>03-Sep-14</t>
  </si>
  <si>
    <t>ZHENG WUN UN</t>
  </si>
  <si>
    <t>庄卓謙</t>
  </si>
  <si>
    <t>15894702</t>
  </si>
  <si>
    <t>17509661</t>
  </si>
  <si>
    <t>09-Mar-14</t>
  </si>
  <si>
    <t>ZHUANG CHEOK HIM</t>
  </si>
  <si>
    <t>陳予芊</t>
  </si>
  <si>
    <t>15924616</t>
  </si>
  <si>
    <t>17502985</t>
  </si>
  <si>
    <t>21-May-14</t>
  </si>
  <si>
    <t>CHAN U CHIN</t>
  </si>
  <si>
    <t>曾加恩</t>
  </si>
  <si>
    <t>15906738</t>
  </si>
  <si>
    <t>17560136</t>
  </si>
  <si>
    <t>CHANG KA YAN</t>
  </si>
  <si>
    <t>鄭楚霖</t>
  </si>
  <si>
    <t>15885999</t>
  </si>
  <si>
    <t>17551056</t>
  </si>
  <si>
    <t>03-Feb-14</t>
  </si>
  <si>
    <t>CHEANG CHO LAM</t>
  </si>
  <si>
    <t>鄭奕弘</t>
  </si>
  <si>
    <t>15869001</t>
  </si>
  <si>
    <t>17530954</t>
  </si>
  <si>
    <t>23-Dec-13</t>
  </si>
  <si>
    <t>CHEANG IEK WANG</t>
  </si>
  <si>
    <t>鄭庭亨</t>
  </si>
  <si>
    <t>15969884</t>
  </si>
  <si>
    <t>17553938</t>
  </si>
  <si>
    <t>08-Aug-14</t>
  </si>
  <si>
    <t>CHEANG TENG HANG</t>
  </si>
  <si>
    <t>詹皓鉦</t>
  </si>
  <si>
    <t>16052243</t>
  </si>
  <si>
    <t>17561329</t>
  </si>
  <si>
    <t>15-Nov-14</t>
  </si>
  <si>
    <t>CHIM HOU CHENG</t>
  </si>
  <si>
    <t>蔡曉盈</t>
  </si>
  <si>
    <t>15951858</t>
  </si>
  <si>
    <t>17576849</t>
  </si>
  <si>
    <t>CHOI DA ROCHA OCTAVIA</t>
  </si>
  <si>
    <t>蔡柏鎬</t>
  </si>
  <si>
    <t>15914799</t>
  </si>
  <si>
    <t>17529719</t>
  </si>
  <si>
    <t>CHOI PAK HOU</t>
  </si>
  <si>
    <t>曹凱瑤</t>
  </si>
  <si>
    <t>15885049</t>
  </si>
  <si>
    <t>17530326</t>
  </si>
  <si>
    <t>16-Mar-14</t>
  </si>
  <si>
    <t>CHOU HOI IO</t>
  </si>
  <si>
    <t>鄧綽然</t>
  </si>
  <si>
    <t>15893258</t>
  </si>
  <si>
    <t>17530091</t>
  </si>
  <si>
    <t>05-Feb-14</t>
  </si>
  <si>
    <t>DANGOL JANISHA</t>
  </si>
  <si>
    <t>蘇梓儒</t>
  </si>
  <si>
    <t>15917594</t>
  </si>
  <si>
    <t>17529433</t>
  </si>
  <si>
    <t>20-Apr-14</t>
  </si>
  <si>
    <t>DE SOUSA ETHAN FREDERICO</t>
  </si>
  <si>
    <t>馮嘉霖</t>
  </si>
  <si>
    <t>15901408</t>
  </si>
  <si>
    <t>17539226</t>
  </si>
  <si>
    <t>FONG KA LAM</t>
  </si>
  <si>
    <t>許語桐</t>
  </si>
  <si>
    <t>15862642</t>
  </si>
  <si>
    <t>1750547X</t>
  </si>
  <si>
    <t>20-Jan-14</t>
  </si>
  <si>
    <t>HOI U TONG</t>
  </si>
  <si>
    <t>韓昕諾</t>
  </si>
  <si>
    <t>15950876</t>
  </si>
  <si>
    <t>17560896</t>
  </si>
  <si>
    <t>HON IAN NOK</t>
  </si>
  <si>
    <t>楊心悠</t>
  </si>
  <si>
    <t>15977937</t>
  </si>
  <si>
    <t>1751276X</t>
  </si>
  <si>
    <t>27-Aug-14</t>
  </si>
  <si>
    <t>IEONG SAM IAO</t>
  </si>
  <si>
    <t>高汶芯</t>
  </si>
  <si>
    <t>15961915</t>
  </si>
  <si>
    <t>17528461</t>
  </si>
  <si>
    <t>26-Jul-14</t>
  </si>
  <si>
    <t>KOU MAN SAM</t>
  </si>
  <si>
    <t>郭芷睿</t>
  </si>
  <si>
    <t>16008880</t>
  </si>
  <si>
    <t>17560918</t>
  </si>
  <si>
    <t>30-Aug-14</t>
  </si>
  <si>
    <t>KUOK CHI IOI</t>
  </si>
  <si>
    <t>林劍鋒</t>
  </si>
  <si>
    <t>16004954</t>
  </si>
  <si>
    <t>17529654</t>
  </si>
  <si>
    <t>23-Oct-14</t>
  </si>
  <si>
    <t>LAM KIM FONG</t>
  </si>
  <si>
    <t>劉錦龍</t>
  </si>
  <si>
    <t>16054868</t>
  </si>
  <si>
    <t>17500915</t>
  </si>
  <si>
    <t>LAO KAM LONG</t>
  </si>
  <si>
    <t>劉乙鏘</t>
  </si>
  <si>
    <t>15927395</t>
  </si>
  <si>
    <t>17553504</t>
  </si>
  <si>
    <t>LAO YUET CHEONG</t>
  </si>
  <si>
    <t>凌曦</t>
  </si>
  <si>
    <t>15855554</t>
  </si>
  <si>
    <t>17529905</t>
  </si>
  <si>
    <t>12-Jan-14</t>
  </si>
  <si>
    <t>LENG HEI</t>
  </si>
  <si>
    <t>梁子浚</t>
  </si>
  <si>
    <t>15941164</t>
  </si>
  <si>
    <t>17530687</t>
  </si>
  <si>
    <t>LEONG CHI CHON</t>
  </si>
  <si>
    <t>梁珮芝</t>
  </si>
  <si>
    <t>15979594</t>
  </si>
  <si>
    <t>17508908</t>
  </si>
  <si>
    <t>LEUNG PUI CHI</t>
  </si>
  <si>
    <t>梁碩軒</t>
  </si>
  <si>
    <t>15884216</t>
  </si>
  <si>
    <t>17529964</t>
  </si>
  <si>
    <t>28-Jan-14</t>
  </si>
  <si>
    <t>LEUNG SEAK HIN</t>
  </si>
  <si>
    <t>連曉萱</t>
  </si>
  <si>
    <t>15894561</t>
  </si>
  <si>
    <t>17560799</t>
  </si>
  <si>
    <t>LIN HIO HUN</t>
  </si>
  <si>
    <t>廖學賢</t>
  </si>
  <si>
    <t>15950645</t>
  </si>
  <si>
    <t>17553660</t>
  </si>
  <si>
    <t>LIO HOK IN KAYDEN</t>
  </si>
  <si>
    <t>毛俊謙</t>
  </si>
  <si>
    <t>15931843</t>
  </si>
  <si>
    <t>17540739</t>
  </si>
  <si>
    <t>MOU CHON HIM</t>
  </si>
  <si>
    <t>15867518</t>
  </si>
  <si>
    <t>17559537</t>
  </si>
  <si>
    <t>31-Jan-14</t>
  </si>
  <si>
    <t>NG KA IENG</t>
  </si>
  <si>
    <t>吳沛洳</t>
  </si>
  <si>
    <t>16060626</t>
  </si>
  <si>
    <t>17529042</t>
  </si>
  <si>
    <t>27-Oct-14</t>
  </si>
  <si>
    <t>NG PUI YU</t>
  </si>
  <si>
    <t>王天祺</t>
  </si>
  <si>
    <t>16939050</t>
  </si>
  <si>
    <t>20583346</t>
  </si>
  <si>
    <t>WANG, TIANQI</t>
  </si>
  <si>
    <t>黃梓滔</t>
  </si>
  <si>
    <t>15937543</t>
  </si>
  <si>
    <t>17535212</t>
  </si>
  <si>
    <t>WONG CHI TOU</t>
  </si>
  <si>
    <t>黃浠喬</t>
  </si>
  <si>
    <t>15874712</t>
  </si>
  <si>
    <t>1752895X</t>
  </si>
  <si>
    <t>21-Feb-14</t>
  </si>
  <si>
    <t>WONG HEI KIO</t>
  </si>
  <si>
    <t>楊博然</t>
  </si>
  <si>
    <t>15879752</t>
  </si>
  <si>
    <t>17578078</t>
  </si>
  <si>
    <t>YANG POK IN</t>
  </si>
  <si>
    <t>陳欣濠</t>
  </si>
  <si>
    <t>15969876</t>
  </si>
  <si>
    <t>17549167</t>
  </si>
  <si>
    <t>01-Aug-14</t>
  </si>
  <si>
    <t>CHAN IAN HOU</t>
  </si>
  <si>
    <t>陳思潼</t>
  </si>
  <si>
    <t>15932213</t>
  </si>
  <si>
    <t>17530512</t>
  </si>
  <si>
    <t>15-Jun-14</t>
  </si>
  <si>
    <t>CHAN SI TONG</t>
  </si>
  <si>
    <t>鄭宇桐</t>
  </si>
  <si>
    <t>15983307</t>
  </si>
  <si>
    <t>17560101</t>
  </si>
  <si>
    <t>27-Jul-14</t>
  </si>
  <si>
    <t>CHEANG U TONG</t>
  </si>
  <si>
    <t>張楚沂</t>
  </si>
  <si>
    <t>15920135</t>
  </si>
  <si>
    <t>17560241</t>
  </si>
  <si>
    <t>30-May-14</t>
  </si>
  <si>
    <t>CHEONG CHO I</t>
  </si>
  <si>
    <t>張睿嘉</t>
  </si>
  <si>
    <t>15833742</t>
  </si>
  <si>
    <t>17530741</t>
  </si>
  <si>
    <t>CHEONG IOI KA</t>
  </si>
  <si>
    <t>鍾穎芊</t>
  </si>
  <si>
    <t>15945058</t>
  </si>
  <si>
    <t>17529956</t>
  </si>
  <si>
    <t>CHONG WENG CHIN</t>
  </si>
  <si>
    <t>何晞雯</t>
  </si>
  <si>
    <t>16066771</t>
  </si>
  <si>
    <t>17551072</t>
  </si>
  <si>
    <t>22-Dec-14</t>
  </si>
  <si>
    <t>HO HEI MAN</t>
  </si>
  <si>
    <t>何昕熹</t>
  </si>
  <si>
    <t>15943269</t>
  </si>
  <si>
    <t>17560810</t>
  </si>
  <si>
    <t>HO IAN HEI</t>
  </si>
  <si>
    <t>黃巧翎</t>
  </si>
  <si>
    <t>15998651</t>
  </si>
  <si>
    <t>17560985</t>
  </si>
  <si>
    <t>11-Aug-14</t>
  </si>
  <si>
    <t>HUANG CIAO LING</t>
  </si>
  <si>
    <t>洪浚豪</t>
  </si>
  <si>
    <t>15938947</t>
  </si>
  <si>
    <t>17556708</t>
  </si>
  <si>
    <t>HUNG CHON HOU</t>
  </si>
  <si>
    <t>易乾峰</t>
  </si>
  <si>
    <t>15914682</t>
  </si>
  <si>
    <t>17517966</t>
  </si>
  <si>
    <t>28-Apr-14</t>
  </si>
  <si>
    <t>IEK KIN FONG</t>
  </si>
  <si>
    <t>楊晨曦</t>
  </si>
  <si>
    <t>15969504</t>
  </si>
  <si>
    <t>17560063</t>
  </si>
  <si>
    <t>05-Jun-14</t>
  </si>
  <si>
    <t>IEONG SAN HEI</t>
  </si>
  <si>
    <t>郭芷如</t>
  </si>
  <si>
    <t>16008898</t>
  </si>
  <si>
    <t>17560926</t>
  </si>
  <si>
    <t>KUOK CHI U</t>
  </si>
  <si>
    <t>劉健業</t>
  </si>
  <si>
    <t>15916927</t>
  </si>
  <si>
    <t>17554101</t>
  </si>
  <si>
    <t>LAO KIN IP</t>
  </si>
  <si>
    <t>梁梓駿</t>
  </si>
  <si>
    <t>15920523</t>
  </si>
  <si>
    <t>17551412</t>
  </si>
  <si>
    <t>25-May-14</t>
  </si>
  <si>
    <t>梁心語</t>
  </si>
  <si>
    <t>15923246</t>
  </si>
  <si>
    <t>17501474</t>
  </si>
  <si>
    <t>LEONG SAM U</t>
  </si>
  <si>
    <t>羅承治</t>
  </si>
  <si>
    <t>15852197</t>
  </si>
  <si>
    <t>17504538</t>
  </si>
  <si>
    <t>29-Nov-13</t>
  </si>
  <si>
    <t>LO SHING CHI</t>
  </si>
  <si>
    <t>羅雪瑩</t>
  </si>
  <si>
    <t>16030819</t>
  </si>
  <si>
    <t>17560993</t>
  </si>
  <si>
    <t>09-Dec-14</t>
  </si>
  <si>
    <t>LO SUT IENG</t>
  </si>
  <si>
    <t>雷嘉茗</t>
  </si>
  <si>
    <t>16014177</t>
  </si>
  <si>
    <t>17553024</t>
  </si>
  <si>
    <t>LOI KA MENG</t>
  </si>
  <si>
    <t>吳仕暉</t>
  </si>
  <si>
    <t>15876550</t>
  </si>
  <si>
    <t>1753058X</t>
  </si>
  <si>
    <t>25-Jan-14</t>
  </si>
  <si>
    <t>NG SI FAI</t>
  </si>
  <si>
    <t>潘曉銦</t>
  </si>
  <si>
    <t>15893704</t>
  </si>
  <si>
    <t>17544904</t>
  </si>
  <si>
    <t>10-Apr-14</t>
  </si>
  <si>
    <t>PAN HIO IAN RUBY</t>
  </si>
  <si>
    <t>潘天愉</t>
  </si>
  <si>
    <t>15864978</t>
  </si>
  <si>
    <t>17549620</t>
  </si>
  <si>
    <t>22-Jan-14</t>
  </si>
  <si>
    <t>POON TIN YU</t>
  </si>
  <si>
    <t>司徒雪怡</t>
  </si>
  <si>
    <t>15923428</t>
  </si>
  <si>
    <t>17530881</t>
  </si>
  <si>
    <t>02-Jun-14</t>
  </si>
  <si>
    <t>SI TOU SUT I</t>
  </si>
  <si>
    <t>譚善揚</t>
  </si>
  <si>
    <t>15978596</t>
  </si>
  <si>
    <t>17539056</t>
  </si>
  <si>
    <t>13-Aug-14</t>
  </si>
  <si>
    <t>TAM SIN IEONG</t>
  </si>
  <si>
    <t>湯浩暉</t>
  </si>
  <si>
    <t>15990260</t>
  </si>
  <si>
    <t>17534100</t>
  </si>
  <si>
    <t>TONG HOU FAI</t>
  </si>
  <si>
    <t>謝兆騏</t>
  </si>
  <si>
    <t>15873037</t>
  </si>
  <si>
    <t>17557143</t>
  </si>
  <si>
    <t>TSE SIO KEI</t>
  </si>
  <si>
    <t>黃心悅</t>
  </si>
  <si>
    <t>15902216</t>
  </si>
  <si>
    <t>17549507</t>
  </si>
  <si>
    <t>05-Mar-14</t>
  </si>
  <si>
    <t>WONG SAM UT</t>
  </si>
  <si>
    <t>黃穎怡</t>
  </si>
  <si>
    <t>16273260</t>
  </si>
  <si>
    <t>17512875</t>
  </si>
  <si>
    <t>17-Mar-14</t>
  </si>
  <si>
    <t>WONG WENG I</t>
  </si>
  <si>
    <t>蕭子鴻</t>
  </si>
  <si>
    <t>15953755</t>
  </si>
  <si>
    <t>17558867</t>
  </si>
  <si>
    <t>08-Jul-14</t>
  </si>
  <si>
    <t>XIAO CHI HONG</t>
  </si>
  <si>
    <t>謝卓均</t>
  </si>
  <si>
    <t>15893175</t>
  </si>
  <si>
    <t>17555329</t>
  </si>
  <si>
    <t>12-Apr-14</t>
  </si>
  <si>
    <t>XIE CHEOK KUAN</t>
  </si>
  <si>
    <t>楊茜而</t>
  </si>
  <si>
    <t>15921216</t>
  </si>
  <si>
    <t>17508940</t>
  </si>
  <si>
    <t>YEUNG SIN YEE ANGIE</t>
  </si>
  <si>
    <t>朱芸熙</t>
  </si>
  <si>
    <t>16744161</t>
  </si>
  <si>
    <t>20583354</t>
  </si>
  <si>
    <t>02-Apr-14</t>
  </si>
  <si>
    <t>ZHU YUNXI</t>
  </si>
  <si>
    <t>陳幸兒</t>
  </si>
  <si>
    <t>P3</t>
  </si>
  <si>
    <t>15704554</t>
  </si>
  <si>
    <t>16545362</t>
  </si>
  <si>
    <t>15-Feb-13</t>
  </si>
  <si>
    <t>CHAN HANG I</t>
  </si>
  <si>
    <t>陳藝澄</t>
  </si>
  <si>
    <t>15733710</t>
  </si>
  <si>
    <t>16502795</t>
  </si>
  <si>
    <t>21-Mar-13</t>
  </si>
  <si>
    <t>CHAN NGAI CHENG</t>
  </si>
  <si>
    <t>曾子睿</t>
  </si>
  <si>
    <t>15743925</t>
  </si>
  <si>
    <t>16527372</t>
  </si>
  <si>
    <t>19-May-13</t>
  </si>
  <si>
    <t>CHANG CHI IOI</t>
  </si>
  <si>
    <t>曾悠</t>
  </si>
  <si>
    <t>15732027</t>
  </si>
  <si>
    <t>16546105</t>
  </si>
  <si>
    <t>26-Mar-13</t>
  </si>
  <si>
    <t>CHANG IAO</t>
  </si>
  <si>
    <t>鍾穎桐</t>
  </si>
  <si>
    <t>15743057</t>
  </si>
  <si>
    <t>16528409</t>
  </si>
  <si>
    <t>24-Mar-13</t>
  </si>
  <si>
    <t>CHONG WENG TONG</t>
  </si>
  <si>
    <t>施慧勵</t>
  </si>
  <si>
    <t>15821408</t>
  </si>
  <si>
    <t>16522702</t>
  </si>
  <si>
    <t>11-Oct-13</t>
  </si>
  <si>
    <t>DE ASSIS AURELIANA HELIA</t>
  </si>
  <si>
    <t>馮敬翔</t>
  </si>
  <si>
    <t>15806839</t>
  </si>
  <si>
    <t>16546156</t>
  </si>
  <si>
    <t>04-Sep-13</t>
  </si>
  <si>
    <t>FONG KENG CHEONG MAXWELL</t>
  </si>
  <si>
    <t>江建毅</t>
  </si>
  <si>
    <t>15791296</t>
  </si>
  <si>
    <t>16555686</t>
  </si>
  <si>
    <t>07-Sep-13</t>
  </si>
  <si>
    <t>JIANG KIN NGAI</t>
  </si>
  <si>
    <t>郭瑾蔚</t>
  </si>
  <si>
    <t>15706138</t>
  </si>
  <si>
    <t>16545672</t>
  </si>
  <si>
    <t>27-Feb-13</t>
  </si>
  <si>
    <t>KUOK KAN WAI</t>
  </si>
  <si>
    <t>林卓霆</t>
  </si>
  <si>
    <t>15800790</t>
  </si>
  <si>
    <t>16522087</t>
  </si>
  <si>
    <t>03-Sep-13</t>
  </si>
  <si>
    <t>LAM CHEOK TENG</t>
  </si>
  <si>
    <t>林梓彤</t>
  </si>
  <si>
    <t>15767056</t>
  </si>
  <si>
    <t>16545923</t>
  </si>
  <si>
    <t>02-Jul-13</t>
  </si>
  <si>
    <t>林浩豐</t>
  </si>
  <si>
    <t>15776982</t>
  </si>
  <si>
    <t>16509870</t>
  </si>
  <si>
    <t>18-Jul-13</t>
  </si>
  <si>
    <t>LAM HOU FONG</t>
  </si>
  <si>
    <t>劉柏暟</t>
  </si>
  <si>
    <t>15821762</t>
  </si>
  <si>
    <t>16552261</t>
  </si>
  <si>
    <t>22-Aug-13</t>
  </si>
  <si>
    <t>LAU PAK HOI TRAVIS</t>
  </si>
  <si>
    <t>李浚賢</t>
  </si>
  <si>
    <t>15725831</t>
  </si>
  <si>
    <t>16521900</t>
  </si>
  <si>
    <t>30-Mar-13</t>
  </si>
  <si>
    <t>LEI CHON IN</t>
  </si>
  <si>
    <t>李毅</t>
  </si>
  <si>
    <t>15725112</t>
  </si>
  <si>
    <t>16521757</t>
  </si>
  <si>
    <t>03-Mar-13</t>
  </si>
  <si>
    <t>LEI NGAI</t>
  </si>
  <si>
    <t>梁子朗</t>
  </si>
  <si>
    <t>15739287</t>
  </si>
  <si>
    <t>16529081</t>
  </si>
  <si>
    <t>01-Mar-13</t>
  </si>
  <si>
    <t>LEONG CHI LONG</t>
  </si>
  <si>
    <t>林均澤</t>
  </si>
  <si>
    <t>15794563</t>
  </si>
  <si>
    <t>16536312</t>
  </si>
  <si>
    <t>28-Aug-13</t>
  </si>
  <si>
    <t>LIN KUAN CHAK</t>
  </si>
  <si>
    <t>麥景竣</t>
  </si>
  <si>
    <t>15745359</t>
  </si>
  <si>
    <t>16524500</t>
  </si>
  <si>
    <t>08-Apr-13</t>
  </si>
  <si>
    <t>MAK KENG CHON</t>
  </si>
  <si>
    <t>莫昊藍</t>
  </si>
  <si>
    <t>15844863</t>
  </si>
  <si>
    <t>16529936</t>
  </si>
  <si>
    <t>30-Oct-13</t>
  </si>
  <si>
    <t>MOK HOU LAM</t>
  </si>
  <si>
    <t>潘健恩</t>
  </si>
  <si>
    <t>15769573</t>
  </si>
  <si>
    <t>16527828</t>
  </si>
  <si>
    <t>17-Jul-13</t>
  </si>
  <si>
    <t>POON KIN IAN</t>
  </si>
  <si>
    <t>蘇佩悅</t>
  </si>
  <si>
    <t>15703119</t>
  </si>
  <si>
    <t>16552849</t>
  </si>
  <si>
    <t>09-Jan-13</t>
  </si>
  <si>
    <t>SOU PUI UT</t>
  </si>
  <si>
    <t>吳曉晴</t>
  </si>
  <si>
    <t>15761760</t>
  </si>
  <si>
    <t>1654577X</t>
  </si>
  <si>
    <t>15-Jun-13</t>
  </si>
  <si>
    <t>UNG HIO CHENG</t>
  </si>
  <si>
    <t>王澤楷</t>
  </si>
  <si>
    <t>15813041</t>
  </si>
  <si>
    <t>16545567</t>
  </si>
  <si>
    <t>12-Oct-13</t>
  </si>
  <si>
    <t>WANG CHAK KAI</t>
  </si>
  <si>
    <t>黃梓琳</t>
  </si>
  <si>
    <t>15809429</t>
  </si>
  <si>
    <t>16521811</t>
  </si>
  <si>
    <t>13-Sep-13</t>
  </si>
  <si>
    <t>WONG CHI LAM</t>
  </si>
  <si>
    <t>黃子瑜</t>
  </si>
  <si>
    <t>15887649</t>
  </si>
  <si>
    <t>16546318</t>
  </si>
  <si>
    <t>02-Dec-13</t>
  </si>
  <si>
    <t>WONG CHI U</t>
  </si>
  <si>
    <t>黃奕晞</t>
  </si>
  <si>
    <t>15781180</t>
  </si>
  <si>
    <t>16503287</t>
  </si>
  <si>
    <t>10-Jul-13</t>
  </si>
  <si>
    <t>WONG IEK HEI</t>
  </si>
  <si>
    <t>黃雅蓉</t>
  </si>
  <si>
    <t>15693807</t>
  </si>
  <si>
    <t>16519671</t>
  </si>
  <si>
    <t>20-Jan-13</t>
  </si>
  <si>
    <t>WONG NGA IONG</t>
  </si>
  <si>
    <t>黃安澄</t>
  </si>
  <si>
    <t>15823248</t>
  </si>
  <si>
    <t>16545125</t>
  </si>
  <si>
    <t>04-Oct-13</t>
  </si>
  <si>
    <t xml:space="preserve">WONG ON CHENG_x000D_
</t>
  </si>
  <si>
    <t>黃惠硏</t>
  </si>
  <si>
    <t>15756828</t>
  </si>
  <si>
    <t>16528700</t>
  </si>
  <si>
    <t>12-Jun-13</t>
  </si>
  <si>
    <t>WONG WAI IN</t>
  </si>
  <si>
    <t>胡顥姿</t>
  </si>
  <si>
    <t>15790298</t>
  </si>
  <si>
    <t>16545443</t>
  </si>
  <si>
    <t>02-May-13</t>
  </si>
  <si>
    <t>WU HOU CHI</t>
  </si>
  <si>
    <t>鄭天佑</t>
  </si>
  <si>
    <t>15753445</t>
  </si>
  <si>
    <t>16528247</t>
  </si>
  <si>
    <t>20-Mar-13</t>
  </si>
  <si>
    <t>CHEANG ADAM</t>
  </si>
  <si>
    <t>卓穎彤</t>
  </si>
  <si>
    <t>15699911</t>
  </si>
  <si>
    <t>16539265</t>
  </si>
  <si>
    <t>07-Feb-13</t>
  </si>
  <si>
    <t xml:space="preserve">CHEOK WENG TONG_x000D_
</t>
  </si>
  <si>
    <t>崔汝行</t>
  </si>
  <si>
    <t>15821713</t>
  </si>
  <si>
    <t>16528468</t>
  </si>
  <si>
    <t>16-Sep-13</t>
  </si>
  <si>
    <t>CHUI U HANG</t>
  </si>
  <si>
    <t>范梓穎</t>
  </si>
  <si>
    <t>15776065</t>
  </si>
  <si>
    <t>16513320</t>
  </si>
  <si>
    <t>15-Jul-13</t>
  </si>
  <si>
    <t>FAN CHI WENG</t>
  </si>
  <si>
    <t>方凱彤</t>
  </si>
  <si>
    <t>15778251</t>
  </si>
  <si>
    <t>16524292</t>
  </si>
  <si>
    <t>14-Jul-13</t>
  </si>
  <si>
    <t>FONG HOI TONG</t>
  </si>
  <si>
    <t>馮以心</t>
  </si>
  <si>
    <t>15728454</t>
  </si>
  <si>
    <t>16550153</t>
  </si>
  <si>
    <t>19-Feb-13</t>
  </si>
  <si>
    <t>FONG YEE SUM ODELIA</t>
  </si>
  <si>
    <t>何心柔</t>
  </si>
  <si>
    <t>15712698</t>
  </si>
  <si>
    <t>16522346</t>
  </si>
  <si>
    <t>31-Jan-13</t>
  </si>
  <si>
    <t>HO SAM IAO</t>
  </si>
  <si>
    <t>何宛庭</t>
  </si>
  <si>
    <t>15843949</t>
  </si>
  <si>
    <t>16543459</t>
  </si>
  <si>
    <t>21-Nov-13</t>
  </si>
  <si>
    <t>HO UN TENG</t>
  </si>
  <si>
    <t>黃子睿</t>
  </si>
  <si>
    <t>15759525</t>
  </si>
  <si>
    <t>1650237X</t>
  </si>
  <si>
    <t>01-Jul-13</t>
  </si>
  <si>
    <t>HUANG CHI IOI</t>
  </si>
  <si>
    <t>姚天朗</t>
  </si>
  <si>
    <t>15843345</t>
  </si>
  <si>
    <t>16522370</t>
  </si>
  <si>
    <t>12-Sep-13</t>
  </si>
  <si>
    <t>IO TIN LONG</t>
  </si>
  <si>
    <t>江哲霖</t>
  </si>
  <si>
    <t>15798200</t>
  </si>
  <si>
    <t>16545370</t>
  </si>
  <si>
    <t>20-Sep-13</t>
  </si>
  <si>
    <t>KONG CHIT LAM</t>
  </si>
  <si>
    <t>黎梓希</t>
  </si>
  <si>
    <t>15771488</t>
  </si>
  <si>
    <t>16554442</t>
  </si>
  <si>
    <t>26-May-13</t>
  </si>
  <si>
    <t>LAI CHI HEI</t>
  </si>
  <si>
    <t>賴妍樂</t>
  </si>
  <si>
    <t>15801236</t>
  </si>
  <si>
    <t>1653204X</t>
  </si>
  <si>
    <t>06-Sep-13</t>
  </si>
  <si>
    <t>LAI IN LOK</t>
  </si>
  <si>
    <t>15654403</t>
  </si>
  <si>
    <t>16534131</t>
  </si>
  <si>
    <t>05-Nov-12</t>
  </si>
  <si>
    <t>LAM CHI KEI</t>
  </si>
  <si>
    <t>劉凱龍</t>
  </si>
  <si>
    <t>15709348</t>
  </si>
  <si>
    <t>16511085</t>
  </si>
  <si>
    <t>02-Feb-13</t>
  </si>
  <si>
    <t>LAO HOI LONG LOUIS</t>
  </si>
  <si>
    <t>李梓謙</t>
  </si>
  <si>
    <t>15709652</t>
  </si>
  <si>
    <t>16538501</t>
  </si>
  <si>
    <t>25-Feb-13</t>
  </si>
  <si>
    <t>LEI CHI HIM</t>
  </si>
  <si>
    <t>李穎琳</t>
  </si>
  <si>
    <t>15794027</t>
  </si>
  <si>
    <t>16523806</t>
  </si>
  <si>
    <t>02-Aug-13</t>
  </si>
  <si>
    <t>LEI WENG LAM</t>
  </si>
  <si>
    <t>凌思言</t>
  </si>
  <si>
    <t>15801335</t>
  </si>
  <si>
    <t>16540980</t>
  </si>
  <si>
    <t>24-Jun-13</t>
  </si>
  <si>
    <t>LENG SI IN</t>
  </si>
  <si>
    <t>呂迦晴</t>
  </si>
  <si>
    <t>15756588</t>
  </si>
  <si>
    <t>16542541</t>
  </si>
  <si>
    <t>23-Jun-13</t>
  </si>
  <si>
    <t>LOI KA CHENG</t>
  </si>
  <si>
    <t>吳至洋</t>
  </si>
  <si>
    <t>15763394</t>
  </si>
  <si>
    <t>16527267</t>
  </si>
  <si>
    <t>NG CHI IEONG</t>
  </si>
  <si>
    <t>施承軒</t>
  </si>
  <si>
    <t>15759020</t>
  </si>
  <si>
    <t>16521684</t>
  </si>
  <si>
    <t>15-May-13</t>
  </si>
  <si>
    <t>SI SENG HIN</t>
  </si>
  <si>
    <t>蕭浩軒</t>
  </si>
  <si>
    <t>15760093</t>
  </si>
  <si>
    <t>16523636</t>
  </si>
  <si>
    <t>07-Jun-13</t>
  </si>
  <si>
    <t>SIU HOU HIN</t>
  </si>
  <si>
    <t>蕭昕翹</t>
  </si>
  <si>
    <t>15815376</t>
  </si>
  <si>
    <t>16541413</t>
  </si>
  <si>
    <t>25-Sep-13</t>
  </si>
  <si>
    <t>SIU IAN KIO</t>
  </si>
  <si>
    <t>譚均瑤</t>
  </si>
  <si>
    <t>15702038</t>
  </si>
  <si>
    <t>16527100</t>
  </si>
  <si>
    <t>27-Jan-13</t>
  </si>
  <si>
    <t>TAM KUAN IO</t>
  </si>
  <si>
    <t>鄧梓釗</t>
  </si>
  <si>
    <t>15785314</t>
  </si>
  <si>
    <t>16544463</t>
  </si>
  <si>
    <t>26-Jul-13</t>
  </si>
  <si>
    <t>TANG CHI CHIO</t>
  </si>
  <si>
    <t>曾嘉怡</t>
  </si>
  <si>
    <t>15814874</t>
  </si>
  <si>
    <t>16502272</t>
  </si>
  <si>
    <t>28-Sep-13</t>
  </si>
  <si>
    <t>TSANG KA I</t>
  </si>
  <si>
    <t>吳思瑩</t>
  </si>
  <si>
    <t>15825466</t>
  </si>
  <si>
    <t>16552237</t>
  </si>
  <si>
    <t>08-Nov-13</t>
  </si>
  <si>
    <t>WU SI IENG</t>
  </si>
  <si>
    <t>張子文</t>
  </si>
  <si>
    <t>15774730</t>
  </si>
  <si>
    <t>16527062</t>
  </si>
  <si>
    <t>06-Jul-13</t>
  </si>
  <si>
    <t>ZHANG CHI MAN</t>
  </si>
  <si>
    <t>張浩然</t>
  </si>
  <si>
    <t>15845597</t>
  </si>
  <si>
    <t>16546954</t>
  </si>
  <si>
    <t>05-Dec-13</t>
  </si>
  <si>
    <t>ZHANG HOU IN</t>
  </si>
  <si>
    <t>鍾嘉盈</t>
  </si>
  <si>
    <t>15751787</t>
  </si>
  <si>
    <t>16591380</t>
  </si>
  <si>
    <t>22-Apr-13</t>
  </si>
  <si>
    <t>ZHONG KA IENG</t>
  </si>
  <si>
    <t>陳施妮</t>
  </si>
  <si>
    <t>15804487</t>
  </si>
  <si>
    <t>16526724</t>
  </si>
  <si>
    <t>CHAN SI NEI</t>
  </si>
  <si>
    <t>謝誠駿</t>
  </si>
  <si>
    <t>15809841</t>
  </si>
  <si>
    <t>16545818</t>
  </si>
  <si>
    <t>02-Sep-13</t>
  </si>
  <si>
    <t>CHE SENG CHON</t>
  </si>
  <si>
    <t>鄭煦榆</t>
  </si>
  <si>
    <t>15818545</t>
  </si>
  <si>
    <t>16545729</t>
  </si>
  <si>
    <t>30-Aug-13</t>
  </si>
  <si>
    <t>CHEANG HOI U</t>
  </si>
  <si>
    <t>張正浩</t>
  </si>
  <si>
    <t>15673536</t>
  </si>
  <si>
    <t>16521889</t>
  </si>
  <si>
    <t>29-Nov-12</t>
  </si>
  <si>
    <t>CHEONG CHENG HOU</t>
  </si>
  <si>
    <t>鄭諾晴</t>
  </si>
  <si>
    <t>15824915</t>
  </si>
  <si>
    <t>16542053</t>
  </si>
  <si>
    <t>CHIANG NOK CHENG</t>
  </si>
  <si>
    <t>趙澳賢</t>
  </si>
  <si>
    <t>15813157</t>
  </si>
  <si>
    <t>16522168</t>
  </si>
  <si>
    <t>10-Oct-13</t>
  </si>
  <si>
    <t>CHIO OU IN</t>
  </si>
  <si>
    <t>何恩彤</t>
  </si>
  <si>
    <t>15836919</t>
  </si>
  <si>
    <t>16526899</t>
  </si>
  <si>
    <t>30-Sep-13</t>
  </si>
  <si>
    <t>HO IAN TONG</t>
  </si>
  <si>
    <t>何天恩</t>
  </si>
  <si>
    <t>15735954</t>
  </si>
  <si>
    <t>16546199</t>
  </si>
  <si>
    <t>09-Apr-13</t>
  </si>
  <si>
    <t>HO TIN IAN</t>
  </si>
  <si>
    <t>許梓瑤</t>
  </si>
  <si>
    <t>15705908</t>
  </si>
  <si>
    <t>16550439</t>
  </si>
  <si>
    <t>HOI CHI IO</t>
  </si>
  <si>
    <t>孔維鍇</t>
  </si>
  <si>
    <t>15796121</t>
  </si>
  <si>
    <t>16540077</t>
  </si>
  <si>
    <t>19-Sep-13</t>
  </si>
  <si>
    <t>HONG WAI KAI</t>
  </si>
  <si>
    <t>楊顯</t>
  </si>
  <si>
    <t>15867849</t>
  </si>
  <si>
    <t>16529073</t>
  </si>
  <si>
    <t>20-Dec-13</t>
  </si>
  <si>
    <t>IEONG HIN</t>
  </si>
  <si>
    <t>楊弘昕</t>
  </si>
  <si>
    <t>15738701</t>
  </si>
  <si>
    <t>1655390X</t>
  </si>
  <si>
    <t>19-Mar-13</t>
  </si>
  <si>
    <t>IEONG WANG IAN</t>
  </si>
  <si>
    <t>15761695</t>
  </si>
  <si>
    <t>16528786</t>
  </si>
  <si>
    <t>14-May-13</t>
  </si>
  <si>
    <t>KUOK KEI MIO</t>
  </si>
  <si>
    <t>郭泳桐</t>
  </si>
  <si>
    <t>15787211</t>
  </si>
  <si>
    <t>16545346</t>
  </si>
  <si>
    <t>KUOK WENG TONG</t>
  </si>
  <si>
    <t>林子晴</t>
  </si>
  <si>
    <t>15738982</t>
  </si>
  <si>
    <t>16546040</t>
  </si>
  <si>
    <t>25-Apr-13</t>
  </si>
  <si>
    <t>LAM CHI CHENG</t>
  </si>
  <si>
    <t>林采妮</t>
  </si>
  <si>
    <t>15869449</t>
  </si>
  <si>
    <t>16528913</t>
  </si>
  <si>
    <t>06-Jun-13</t>
  </si>
  <si>
    <t>LAM CHOI NEI</t>
  </si>
  <si>
    <t>林浩賢</t>
  </si>
  <si>
    <t>15760325</t>
  </si>
  <si>
    <t>16534840</t>
  </si>
  <si>
    <t>25-Jun-13</t>
  </si>
  <si>
    <t>LAM HOU IN</t>
  </si>
  <si>
    <t>李樂然</t>
  </si>
  <si>
    <t>15822950</t>
  </si>
  <si>
    <t>16540662</t>
  </si>
  <si>
    <t>10-Nov-13</t>
  </si>
  <si>
    <t>LEI LOK IN</t>
  </si>
  <si>
    <t>李心悅</t>
  </si>
  <si>
    <t>15697675</t>
  </si>
  <si>
    <t>16517407</t>
  </si>
  <si>
    <t>06-Jan-13</t>
  </si>
  <si>
    <t>LEI SAM UT</t>
  </si>
  <si>
    <t>李裕豐</t>
  </si>
  <si>
    <t>15848567</t>
  </si>
  <si>
    <t>1651517X</t>
  </si>
  <si>
    <t>31-Dec-13</t>
  </si>
  <si>
    <t>LEI U FONG</t>
  </si>
  <si>
    <t>梁翠茵</t>
  </si>
  <si>
    <t>15684970</t>
  </si>
  <si>
    <t>16526767</t>
  </si>
  <si>
    <t>12-Jan-13</t>
  </si>
  <si>
    <t>LEONG CHOI IAN</t>
  </si>
  <si>
    <t>林鍏翰</t>
  </si>
  <si>
    <t>15762313</t>
  </si>
  <si>
    <t>16524594</t>
  </si>
  <si>
    <t>LIN WAI HON</t>
  </si>
  <si>
    <t>吳嘉樂</t>
  </si>
  <si>
    <t>15831407</t>
  </si>
  <si>
    <t>16545664</t>
  </si>
  <si>
    <t>11-Sep-13</t>
  </si>
  <si>
    <t>NG KA LOK</t>
  </si>
  <si>
    <t>蘇鍶雅</t>
  </si>
  <si>
    <t>15770043</t>
  </si>
  <si>
    <t>16545214</t>
  </si>
  <si>
    <t>SOU SI NGA</t>
  </si>
  <si>
    <t>戴熙霖</t>
  </si>
  <si>
    <t>15756885</t>
  </si>
  <si>
    <t>16527658</t>
  </si>
  <si>
    <t>06-May-13</t>
  </si>
  <si>
    <t>TAI HEI LAM</t>
  </si>
  <si>
    <t>戴曉峰</t>
  </si>
  <si>
    <t>15788391</t>
  </si>
  <si>
    <t>16528530</t>
  </si>
  <si>
    <t>TAI HIO FONG</t>
  </si>
  <si>
    <t>湯捷凱</t>
  </si>
  <si>
    <t>15756646</t>
  </si>
  <si>
    <t>16546113</t>
  </si>
  <si>
    <t>19-Jun-13</t>
  </si>
  <si>
    <t>TANG CHIT HOI</t>
  </si>
  <si>
    <t>黃智軒</t>
  </si>
  <si>
    <t>15744824</t>
  </si>
  <si>
    <t>16531477</t>
  </si>
  <si>
    <t>27-Apr-13</t>
  </si>
  <si>
    <t>WONG CHI HIN</t>
  </si>
  <si>
    <t>15853195</t>
  </si>
  <si>
    <t>16553810</t>
  </si>
  <si>
    <t>07-Dec-13</t>
  </si>
  <si>
    <t>WONG CHI IENG</t>
  </si>
  <si>
    <t>區芊悅</t>
  </si>
  <si>
    <t>15749872</t>
  </si>
  <si>
    <t>16546059</t>
  </si>
  <si>
    <t>AO CHIN UT</t>
  </si>
  <si>
    <t>陳卓謙</t>
  </si>
  <si>
    <t>15736382</t>
  </si>
  <si>
    <t>16504321</t>
  </si>
  <si>
    <t>05-May-13</t>
  </si>
  <si>
    <t>CHAN CHEOK HIM</t>
  </si>
  <si>
    <t>陳俊源</t>
  </si>
  <si>
    <t>15837776</t>
  </si>
  <si>
    <t>16514866</t>
  </si>
  <si>
    <t>18-Oct-13</t>
  </si>
  <si>
    <t>CHAN CHON UN</t>
  </si>
  <si>
    <t>陳賢治</t>
  </si>
  <si>
    <t>15687445</t>
  </si>
  <si>
    <t>16548604</t>
  </si>
  <si>
    <t>10-Jan-13</t>
  </si>
  <si>
    <t>CHAN IN CHI</t>
  </si>
  <si>
    <t>陳鍶穎</t>
  </si>
  <si>
    <t>15713019</t>
  </si>
  <si>
    <t>16552253</t>
  </si>
  <si>
    <t>鄭卓灝</t>
  </si>
  <si>
    <t>15762438</t>
  </si>
  <si>
    <t>16545702</t>
  </si>
  <si>
    <t>04-Jul-13</t>
  </si>
  <si>
    <t>CHEANG CHEOK HOU</t>
  </si>
  <si>
    <t>鄭萃忻</t>
  </si>
  <si>
    <t>15713944</t>
  </si>
  <si>
    <t>16553942</t>
  </si>
  <si>
    <t>11-Feb-13</t>
  </si>
  <si>
    <t>CHEANG SOI IAN</t>
  </si>
  <si>
    <t>張芯悠</t>
  </si>
  <si>
    <t>15746951</t>
  </si>
  <si>
    <t>1654319X</t>
  </si>
  <si>
    <t>CHEONG SAM IAO</t>
  </si>
  <si>
    <t>張瑋峻</t>
  </si>
  <si>
    <t>15751746</t>
  </si>
  <si>
    <t>16527801</t>
  </si>
  <si>
    <t>10-Mar-13</t>
  </si>
  <si>
    <t>CHEONG WAI CHON</t>
  </si>
  <si>
    <t>鍾心宜</t>
  </si>
  <si>
    <t>15852833</t>
  </si>
  <si>
    <t>16529227</t>
  </si>
  <si>
    <t>30-Dec-13</t>
  </si>
  <si>
    <t>CHUNG SAM I LENA</t>
  </si>
  <si>
    <t>馬慧翹</t>
  </si>
  <si>
    <t>15700107</t>
  </si>
  <si>
    <t>16591178</t>
  </si>
  <si>
    <t>14-Feb-13</t>
  </si>
  <si>
    <t>GREGORIO MADEIRA NATALIA</t>
  </si>
  <si>
    <t>何昊謙</t>
  </si>
  <si>
    <t>15816408</t>
  </si>
  <si>
    <t>16528360</t>
  </si>
  <si>
    <t>07-Oct-13</t>
  </si>
  <si>
    <t>HO HOU HIM</t>
  </si>
  <si>
    <t>何睿軒</t>
  </si>
  <si>
    <t>15818677</t>
  </si>
  <si>
    <t>1655079X</t>
  </si>
  <si>
    <t>25-Oct-13</t>
  </si>
  <si>
    <t>HO YUI HIN RHYS</t>
  </si>
  <si>
    <t>許偉弘</t>
  </si>
  <si>
    <t>15749468</t>
  </si>
  <si>
    <t>16508688</t>
  </si>
  <si>
    <t>HOI WAI WANG</t>
  </si>
  <si>
    <t>黃子一</t>
  </si>
  <si>
    <t>15729304</t>
  </si>
  <si>
    <t>17641594</t>
  </si>
  <si>
    <t>24-Apr-13</t>
  </si>
  <si>
    <t>HUANG CHI IAT</t>
  </si>
  <si>
    <t>高彥恆</t>
  </si>
  <si>
    <t>15768666</t>
  </si>
  <si>
    <t>16546334</t>
  </si>
  <si>
    <t>KOU IN HANG</t>
  </si>
  <si>
    <t>林悅婷</t>
  </si>
  <si>
    <t>15856875</t>
  </si>
  <si>
    <t>16551362</t>
  </si>
  <si>
    <t>08-Oct-13</t>
  </si>
  <si>
    <t>LAM YUET TING</t>
  </si>
  <si>
    <t>劉諺哲</t>
  </si>
  <si>
    <t>15719107</t>
  </si>
  <si>
    <t>16522125</t>
  </si>
  <si>
    <t>28-Feb-13</t>
  </si>
  <si>
    <t>LAO IN CHIT</t>
  </si>
  <si>
    <t>李懿桁</t>
  </si>
  <si>
    <t>15763899</t>
  </si>
  <si>
    <t>16516532</t>
  </si>
  <si>
    <t>23-May-13</t>
  </si>
  <si>
    <t>LEE I HANG</t>
  </si>
  <si>
    <t>李浩瑜</t>
  </si>
  <si>
    <t>15826191</t>
  </si>
  <si>
    <t>16526813</t>
  </si>
  <si>
    <t>28-Oct-13</t>
  </si>
  <si>
    <t>LEI HOU U</t>
  </si>
  <si>
    <t>梁筠悠</t>
  </si>
  <si>
    <t>15724107</t>
  </si>
  <si>
    <t>16502191</t>
  </si>
  <si>
    <t>12-Mar-13</t>
  </si>
  <si>
    <t>LEONG KUAN IAO</t>
  </si>
  <si>
    <t>吳愷庭</t>
  </si>
  <si>
    <t>15731086</t>
  </si>
  <si>
    <t>16503791</t>
  </si>
  <si>
    <t>31-Mar-13</t>
  </si>
  <si>
    <t>NG HOI TENG</t>
  </si>
  <si>
    <t>吳浿嘉</t>
  </si>
  <si>
    <t>15788607</t>
  </si>
  <si>
    <t>16528735</t>
  </si>
  <si>
    <t>08-Aug-13</t>
  </si>
  <si>
    <t>NG PUI KA</t>
  </si>
  <si>
    <t>施荻喬</t>
  </si>
  <si>
    <t>15734148</t>
  </si>
  <si>
    <t>16545400</t>
  </si>
  <si>
    <t>SI TEK KIO</t>
  </si>
  <si>
    <t>孫杏嵐</t>
  </si>
  <si>
    <t>15855851</t>
  </si>
  <si>
    <t>16550048</t>
  </si>
  <si>
    <t>02-Nov-13</t>
  </si>
  <si>
    <t>SUN HANG LAM</t>
  </si>
  <si>
    <t>譚濼洺</t>
  </si>
  <si>
    <t>15784051</t>
  </si>
  <si>
    <t>16539923</t>
  </si>
  <si>
    <t>30-Jul-13</t>
  </si>
  <si>
    <t>TAM LOK MENG</t>
  </si>
  <si>
    <t>譚博文</t>
  </si>
  <si>
    <t>15812928</t>
  </si>
  <si>
    <t>16544579</t>
  </si>
  <si>
    <t>27-Sep-13</t>
  </si>
  <si>
    <t>TAM POK MAN</t>
  </si>
  <si>
    <t>黃梓茵</t>
  </si>
  <si>
    <t>15835242</t>
  </si>
  <si>
    <t>16526694</t>
  </si>
  <si>
    <t>WONG CHI IAN</t>
  </si>
  <si>
    <t>黃子潼</t>
  </si>
  <si>
    <t>15702210</t>
  </si>
  <si>
    <t>16528719</t>
  </si>
  <si>
    <t>22-Jan-13</t>
  </si>
  <si>
    <t>WONG CHI TONG</t>
  </si>
  <si>
    <t>王耀霆</t>
  </si>
  <si>
    <t>15840366</t>
  </si>
  <si>
    <t>1652750X</t>
  </si>
  <si>
    <t>03-Dec-13</t>
  </si>
  <si>
    <t>WONG IO TENG</t>
  </si>
  <si>
    <t>楊德鍇</t>
  </si>
  <si>
    <t>15680150</t>
  </si>
  <si>
    <t>16522958</t>
  </si>
  <si>
    <t>28-Dec-12</t>
  </si>
  <si>
    <t>YANG TAK KAI</t>
  </si>
  <si>
    <t>陳柏文</t>
  </si>
  <si>
    <t>15802010</t>
  </si>
  <si>
    <t>16548159</t>
  </si>
  <si>
    <t>CHAN PAK MAN</t>
  </si>
  <si>
    <t>鄭萃恆</t>
  </si>
  <si>
    <t>15714090</t>
  </si>
  <si>
    <t>16553950</t>
  </si>
  <si>
    <t>CHEANG SOI HANG</t>
  </si>
  <si>
    <t>陳逸熙</t>
  </si>
  <si>
    <t>15741283</t>
  </si>
  <si>
    <t>1652716X</t>
  </si>
  <si>
    <t>18-May-13</t>
  </si>
  <si>
    <t>CHEN IAT HEI</t>
  </si>
  <si>
    <t>張鉦洹</t>
  </si>
  <si>
    <t>15728629</t>
  </si>
  <si>
    <t>16527755</t>
  </si>
  <si>
    <t>14-Mar-13</t>
  </si>
  <si>
    <t>CHEONG CHENG WUN</t>
  </si>
  <si>
    <t>張語甯</t>
  </si>
  <si>
    <t>15762701</t>
  </si>
  <si>
    <t>16516893</t>
  </si>
  <si>
    <t>12-Jul-13</t>
  </si>
  <si>
    <t>CHEONG U NENG DOROTHY</t>
  </si>
  <si>
    <t>徐鉉燊</t>
  </si>
  <si>
    <t>15727118</t>
  </si>
  <si>
    <t>16527666</t>
  </si>
  <si>
    <t>CHOI YUAN SAN</t>
  </si>
  <si>
    <t>馮苡喬</t>
  </si>
  <si>
    <t>15780737</t>
  </si>
  <si>
    <t>1650447X</t>
  </si>
  <si>
    <t>21-Jun-13</t>
  </si>
  <si>
    <t>FONG I KIO</t>
  </si>
  <si>
    <t>何曉楓</t>
  </si>
  <si>
    <t>15843584</t>
  </si>
  <si>
    <t>16523407</t>
  </si>
  <si>
    <t>HO HIO FONG</t>
  </si>
  <si>
    <t>甘展猷</t>
  </si>
  <si>
    <t>15819865</t>
  </si>
  <si>
    <t>16545850</t>
  </si>
  <si>
    <t>25-Aug-13</t>
  </si>
  <si>
    <t>KAM CHIN IAO</t>
  </si>
  <si>
    <t>黎厚銳</t>
  </si>
  <si>
    <t>15734940</t>
  </si>
  <si>
    <t>16537653</t>
  </si>
  <si>
    <t>28-Mar-13</t>
  </si>
  <si>
    <t>LAI HAO IOI</t>
  </si>
  <si>
    <t>15753718</t>
  </si>
  <si>
    <t>16590384</t>
  </si>
  <si>
    <t>22-May-13</t>
  </si>
  <si>
    <t>林曉恩</t>
  </si>
  <si>
    <t>15822596</t>
  </si>
  <si>
    <t>16528808</t>
  </si>
  <si>
    <t>10-Sep-13</t>
  </si>
  <si>
    <t>LAM HIO IAN</t>
  </si>
  <si>
    <t>劉尹然</t>
  </si>
  <si>
    <t>15743628</t>
  </si>
  <si>
    <t>16511077</t>
  </si>
  <si>
    <t>22-Feb-12</t>
  </si>
  <si>
    <t>LAO LEVANA</t>
  </si>
  <si>
    <t>李梓琪</t>
  </si>
  <si>
    <t>15693773</t>
  </si>
  <si>
    <t>16504666</t>
  </si>
  <si>
    <t>17-Dec-12</t>
  </si>
  <si>
    <t>LEI CHI KEI</t>
  </si>
  <si>
    <t>李文軒</t>
  </si>
  <si>
    <t>15822067</t>
  </si>
  <si>
    <t>16526651</t>
  </si>
  <si>
    <t>LEI MAN HIN</t>
  </si>
  <si>
    <t>梁凱琦</t>
  </si>
  <si>
    <t>15833718</t>
  </si>
  <si>
    <t>16525221</t>
  </si>
  <si>
    <t>09-Nov-13</t>
  </si>
  <si>
    <t>LEONG HOI KEI</t>
  </si>
  <si>
    <t>梁家昕</t>
  </si>
  <si>
    <t>15758105</t>
  </si>
  <si>
    <t>16504410</t>
  </si>
  <si>
    <t>22-Jun-13</t>
  </si>
  <si>
    <t>LEONG KA IAN</t>
  </si>
  <si>
    <t>麥茜堯</t>
  </si>
  <si>
    <t>15810690</t>
  </si>
  <si>
    <t>16543300</t>
  </si>
  <si>
    <t>17-Oct-13</t>
  </si>
  <si>
    <t>MAI SIN IO</t>
  </si>
  <si>
    <t>伍若弦</t>
  </si>
  <si>
    <t>15787187</t>
  </si>
  <si>
    <t>16545974</t>
  </si>
  <si>
    <t>16-Jul-13</t>
  </si>
  <si>
    <t>NG IEOK IN</t>
  </si>
  <si>
    <t>冼美澄</t>
  </si>
  <si>
    <t>15779218</t>
  </si>
  <si>
    <t>16527739</t>
  </si>
  <si>
    <t>07-Jul-13</t>
  </si>
  <si>
    <t>SIN MEI CHENG</t>
  </si>
  <si>
    <t>蘇怡</t>
  </si>
  <si>
    <t>15831530</t>
  </si>
  <si>
    <t>16516559</t>
  </si>
  <si>
    <t>14-Nov-13</t>
  </si>
  <si>
    <t>SOU I</t>
  </si>
  <si>
    <t>阮梓翹</t>
  </si>
  <si>
    <t>15798549</t>
  </si>
  <si>
    <t>16542703</t>
  </si>
  <si>
    <t>UN CHI KIO</t>
  </si>
  <si>
    <t>黃心弦</t>
  </si>
  <si>
    <t>15682933</t>
  </si>
  <si>
    <t>16545591</t>
  </si>
  <si>
    <t>13-Dec-12</t>
  </si>
  <si>
    <t>VONG SAM IN</t>
  </si>
  <si>
    <t>溫卓霖</t>
  </si>
  <si>
    <t>15784382</t>
  </si>
  <si>
    <t>16550765</t>
  </si>
  <si>
    <t>WAN CHEOK LAM</t>
  </si>
  <si>
    <t>黃瀞頤</t>
  </si>
  <si>
    <t>15823628</t>
  </si>
  <si>
    <t>16529103</t>
  </si>
  <si>
    <t>WONG CHENG I</t>
  </si>
  <si>
    <t>黃柏掄</t>
  </si>
  <si>
    <t>15796410</t>
  </si>
  <si>
    <t>16527054</t>
  </si>
  <si>
    <t>11-Jul-13</t>
  </si>
  <si>
    <t>WONG PAK LON</t>
  </si>
  <si>
    <t>王芯悠</t>
  </si>
  <si>
    <t>15822000</t>
  </si>
  <si>
    <t>16538803</t>
  </si>
  <si>
    <t>WONG SAM IAO</t>
  </si>
  <si>
    <t>吳萍楠</t>
  </si>
  <si>
    <t>15797103</t>
  </si>
  <si>
    <t>16546148</t>
  </si>
  <si>
    <t>31-Aug-13</t>
  </si>
  <si>
    <t>WU PENG NAM</t>
  </si>
  <si>
    <t>徐肇鴻</t>
  </si>
  <si>
    <t>15825797</t>
  </si>
  <si>
    <t>16544722</t>
  </si>
  <si>
    <t>19-Oct-13</t>
  </si>
  <si>
    <t>XU SIO HONG</t>
  </si>
  <si>
    <t>曾子樂</t>
  </si>
  <si>
    <t>15781594</t>
  </si>
  <si>
    <t>16504488</t>
  </si>
  <si>
    <t>23-Jan-13</t>
  </si>
  <si>
    <t>ZENG CHI LOK</t>
  </si>
  <si>
    <t>莫紫瞳</t>
  </si>
  <si>
    <t>15682255</t>
  </si>
  <si>
    <t>1655325X</t>
  </si>
  <si>
    <t>04-Jan-13</t>
  </si>
  <si>
    <t>BOTELHO LUIZA</t>
  </si>
  <si>
    <t>陳梓琳</t>
  </si>
  <si>
    <t>15698038</t>
  </si>
  <si>
    <t>16528875</t>
  </si>
  <si>
    <t>26-Jan-13</t>
  </si>
  <si>
    <t>CHAN CHI LAM</t>
  </si>
  <si>
    <t>15818982</t>
  </si>
  <si>
    <t>16539842</t>
  </si>
  <si>
    <t>CHAN HEI IEONG</t>
  </si>
  <si>
    <t>曾海童</t>
  </si>
  <si>
    <t>15726680</t>
  </si>
  <si>
    <t>16545184</t>
  </si>
  <si>
    <t>22-Mar-13</t>
  </si>
  <si>
    <t>CHANG HOI TONG</t>
  </si>
  <si>
    <t>張梓嵐</t>
  </si>
  <si>
    <t>15815350</t>
  </si>
  <si>
    <t>16527712</t>
  </si>
  <si>
    <t>CHEONG CHI LAM</t>
  </si>
  <si>
    <t>蔣師睿</t>
  </si>
  <si>
    <t>15694037</t>
  </si>
  <si>
    <t>16556429</t>
  </si>
  <si>
    <t>14-Jan-13</t>
  </si>
  <si>
    <t>CHEONG SI IOI</t>
  </si>
  <si>
    <t>朱梓諾</t>
  </si>
  <si>
    <t>15751670</t>
  </si>
  <si>
    <t>16526805</t>
  </si>
  <si>
    <t>08-May-13</t>
  </si>
  <si>
    <t>CHU CHI NOK</t>
  </si>
  <si>
    <t>蘇子旗</t>
  </si>
  <si>
    <t>15740368</t>
  </si>
  <si>
    <t>16522338</t>
  </si>
  <si>
    <t>04-May-13</t>
  </si>
  <si>
    <t>DE SOUSA TYLER FREDERICO</t>
  </si>
  <si>
    <t>許皓富</t>
  </si>
  <si>
    <t>15743354</t>
  </si>
  <si>
    <t>16531817</t>
  </si>
  <si>
    <t>HOI HOU FU</t>
  </si>
  <si>
    <t>許洵悠</t>
  </si>
  <si>
    <t>15797822</t>
  </si>
  <si>
    <t>16543254</t>
  </si>
  <si>
    <t>HOI SON IAO</t>
  </si>
  <si>
    <t>楊梓燊</t>
  </si>
  <si>
    <t>15725021</t>
  </si>
  <si>
    <t>16528549</t>
  </si>
  <si>
    <t>07-Jan-13</t>
  </si>
  <si>
    <t>IEONG CHI SAN</t>
  </si>
  <si>
    <t>辜浩然</t>
  </si>
  <si>
    <t>15793490</t>
  </si>
  <si>
    <t>16527208</t>
  </si>
  <si>
    <t>KU HOU IN</t>
  </si>
  <si>
    <t>林沁妍</t>
  </si>
  <si>
    <t>15811953</t>
  </si>
  <si>
    <t>16527445</t>
  </si>
  <si>
    <t>21-Sep-13</t>
  </si>
  <si>
    <t>LAM SAM IN</t>
  </si>
  <si>
    <t>李子宜</t>
  </si>
  <si>
    <t>15679871</t>
  </si>
  <si>
    <t>16526864</t>
  </si>
  <si>
    <t>08-Dec-12</t>
  </si>
  <si>
    <t>LEE CHI I</t>
  </si>
  <si>
    <t>李柏橋</t>
  </si>
  <si>
    <t>15741085</t>
  </si>
  <si>
    <t>16543912</t>
  </si>
  <si>
    <t>LEI PAK KIO</t>
  </si>
  <si>
    <t>李思霖</t>
  </si>
  <si>
    <t>15698897</t>
  </si>
  <si>
    <t>16551311</t>
  </si>
  <si>
    <t>03-Feb-13</t>
  </si>
  <si>
    <t>LEI SI LAM</t>
  </si>
  <si>
    <t>梁銘軒</t>
  </si>
  <si>
    <t>15729486</t>
  </si>
  <si>
    <t>16522494</t>
  </si>
  <si>
    <t>16-Mar-13</t>
  </si>
  <si>
    <t>LEONG MENG HIN</t>
  </si>
  <si>
    <t>羅梓瑜</t>
  </si>
  <si>
    <t>15746100</t>
  </si>
  <si>
    <t>1652666X</t>
  </si>
  <si>
    <t>16-Apr-13</t>
  </si>
  <si>
    <t>LO CHI U</t>
  </si>
  <si>
    <t>馬芷堯</t>
  </si>
  <si>
    <t>15715535</t>
  </si>
  <si>
    <t>16555791</t>
  </si>
  <si>
    <t>08-Jan-13</t>
  </si>
  <si>
    <t>MA CHI IO</t>
  </si>
  <si>
    <t>吳宇蘅</t>
  </si>
  <si>
    <t>15740178</t>
  </si>
  <si>
    <t>16553195</t>
  </si>
  <si>
    <t>01-Apr-13</t>
  </si>
  <si>
    <t>NG U HANG</t>
  </si>
  <si>
    <t>區瑞欣</t>
  </si>
  <si>
    <t>15737562</t>
  </si>
  <si>
    <t>16529944</t>
  </si>
  <si>
    <t>13-May-13</t>
  </si>
  <si>
    <t>OU SOI IAN</t>
  </si>
  <si>
    <t>潘梓晴</t>
  </si>
  <si>
    <t>15681687</t>
  </si>
  <si>
    <t>1652358X</t>
  </si>
  <si>
    <t>01-Jan-13</t>
  </si>
  <si>
    <t>PUN CHI CHENG</t>
  </si>
  <si>
    <t>蘇瀞瑤</t>
  </si>
  <si>
    <t>15738297</t>
  </si>
  <si>
    <t>16541871</t>
  </si>
  <si>
    <t>SOU CHENG IO</t>
  </si>
  <si>
    <t>徐熙欣</t>
  </si>
  <si>
    <t>15845209</t>
  </si>
  <si>
    <t>16521870</t>
  </si>
  <si>
    <t>TSUI HEI IAN</t>
  </si>
  <si>
    <t>阮敏晴</t>
  </si>
  <si>
    <t>15838790</t>
  </si>
  <si>
    <t>16521749</t>
  </si>
  <si>
    <t>UN MAN CHENG</t>
  </si>
  <si>
    <t>黃靖喬</t>
  </si>
  <si>
    <t>15853310</t>
  </si>
  <si>
    <t>16555716</t>
  </si>
  <si>
    <t>WONG CHENG KIO</t>
  </si>
  <si>
    <t>黃祉錤</t>
  </si>
  <si>
    <t>15735756</t>
  </si>
  <si>
    <t>16538587</t>
  </si>
  <si>
    <t>黃鉦皓</t>
  </si>
  <si>
    <t>15746589</t>
  </si>
  <si>
    <t>16545648</t>
  </si>
  <si>
    <t>07-Mar-13</t>
  </si>
  <si>
    <t>WONG CHING HO</t>
  </si>
  <si>
    <t>黃曉言</t>
  </si>
  <si>
    <t>15714959</t>
  </si>
  <si>
    <t>16522060</t>
  </si>
  <si>
    <t>WONG HIO IN</t>
  </si>
  <si>
    <t>黃宥宸</t>
  </si>
  <si>
    <t>15773351</t>
  </si>
  <si>
    <t>16500555</t>
  </si>
  <si>
    <t>WONG IAO SAN</t>
  </si>
  <si>
    <t>鄭焱箖</t>
  </si>
  <si>
    <t>P4</t>
  </si>
  <si>
    <t>15641160</t>
  </si>
  <si>
    <t>15515583</t>
  </si>
  <si>
    <t>18-Oct-12</t>
  </si>
  <si>
    <t>CHEANG IM LAM</t>
  </si>
  <si>
    <t>崔汝亮</t>
  </si>
  <si>
    <t>15635915</t>
  </si>
  <si>
    <t>15522520</t>
  </si>
  <si>
    <t>05-Sep-12</t>
  </si>
  <si>
    <t>CHUI U LEONG</t>
  </si>
  <si>
    <t>何紫琪</t>
  </si>
  <si>
    <t>15591258</t>
  </si>
  <si>
    <t>15524795</t>
  </si>
  <si>
    <t>04-Jul-12</t>
  </si>
  <si>
    <t>HO CHI KEI</t>
  </si>
  <si>
    <t>許佩柔</t>
  </si>
  <si>
    <t>15676695</t>
  </si>
  <si>
    <t>1552387X</t>
  </si>
  <si>
    <t>22-Sep-12</t>
  </si>
  <si>
    <t>HOI PUI IAO</t>
  </si>
  <si>
    <t>洪紫恩</t>
  </si>
  <si>
    <t>15658198</t>
  </si>
  <si>
    <t>15523632</t>
  </si>
  <si>
    <t>10-May-12</t>
  </si>
  <si>
    <t>HONG CHI IAN</t>
  </si>
  <si>
    <t>楊溢淳</t>
  </si>
  <si>
    <t>15552219</t>
  </si>
  <si>
    <t>15526135</t>
  </si>
  <si>
    <t>IEONG IAT SON</t>
  </si>
  <si>
    <t>黎苡琪</t>
  </si>
  <si>
    <t>15625809</t>
  </si>
  <si>
    <t>15525902</t>
  </si>
  <si>
    <t>01-Jun-12</t>
  </si>
  <si>
    <t>LAI I KEI</t>
  </si>
  <si>
    <t>15530611</t>
  </si>
  <si>
    <t>15525740</t>
  </si>
  <si>
    <t>11-Mar-12</t>
  </si>
  <si>
    <t>劉幸橋</t>
  </si>
  <si>
    <t>15495278</t>
  </si>
  <si>
    <t>15558649</t>
  </si>
  <si>
    <t>21-Jan-12</t>
  </si>
  <si>
    <t>LAO HANG KIU</t>
  </si>
  <si>
    <t>劉承皓</t>
  </si>
  <si>
    <t>15600547</t>
  </si>
  <si>
    <t>15525635</t>
  </si>
  <si>
    <t>19-Jun-12</t>
  </si>
  <si>
    <t>LAO SENG HOU</t>
  </si>
  <si>
    <t>梁皓証</t>
  </si>
  <si>
    <t>15631518</t>
  </si>
  <si>
    <t>15517357</t>
  </si>
  <si>
    <t>15-Aug-12</t>
  </si>
  <si>
    <t>LEUNG HOU CHENG WICUS</t>
  </si>
  <si>
    <t>覃詩昀</t>
  </si>
  <si>
    <t>15546385</t>
  </si>
  <si>
    <t>15524337</t>
  </si>
  <si>
    <t>07-May-12</t>
  </si>
  <si>
    <t>QIN SI WAN</t>
  </si>
  <si>
    <t>沈子晴</t>
  </si>
  <si>
    <t>15523483</t>
  </si>
  <si>
    <t>1552311X</t>
  </si>
  <si>
    <t>07-Mar-12</t>
  </si>
  <si>
    <t>SAM CHI CHENG</t>
  </si>
  <si>
    <t>蕭靖琪</t>
  </si>
  <si>
    <t>15647878</t>
  </si>
  <si>
    <t>15524914</t>
  </si>
  <si>
    <t>31-Oct-12</t>
  </si>
  <si>
    <t>SIO CHENG KEI</t>
  </si>
  <si>
    <t>蕭學謙</t>
  </si>
  <si>
    <t>15537566</t>
  </si>
  <si>
    <t>15500225</t>
  </si>
  <si>
    <t>27-Mar-12</t>
  </si>
  <si>
    <t>SIO HOK HIM</t>
  </si>
  <si>
    <t>蕭溢朗</t>
  </si>
  <si>
    <t>15629074</t>
  </si>
  <si>
    <t>15505979</t>
  </si>
  <si>
    <t>06-Sep-12</t>
  </si>
  <si>
    <t>SIO IAT LONG</t>
  </si>
  <si>
    <t>談峻碩</t>
  </si>
  <si>
    <t>15558224</t>
  </si>
  <si>
    <t>1552437X</t>
  </si>
  <si>
    <t>19-Apr-12</t>
  </si>
  <si>
    <t>TAM CHON SEAK</t>
  </si>
  <si>
    <t>杜佩駿</t>
  </si>
  <si>
    <t>15602998</t>
  </si>
  <si>
    <t>15525252</t>
  </si>
  <si>
    <t>30-Jul-12</t>
  </si>
  <si>
    <t>TOU PUI CHON</t>
  </si>
  <si>
    <t>陶心妍</t>
  </si>
  <si>
    <t>15623085</t>
  </si>
  <si>
    <t>15524388</t>
  </si>
  <si>
    <t>02-Sep-12</t>
  </si>
  <si>
    <t>TOU SAM IN</t>
  </si>
  <si>
    <t>曾嘉悅</t>
  </si>
  <si>
    <t>15604671</t>
  </si>
  <si>
    <t>15551016</t>
  </si>
  <si>
    <t>06-May-12</t>
  </si>
  <si>
    <t>TSANG KA UT</t>
  </si>
  <si>
    <t>李梓晴</t>
  </si>
  <si>
    <t>15682198</t>
  </si>
  <si>
    <t>15525333</t>
  </si>
  <si>
    <t>18-Dec-12</t>
  </si>
  <si>
    <t>VONG PEREIRA, NELLIE</t>
  </si>
  <si>
    <t>黃子翹</t>
  </si>
  <si>
    <t>15558885</t>
  </si>
  <si>
    <t>15560023</t>
  </si>
  <si>
    <t>16-Apr-12</t>
  </si>
  <si>
    <t>WONG CHI KIO</t>
  </si>
  <si>
    <t>黃梓朗</t>
  </si>
  <si>
    <t>15586589</t>
  </si>
  <si>
    <t>15509540</t>
  </si>
  <si>
    <t>24-May-12</t>
  </si>
  <si>
    <t>WONG CHI LONG</t>
  </si>
  <si>
    <t>王子泓</t>
  </si>
  <si>
    <t>15579543</t>
  </si>
  <si>
    <t>15553035</t>
  </si>
  <si>
    <t>12-Jun-12</t>
  </si>
  <si>
    <t>WONG CHI WANG</t>
  </si>
  <si>
    <t>黃昭賢</t>
  </si>
  <si>
    <t>15638299</t>
  </si>
  <si>
    <t>15552462</t>
  </si>
  <si>
    <t>16-Oct-12</t>
  </si>
  <si>
    <t>WONG CHIO IN</t>
  </si>
  <si>
    <t>黃希桐</t>
  </si>
  <si>
    <t>15633704</t>
  </si>
  <si>
    <t>15545938</t>
  </si>
  <si>
    <t>16-Aug-12</t>
  </si>
  <si>
    <t>WONG HEI TUNG ELEANA</t>
  </si>
  <si>
    <t>黃浩霖</t>
  </si>
  <si>
    <t>15607617</t>
  </si>
  <si>
    <t>15524124</t>
  </si>
  <si>
    <t>28-Jul-12</t>
  </si>
  <si>
    <t>WONG HOU LAM</t>
  </si>
  <si>
    <t>黃樂怡</t>
  </si>
  <si>
    <t>15626047</t>
  </si>
  <si>
    <t>15553078</t>
  </si>
  <si>
    <t>19-Aug-12</t>
  </si>
  <si>
    <t>WONG LOK I</t>
  </si>
  <si>
    <t>吳禧辰</t>
  </si>
  <si>
    <t>15497977</t>
  </si>
  <si>
    <t>15518655</t>
  </si>
  <si>
    <t>26-Jan-12</t>
  </si>
  <si>
    <t>WU HEI SAN</t>
  </si>
  <si>
    <t>陳紫程</t>
  </si>
  <si>
    <t>15495658</t>
  </si>
  <si>
    <t>15551768</t>
  </si>
  <si>
    <t>27-Dec-11</t>
  </si>
  <si>
    <t>CHAN CHI CHENG</t>
  </si>
  <si>
    <t>招銘恆</t>
  </si>
  <si>
    <t>15668221</t>
  </si>
  <si>
    <t>15510158</t>
  </si>
  <si>
    <t>18-Nov-12</t>
  </si>
  <si>
    <t>CHIO MENG HANG</t>
  </si>
  <si>
    <t>徐子恆</t>
  </si>
  <si>
    <t>15609647</t>
  </si>
  <si>
    <t>15507955</t>
  </si>
  <si>
    <t>18-Aug-12</t>
  </si>
  <si>
    <t>CHOI CHI HANG</t>
  </si>
  <si>
    <t>蔡朗兒</t>
  </si>
  <si>
    <t>15682438</t>
  </si>
  <si>
    <t>15525376</t>
  </si>
  <si>
    <t>29-Dec-12</t>
  </si>
  <si>
    <t>CHOI LONG I</t>
  </si>
  <si>
    <t>蔡柏珩</t>
  </si>
  <si>
    <t>15550841</t>
  </si>
  <si>
    <t>15523934</t>
  </si>
  <si>
    <t>CHOI PAK HANG</t>
  </si>
  <si>
    <t>莊子健</t>
  </si>
  <si>
    <t>15593940</t>
  </si>
  <si>
    <t>15539911</t>
  </si>
  <si>
    <t>CHONG CHI KIN</t>
  </si>
  <si>
    <t>鍾欣澄</t>
  </si>
  <si>
    <t>15617640</t>
  </si>
  <si>
    <t>15523969</t>
  </si>
  <si>
    <t>02-Aug-12</t>
  </si>
  <si>
    <t>CHONG IAN CHENG</t>
  </si>
  <si>
    <t>朱睿哲</t>
  </si>
  <si>
    <t>15603038</t>
  </si>
  <si>
    <t>15524426</t>
  </si>
  <si>
    <t>20-Jun-12</t>
  </si>
  <si>
    <t>CHU IOI CHIT</t>
  </si>
  <si>
    <t>關煜恒</t>
  </si>
  <si>
    <t>15713712</t>
  </si>
  <si>
    <t>15524221</t>
  </si>
  <si>
    <t>18-Jan-12</t>
  </si>
  <si>
    <t>GUAN YUHENG</t>
  </si>
  <si>
    <t>15528607</t>
  </si>
  <si>
    <t>15514617</t>
  </si>
  <si>
    <t>14-Jan-12</t>
  </si>
  <si>
    <t>HUANG CHI IAN</t>
  </si>
  <si>
    <t>郭雋晧</t>
  </si>
  <si>
    <t>15515794</t>
  </si>
  <si>
    <t>15554236</t>
  </si>
  <si>
    <t>17-Jan-12</t>
  </si>
  <si>
    <t>KOK CHON HOU</t>
  </si>
  <si>
    <t>郭芯妤</t>
  </si>
  <si>
    <t>15655681</t>
  </si>
  <si>
    <t>15560384</t>
  </si>
  <si>
    <t>14-Oct-12</t>
  </si>
  <si>
    <t>KUOK SAM U</t>
  </si>
  <si>
    <t>黎逸康</t>
  </si>
  <si>
    <t>15497597</t>
  </si>
  <si>
    <t>15537188</t>
  </si>
  <si>
    <t>02-Feb-12</t>
  </si>
  <si>
    <t>LAI IAT HONG</t>
  </si>
  <si>
    <t>賴泳妍</t>
  </si>
  <si>
    <t>15540131</t>
  </si>
  <si>
    <t>1552504X</t>
  </si>
  <si>
    <t>21-Mar-12</t>
  </si>
  <si>
    <t>LAI WENG IN</t>
  </si>
  <si>
    <t>林愷誠</t>
  </si>
  <si>
    <t>15521388</t>
  </si>
  <si>
    <t>15525422</t>
  </si>
  <si>
    <t>05-Mar-12</t>
  </si>
  <si>
    <t>LAM HOI SENG</t>
  </si>
  <si>
    <t>劉欣橋</t>
  </si>
  <si>
    <t>15495286</t>
  </si>
  <si>
    <t>15558657</t>
  </si>
  <si>
    <t>LAO YAN KIU</t>
  </si>
  <si>
    <t>李曦妤</t>
  </si>
  <si>
    <t>15647233</t>
  </si>
  <si>
    <t>15506649</t>
  </si>
  <si>
    <t>05-Oct-12</t>
  </si>
  <si>
    <t>LEI HEI U</t>
  </si>
  <si>
    <t>李若琳</t>
  </si>
  <si>
    <t>15618671</t>
  </si>
  <si>
    <t>15506622</t>
  </si>
  <si>
    <t>LEI IEOK LAM</t>
  </si>
  <si>
    <t>梁卓琳</t>
  </si>
  <si>
    <t>15508013</t>
  </si>
  <si>
    <t>15539180</t>
  </si>
  <si>
    <t>04-Feb-12</t>
  </si>
  <si>
    <t>LEONG CHEOK LAM</t>
  </si>
  <si>
    <t>梁鍶穎</t>
  </si>
  <si>
    <t>15574767</t>
  </si>
  <si>
    <t>15558061</t>
  </si>
  <si>
    <t>11-Jun-12</t>
  </si>
  <si>
    <t>LEONG SI WENG</t>
  </si>
  <si>
    <t>林智城</t>
  </si>
  <si>
    <t>16623530</t>
  </si>
  <si>
    <t>18594646</t>
  </si>
  <si>
    <t>19-Sep-10</t>
  </si>
  <si>
    <t>LIN ZHICHENG</t>
  </si>
  <si>
    <t>洛皓稀</t>
  </si>
  <si>
    <t>15591282</t>
  </si>
  <si>
    <t>15547493</t>
  </si>
  <si>
    <t>19-Jul-12</t>
  </si>
  <si>
    <t>LOK HOU HEI</t>
  </si>
  <si>
    <t>吳敖</t>
    <phoneticPr fontId="3" type="noConversion"/>
  </si>
  <si>
    <t>15542087</t>
  </si>
  <si>
    <t>15524442</t>
  </si>
  <si>
    <t>02-Apr-12</t>
  </si>
  <si>
    <t>NG NGOU</t>
  </si>
  <si>
    <t>15515745</t>
  </si>
  <si>
    <t>1555578X</t>
  </si>
  <si>
    <t>05-Feb-12</t>
  </si>
  <si>
    <t>SIN CHI HEI</t>
  </si>
  <si>
    <t>譚智軒</t>
  </si>
  <si>
    <t>15630049</t>
  </si>
  <si>
    <t>15552489</t>
  </si>
  <si>
    <t>TAM CHI HIN</t>
  </si>
  <si>
    <t>譚旭然</t>
  </si>
  <si>
    <t>15692726</t>
  </si>
  <si>
    <t>15521184</t>
  </si>
  <si>
    <t>TAM YUK YIN</t>
  </si>
  <si>
    <t>鄧懌曦</t>
  </si>
  <si>
    <t>15522204</t>
  </si>
  <si>
    <t>15506037</t>
  </si>
  <si>
    <t>TANG IEK HEI</t>
  </si>
  <si>
    <t>黃卓浠</t>
  </si>
  <si>
    <t>15597800</t>
  </si>
  <si>
    <t>15526186</t>
  </si>
  <si>
    <t>13-May-12</t>
  </si>
  <si>
    <t>WONG CHEOK HEI</t>
  </si>
  <si>
    <t>胡曉柔</t>
  </si>
  <si>
    <t>15616022</t>
  </si>
  <si>
    <t>15560929</t>
  </si>
  <si>
    <t>01-Sep-12</t>
  </si>
  <si>
    <t>WU HIO IAO</t>
  </si>
  <si>
    <t>顏銘熙</t>
  </si>
  <si>
    <t>15626435</t>
  </si>
  <si>
    <t>15526364</t>
  </si>
  <si>
    <t>14-Sep-12</t>
  </si>
  <si>
    <t>YAN MENG HEI</t>
  </si>
  <si>
    <t>歐陽文軒</t>
  </si>
  <si>
    <t>15626625</t>
  </si>
  <si>
    <t>15523667</t>
  </si>
  <si>
    <t>13-Sep-12</t>
  </si>
  <si>
    <t>AO IEONG MAN HIN</t>
  </si>
  <si>
    <t>陳學俊</t>
  </si>
  <si>
    <t>15501539</t>
  </si>
  <si>
    <t>15525414</t>
  </si>
  <si>
    <t>27-Jan-12</t>
  </si>
  <si>
    <t>CHAN HOK CHON</t>
  </si>
  <si>
    <t>陳樂瑤</t>
  </si>
  <si>
    <t>15651649</t>
  </si>
  <si>
    <t>15507408</t>
  </si>
  <si>
    <t>09-Oct-12</t>
  </si>
  <si>
    <t>CHAN LOK IO</t>
  </si>
  <si>
    <t>鄒樂妍</t>
  </si>
  <si>
    <t>15587595</t>
  </si>
  <si>
    <t>15521567</t>
  </si>
  <si>
    <t>CHAO LOK IN</t>
  </si>
  <si>
    <t>陳宇彬</t>
  </si>
  <si>
    <t>15539786</t>
  </si>
  <si>
    <t>15539040</t>
  </si>
  <si>
    <t>27-Apr-12</t>
  </si>
  <si>
    <t>CHEN U PAN</t>
  </si>
  <si>
    <t>陳詠琳</t>
  </si>
  <si>
    <t>15631567</t>
  </si>
  <si>
    <t>15538958</t>
  </si>
  <si>
    <t>03-Sep-12</t>
  </si>
  <si>
    <t>CHEN WENG LAM</t>
  </si>
  <si>
    <t>張曉婷</t>
  </si>
  <si>
    <t>15486756</t>
  </si>
  <si>
    <t>15552748</t>
  </si>
  <si>
    <t>01-Jan-12</t>
  </si>
  <si>
    <t>CHEONG HIO TENG</t>
  </si>
  <si>
    <t>鄭潁盈</t>
  </si>
  <si>
    <t>15646532</t>
  </si>
  <si>
    <t>1550784X</t>
  </si>
  <si>
    <t>17-Sep-12</t>
  </si>
  <si>
    <t>CHIANG WENG IENG</t>
  </si>
  <si>
    <t>鍾梓軒</t>
  </si>
  <si>
    <t>15598139</t>
  </si>
  <si>
    <t>15520838</t>
  </si>
  <si>
    <t>18-Jul-12</t>
  </si>
  <si>
    <t>CHONG CHI HIN</t>
  </si>
  <si>
    <t>鍾昊軒</t>
  </si>
  <si>
    <t>15524796</t>
  </si>
  <si>
    <t>15552497</t>
  </si>
  <si>
    <t>23-Feb-12</t>
  </si>
  <si>
    <t>CHONG HOU HIN</t>
  </si>
  <si>
    <t>馮妙思</t>
  </si>
  <si>
    <t>15675523</t>
  </si>
  <si>
    <t>15500217</t>
  </si>
  <si>
    <t>13-Nov-12</t>
  </si>
  <si>
    <t>FONG MIO SI</t>
  </si>
  <si>
    <t>何啟熙</t>
  </si>
  <si>
    <t>15522485</t>
  </si>
  <si>
    <t>15518965</t>
  </si>
  <si>
    <t>14-Mar-12</t>
  </si>
  <si>
    <t>HO KAI HEI</t>
  </si>
  <si>
    <t>許俊熙</t>
  </si>
  <si>
    <t>15646540</t>
  </si>
  <si>
    <t>15525260</t>
  </si>
  <si>
    <t>24-Oct-12</t>
  </si>
  <si>
    <t>HOI CHON HEI</t>
  </si>
  <si>
    <t>許芷澄</t>
  </si>
  <si>
    <t>15791437</t>
  </si>
  <si>
    <t>15550222</t>
  </si>
  <si>
    <t>26-Sep-12</t>
  </si>
  <si>
    <t>HOI TSZ CHING</t>
  </si>
  <si>
    <t>黃子曦</t>
  </si>
  <si>
    <t>15487986</t>
  </si>
  <si>
    <t>15522954</t>
  </si>
  <si>
    <t>06-Jan-12</t>
  </si>
  <si>
    <t>HUANG CHI HEI</t>
  </si>
  <si>
    <t>林彥安</t>
  </si>
  <si>
    <t>15523111</t>
  </si>
  <si>
    <t>15525554</t>
  </si>
  <si>
    <t>16-Jan-12</t>
  </si>
  <si>
    <t>LAM IN ON</t>
  </si>
  <si>
    <t>林敬超</t>
  </si>
  <si>
    <t>15538366</t>
  </si>
  <si>
    <t>15539954</t>
  </si>
  <si>
    <t>27-Feb-12</t>
  </si>
  <si>
    <t>LAM KENG CHIO</t>
  </si>
  <si>
    <t>李昊正</t>
  </si>
  <si>
    <t>15554264</t>
  </si>
  <si>
    <t>15523195</t>
  </si>
  <si>
    <t>梁子翹</t>
  </si>
  <si>
    <t>15632987</t>
  </si>
  <si>
    <t>15524930</t>
  </si>
  <si>
    <t>11-Sep-12</t>
  </si>
  <si>
    <t>LEONG CHI KIO</t>
  </si>
  <si>
    <t>梁浩駿</t>
  </si>
  <si>
    <t>15602147</t>
  </si>
  <si>
    <t>15556360</t>
  </si>
  <si>
    <t>23-Jul-12</t>
  </si>
  <si>
    <t>LEONG HOU CHON WILLIS</t>
  </si>
  <si>
    <t>李沛霖</t>
  </si>
  <si>
    <t>15638570</t>
  </si>
  <si>
    <t>15525384</t>
  </si>
  <si>
    <t>06-Oct-12</t>
  </si>
  <si>
    <t>LI PUI LAM</t>
  </si>
  <si>
    <t>15502974</t>
  </si>
  <si>
    <t>15503542</t>
  </si>
  <si>
    <t>11-Feb-12</t>
  </si>
  <si>
    <t>LIANG CHI CHENG</t>
  </si>
  <si>
    <t>吳卓衡</t>
  </si>
  <si>
    <t>15631534</t>
  </si>
  <si>
    <t>15548996</t>
  </si>
  <si>
    <t>18-Sep-12</t>
  </si>
  <si>
    <t>NG CHEOK HANG</t>
  </si>
  <si>
    <t>歐陽亦泓</t>
  </si>
  <si>
    <t>15527245</t>
  </si>
  <si>
    <t>1552762X</t>
  </si>
  <si>
    <t>03-Apr-12</t>
  </si>
  <si>
    <t>OUYANG IEK WANG</t>
  </si>
  <si>
    <t>岑啓聰</t>
  </si>
  <si>
    <t>15638380</t>
  </si>
  <si>
    <t>15550494</t>
  </si>
  <si>
    <t>SAM KAI CHONG</t>
  </si>
  <si>
    <t>岑沛蕎</t>
  </si>
  <si>
    <t>15508302</t>
  </si>
  <si>
    <t>15523330</t>
  </si>
  <si>
    <t>11-Jan-12</t>
  </si>
  <si>
    <t>SAM PUI KIO</t>
  </si>
  <si>
    <t>冼熙朗</t>
  </si>
  <si>
    <t>15552524</t>
  </si>
  <si>
    <t>15538907</t>
  </si>
  <si>
    <t>08-May-12</t>
  </si>
  <si>
    <t>SIN HEI LONG</t>
  </si>
  <si>
    <t>戴俊林</t>
  </si>
  <si>
    <t>15668759</t>
  </si>
  <si>
    <t>15563537</t>
  </si>
  <si>
    <t>21-Nov-12</t>
  </si>
  <si>
    <t>TAI CHON LAM</t>
  </si>
  <si>
    <t>譚諾懿</t>
  </si>
  <si>
    <t>15554124</t>
  </si>
  <si>
    <t>15525112</t>
  </si>
  <si>
    <t>TAM NOK I</t>
  </si>
  <si>
    <t>陳卓賢</t>
  </si>
  <si>
    <t>15493232</t>
  </si>
  <si>
    <t>15525805</t>
  </si>
  <si>
    <t>13-Dec-11</t>
  </si>
  <si>
    <t>TAM QUINTAL CHAN, JOEL</t>
  </si>
  <si>
    <t>區柏翹</t>
  </si>
  <si>
    <t>15674898</t>
  </si>
  <si>
    <t>15537668</t>
  </si>
  <si>
    <t>15-Dec-12</t>
  </si>
  <si>
    <t>AO PAK KIO</t>
  </si>
  <si>
    <t>陳芍妤</t>
  </si>
  <si>
    <t>15644552</t>
  </si>
  <si>
    <t>15563057</t>
  </si>
  <si>
    <t>15-Sep-12</t>
  </si>
  <si>
    <t>CHAN CHEOK U</t>
  </si>
  <si>
    <t>周紀霖</t>
  </si>
  <si>
    <t>15502677</t>
  </si>
  <si>
    <t>15517144</t>
  </si>
  <si>
    <t>08-Jan-12</t>
  </si>
  <si>
    <t>CHAO KEI LAM</t>
  </si>
  <si>
    <t>謝承亨</t>
  </si>
  <si>
    <t>15693138</t>
  </si>
  <si>
    <t>15522784</t>
  </si>
  <si>
    <t>20-Oct-12</t>
  </si>
  <si>
    <t>CHE SENG HANG</t>
  </si>
  <si>
    <t>陳恩又</t>
  </si>
  <si>
    <t>15657802</t>
  </si>
  <si>
    <t>15532437</t>
  </si>
  <si>
    <t>CHEN IAN IAO</t>
  </si>
  <si>
    <t>曹樂姸</t>
  </si>
  <si>
    <t>15629694</t>
  </si>
  <si>
    <t>15523055</t>
  </si>
  <si>
    <t>30-Sep-12</t>
  </si>
  <si>
    <t>CHOU LOK IN</t>
  </si>
  <si>
    <t>周嘉鈴</t>
  </si>
  <si>
    <t>15541063</t>
  </si>
  <si>
    <t>15551032</t>
  </si>
  <si>
    <t>04-Apr-12</t>
  </si>
  <si>
    <t>CHOW KA LENG KATIE</t>
  </si>
  <si>
    <t>何昊朗</t>
  </si>
  <si>
    <t>15643901</t>
  </si>
  <si>
    <t>15552306</t>
  </si>
  <si>
    <t>HO HOU LONG</t>
  </si>
  <si>
    <t>何柏賢</t>
  </si>
  <si>
    <t>15667868</t>
  </si>
  <si>
    <t>15549461</t>
  </si>
  <si>
    <t>25-Oct-12</t>
  </si>
  <si>
    <t>HO PAK IN</t>
  </si>
  <si>
    <t>何浚鋒</t>
  </si>
  <si>
    <t>15419989</t>
  </si>
  <si>
    <t>14523019</t>
  </si>
  <si>
    <t>17-Aug-11</t>
  </si>
  <si>
    <t>HO, CHON FONG</t>
  </si>
  <si>
    <t>葉芍妍</t>
  </si>
  <si>
    <t>15501471</t>
  </si>
  <si>
    <t>15525600</t>
  </si>
  <si>
    <t>13-Jan-12</t>
  </si>
  <si>
    <t>IP CHEOK IN</t>
  </si>
  <si>
    <t>黎采霖</t>
  </si>
  <si>
    <t>15634942</t>
  </si>
  <si>
    <t>15522903</t>
  </si>
  <si>
    <t>LAI CHOI LAM</t>
  </si>
  <si>
    <t>林曉亮</t>
  </si>
  <si>
    <t>15536592</t>
  </si>
  <si>
    <t>15526038</t>
  </si>
  <si>
    <t>07-Apr-12</t>
  </si>
  <si>
    <t>LAM HIO LEONG</t>
  </si>
  <si>
    <t>林堉全</t>
  </si>
  <si>
    <t>15565617</t>
  </si>
  <si>
    <t>15539059</t>
  </si>
  <si>
    <t>LAM IOK CHUN</t>
  </si>
  <si>
    <t>林洛冰</t>
  </si>
  <si>
    <t>15574015</t>
  </si>
  <si>
    <t>15556492</t>
  </si>
  <si>
    <t>28-Jun-12</t>
  </si>
  <si>
    <t>LAM LOK PENG</t>
  </si>
  <si>
    <t>劉立希</t>
  </si>
  <si>
    <t>15500879</t>
  </si>
  <si>
    <t>15550737</t>
  </si>
  <si>
    <t>LAU LAP HEI</t>
  </si>
  <si>
    <t>李心悠</t>
  </si>
  <si>
    <t>15597735</t>
  </si>
  <si>
    <t>15518140</t>
  </si>
  <si>
    <t>26-Jun-12</t>
  </si>
  <si>
    <t>LEE SAM IAO</t>
  </si>
  <si>
    <t>李旭洲</t>
  </si>
  <si>
    <t>15501752</t>
  </si>
  <si>
    <t>15543323</t>
  </si>
  <si>
    <t>08-Feb-12</t>
  </si>
  <si>
    <t>LEI IOK CHAO</t>
  </si>
  <si>
    <t>李家睿</t>
  </si>
  <si>
    <t>15506868</t>
  </si>
  <si>
    <t>15554007</t>
  </si>
  <si>
    <t>03-Feb-12</t>
  </si>
  <si>
    <t>LEI KA IOI</t>
  </si>
  <si>
    <t>羅嘉韻</t>
  </si>
  <si>
    <t>15609209</t>
  </si>
  <si>
    <t>15523993</t>
  </si>
  <si>
    <t>03-Aug-12</t>
  </si>
  <si>
    <t>LO KA WAN</t>
  </si>
  <si>
    <t>呂毓琳</t>
  </si>
  <si>
    <t>15607286</t>
  </si>
  <si>
    <t>15525457</t>
  </si>
  <si>
    <t>24-Jul-12</t>
  </si>
  <si>
    <t>LOI IOK LAM</t>
  </si>
  <si>
    <t>吳汶俊</t>
  </si>
  <si>
    <t>15540024</t>
  </si>
  <si>
    <t>15538974</t>
  </si>
  <si>
    <t>19-Jan-12</t>
  </si>
  <si>
    <t>NG MAN CHON</t>
  </si>
  <si>
    <t>潘暐翹</t>
  </si>
  <si>
    <t>15661325</t>
  </si>
  <si>
    <t>15506568</t>
  </si>
  <si>
    <t>03-Nov-12</t>
  </si>
  <si>
    <t>PUN WAI KIO DAVEY</t>
  </si>
  <si>
    <t>司徒梓晴</t>
  </si>
  <si>
    <t>15516826</t>
  </si>
  <si>
    <t>15523853</t>
  </si>
  <si>
    <t>SI TOU CHI CHENG</t>
  </si>
  <si>
    <t>譚愷瑤</t>
  </si>
  <si>
    <t>15675440</t>
  </si>
  <si>
    <t>15523020</t>
  </si>
  <si>
    <t>23-Dec-12</t>
  </si>
  <si>
    <t>TAN HOI IO</t>
  </si>
  <si>
    <t>黃灝澄</t>
  </si>
  <si>
    <t>15494255</t>
  </si>
  <si>
    <t>15525317</t>
  </si>
  <si>
    <t>09-Jan-12</t>
  </si>
  <si>
    <t>VONG HOU CHENG AIDAN</t>
  </si>
  <si>
    <t>黃皓政</t>
  </si>
  <si>
    <t>15493117</t>
  </si>
  <si>
    <t>15525937</t>
  </si>
  <si>
    <t>05-Dec-11</t>
  </si>
  <si>
    <t>WONG HOU CHENG</t>
  </si>
  <si>
    <t>黃美昕</t>
  </si>
  <si>
    <t>15638737</t>
  </si>
  <si>
    <t>15522598</t>
  </si>
  <si>
    <t>20-Sep-12</t>
  </si>
  <si>
    <t>WONG MEI IAN</t>
  </si>
  <si>
    <t>蕭騰耀</t>
  </si>
  <si>
    <t>15627821</t>
  </si>
  <si>
    <t>1552406X</t>
  </si>
  <si>
    <t>26-Aug-12</t>
  </si>
  <si>
    <t>XIAO TANG IO</t>
  </si>
  <si>
    <t>陳學政</t>
  </si>
  <si>
    <t>15554231</t>
  </si>
  <si>
    <t>15527220</t>
  </si>
  <si>
    <t>19-May-12</t>
  </si>
  <si>
    <t>CHAN HOK CHENG</t>
  </si>
  <si>
    <t>陳以萱</t>
  </si>
  <si>
    <t>15621063</t>
  </si>
  <si>
    <t>15553485</t>
  </si>
  <si>
    <t>CHAN I HUN</t>
  </si>
  <si>
    <t>曾灝阡</t>
  </si>
  <si>
    <t>15569957</t>
  </si>
  <si>
    <t>15523012</t>
  </si>
  <si>
    <t>30-May-12</t>
  </si>
  <si>
    <t>CHANG HOU CHIN</t>
  </si>
  <si>
    <t>鄭子悠</t>
  </si>
  <si>
    <t>15621279</t>
  </si>
  <si>
    <t>15516229</t>
  </si>
  <si>
    <t>13-Aug-12</t>
  </si>
  <si>
    <t>CHEANG CHI IAO</t>
  </si>
  <si>
    <t>趙梓謙</t>
  </si>
  <si>
    <t>15605702</t>
  </si>
  <si>
    <t>15526208</t>
  </si>
  <si>
    <t>09-Jul-12</t>
  </si>
  <si>
    <t>CHIO CHI HIM</t>
  </si>
  <si>
    <t>黃振軒</t>
  </si>
  <si>
    <t>15607302</t>
  </si>
  <si>
    <t>15504689</t>
  </si>
  <si>
    <t>27-Aug-12</t>
  </si>
  <si>
    <t>HUANG CHAN HIN</t>
  </si>
  <si>
    <t>楊晴萱</t>
  </si>
  <si>
    <t>15590334</t>
  </si>
  <si>
    <t>15555623</t>
  </si>
  <si>
    <t>21-May-12</t>
  </si>
  <si>
    <t>IEONG CHENG HUN</t>
  </si>
  <si>
    <t>15638075</t>
  </si>
  <si>
    <t>15542823</t>
  </si>
  <si>
    <t>16-Sep-12</t>
  </si>
  <si>
    <t>IEONG IAN TONG</t>
  </si>
  <si>
    <t>黎信言</t>
  </si>
  <si>
    <t>15632680</t>
  </si>
  <si>
    <t>15552594</t>
  </si>
  <si>
    <t>09-Aug-12</t>
  </si>
  <si>
    <t>LAI SON IN</t>
  </si>
  <si>
    <t>林奕暢</t>
  </si>
  <si>
    <t>15518558</t>
  </si>
  <si>
    <t>15551806</t>
  </si>
  <si>
    <t>24-Jan-12</t>
  </si>
  <si>
    <t>LAM IEK CHEONG</t>
  </si>
  <si>
    <t>林文諾</t>
  </si>
  <si>
    <t>15575491</t>
  </si>
  <si>
    <t>15505936</t>
  </si>
  <si>
    <t>15-Jun-12</t>
  </si>
  <si>
    <t>LAM MAN NOK</t>
  </si>
  <si>
    <t>李焯柔</t>
  </si>
  <si>
    <t>15525975</t>
  </si>
  <si>
    <t>15516903</t>
  </si>
  <si>
    <t>25-Mar-12</t>
  </si>
  <si>
    <t>LEE CHEOK IAO</t>
  </si>
  <si>
    <t>李振琳</t>
  </si>
  <si>
    <t>15544398</t>
  </si>
  <si>
    <t>15531155</t>
  </si>
  <si>
    <t>12-Mar-12</t>
  </si>
  <si>
    <t>LEI CHAN LAM</t>
  </si>
  <si>
    <t>李柏亨</t>
  </si>
  <si>
    <t>15547136</t>
  </si>
  <si>
    <t>15545121</t>
  </si>
  <si>
    <t>04-May-12</t>
  </si>
  <si>
    <t>LEI PAK HANG</t>
  </si>
  <si>
    <t>李元正</t>
  </si>
  <si>
    <t>15476534</t>
  </si>
  <si>
    <t>15542785</t>
  </si>
  <si>
    <t>01-Dec-11</t>
  </si>
  <si>
    <t>LEI UN CHENG</t>
  </si>
  <si>
    <t>梁熙兒</t>
  </si>
  <si>
    <t>15603657</t>
  </si>
  <si>
    <t>15559076</t>
  </si>
  <si>
    <t>22-Jul-12</t>
  </si>
  <si>
    <t>LEONG HEI I</t>
  </si>
  <si>
    <t>梁嘉瑤</t>
  </si>
  <si>
    <t>15577760</t>
  </si>
  <si>
    <t>15552136</t>
  </si>
  <si>
    <t>LEONG KA IO</t>
  </si>
  <si>
    <t>梁雅媚</t>
  </si>
  <si>
    <t>15575541</t>
  </si>
  <si>
    <t>15525368</t>
  </si>
  <si>
    <t>05-Jun-12</t>
  </si>
  <si>
    <t>LEONG NGA MEI</t>
  </si>
  <si>
    <t>梁睿天</t>
  </si>
  <si>
    <t>15549090</t>
  </si>
  <si>
    <t>15553620</t>
  </si>
  <si>
    <t>08-Apr-12</t>
  </si>
  <si>
    <t>LEONG YUI TIN</t>
  </si>
  <si>
    <t>梁桓熹</t>
  </si>
  <si>
    <t>15495898</t>
  </si>
  <si>
    <t>15548384</t>
  </si>
  <si>
    <t>LEUNG WUN HEI</t>
  </si>
  <si>
    <t>李禹澤</t>
  </si>
  <si>
    <t>15551963</t>
  </si>
  <si>
    <t>15563634</t>
  </si>
  <si>
    <t>23-Apr-12</t>
  </si>
  <si>
    <t>LI U CHAK</t>
  </si>
  <si>
    <t>馬耀龍</t>
  </si>
  <si>
    <t>15527575</t>
  </si>
  <si>
    <t>15523160</t>
  </si>
  <si>
    <t>06-Apr-12</t>
  </si>
  <si>
    <t>MA IO LONG</t>
  </si>
  <si>
    <t>吳梓瑩</t>
  </si>
  <si>
    <t>15639958</t>
  </si>
  <si>
    <t>15509036</t>
  </si>
  <si>
    <t>19-Sep-12</t>
  </si>
  <si>
    <t>NG CHI IENG</t>
  </si>
  <si>
    <t>彭駿皓</t>
  </si>
  <si>
    <t>15645120</t>
  </si>
  <si>
    <t>15521052</t>
  </si>
  <si>
    <t>PANG CHON HOU</t>
  </si>
  <si>
    <t>孫浩晴</t>
  </si>
  <si>
    <t>15689623</t>
  </si>
  <si>
    <t>15551997</t>
  </si>
  <si>
    <t>30-Dec-12</t>
  </si>
  <si>
    <t>SUN HOU CHENG</t>
  </si>
  <si>
    <t>唐皓楓</t>
  </si>
  <si>
    <t>15517113</t>
  </si>
  <si>
    <t>15543773</t>
  </si>
  <si>
    <t>20-Feb-12</t>
  </si>
  <si>
    <t>TONG HOU FONG</t>
  </si>
  <si>
    <t>余承澧</t>
  </si>
  <si>
    <t>15616261</t>
  </si>
  <si>
    <t>15525058</t>
  </si>
  <si>
    <t>31-Jul-12</t>
  </si>
  <si>
    <t>U SENG LAI</t>
  </si>
  <si>
    <t>屈彥亨</t>
  </si>
  <si>
    <t>15611163</t>
  </si>
  <si>
    <t>15522121</t>
  </si>
  <si>
    <t>WAT IN HANG</t>
  </si>
  <si>
    <t>胡朗然</t>
  </si>
  <si>
    <t>15544539</t>
  </si>
  <si>
    <t>15551784</t>
  </si>
  <si>
    <t>WU LONG IN</t>
  </si>
  <si>
    <t>15548241</t>
  </si>
  <si>
    <t>15001210</t>
  </si>
  <si>
    <t>16-May-12</t>
  </si>
  <si>
    <t>ZHANG IOK LENG</t>
  </si>
  <si>
    <t>陳駿熙</t>
  </si>
  <si>
    <t>15532997</t>
  </si>
  <si>
    <t>15505960</t>
  </si>
  <si>
    <t>13-Mar-12</t>
  </si>
  <si>
    <t>CHAN CHON HEI</t>
  </si>
  <si>
    <t>陳晉浩</t>
  </si>
  <si>
    <t>15627144</t>
  </si>
  <si>
    <t>15541738</t>
  </si>
  <si>
    <t>CHAN CHON HOU</t>
  </si>
  <si>
    <t>陳昱彤</t>
  </si>
  <si>
    <t>15522253</t>
  </si>
  <si>
    <t>15522741</t>
  </si>
  <si>
    <t>08-Mar-12</t>
  </si>
  <si>
    <t>CHAN IOK TONG</t>
  </si>
  <si>
    <t>陳美媛</t>
  </si>
  <si>
    <t>15540776</t>
  </si>
  <si>
    <t>15527956</t>
  </si>
  <si>
    <t>CHAN MEI WUN</t>
  </si>
  <si>
    <t>張芷妍</t>
  </si>
  <si>
    <t>15636764</t>
  </si>
  <si>
    <t>15506983</t>
  </si>
  <si>
    <t>20-Aug-12</t>
  </si>
  <si>
    <t>CHEONG CHI IN</t>
  </si>
  <si>
    <t>鍾卓倫</t>
  </si>
  <si>
    <t>15567209</t>
  </si>
  <si>
    <t>15525406</t>
  </si>
  <si>
    <t>CHONG CHEOK LON</t>
  </si>
  <si>
    <t>方海銅</t>
  </si>
  <si>
    <t>15615826</t>
  </si>
  <si>
    <t>15545253</t>
  </si>
  <si>
    <t>12-Jul-12</t>
  </si>
  <si>
    <t>馮悅瑤</t>
  </si>
  <si>
    <t>15567308</t>
  </si>
  <si>
    <t>15524752</t>
  </si>
  <si>
    <t>FONG UT IO</t>
  </si>
  <si>
    <t>何銘浩</t>
  </si>
  <si>
    <t>15649775</t>
  </si>
  <si>
    <t>1552566X</t>
  </si>
  <si>
    <t>10-Oct-12</t>
  </si>
  <si>
    <t>HO MENG HOU</t>
  </si>
  <si>
    <t>姜俊宇</t>
  </si>
  <si>
    <t>15523715</t>
  </si>
  <si>
    <t>15525279</t>
  </si>
  <si>
    <t>JIANG CHON U</t>
  </si>
  <si>
    <t>鄺頌謙</t>
  </si>
  <si>
    <t>15547268</t>
  </si>
  <si>
    <t>15559572</t>
  </si>
  <si>
    <t>26-Feb-12</t>
  </si>
  <si>
    <t>KUONG CHONG HIM</t>
  </si>
  <si>
    <t>劉俊延</t>
  </si>
  <si>
    <t>15541527</t>
  </si>
  <si>
    <t>1550428X</t>
  </si>
  <si>
    <t>LAO CHON IN</t>
  </si>
  <si>
    <t>劉遇安</t>
  </si>
  <si>
    <t>15652944</t>
  </si>
  <si>
    <t>15525325</t>
  </si>
  <si>
    <t>10-Sep-12</t>
  </si>
  <si>
    <t>LAO EUON</t>
  </si>
  <si>
    <t>李思慧</t>
  </si>
  <si>
    <t>15506355</t>
  </si>
  <si>
    <t>15524116</t>
  </si>
  <si>
    <t>22-Jan-12</t>
  </si>
  <si>
    <t>LEE SI WAI CANDICE</t>
  </si>
  <si>
    <t>李振熙</t>
  </si>
  <si>
    <t>15509417</t>
  </si>
  <si>
    <t>15524469</t>
  </si>
  <si>
    <t>14-Feb-12</t>
  </si>
  <si>
    <t>LEI CHAN HEI</t>
  </si>
  <si>
    <t>李健豪</t>
  </si>
  <si>
    <t>15613839</t>
  </si>
  <si>
    <t>15511782</t>
  </si>
  <si>
    <t>16-Jun-12</t>
  </si>
  <si>
    <t>LEI KIN HOU</t>
  </si>
  <si>
    <t>梁洛珉</t>
  </si>
  <si>
    <t>15574825</t>
  </si>
  <si>
    <t>15504980</t>
  </si>
  <si>
    <t>26-May-12</t>
  </si>
  <si>
    <t>LEONG LOK MAN</t>
  </si>
  <si>
    <t>梁碩浩</t>
  </si>
  <si>
    <t>15520505</t>
  </si>
  <si>
    <t>15522792</t>
  </si>
  <si>
    <t>LEUNG SEAK HOU</t>
  </si>
  <si>
    <t>呂鎧彤</t>
  </si>
  <si>
    <t>15548209</t>
  </si>
  <si>
    <t>15521133</t>
  </si>
  <si>
    <t>14-May-12</t>
  </si>
  <si>
    <t>LU HOI TONG</t>
  </si>
  <si>
    <t>陸玥涵</t>
  </si>
  <si>
    <t>15554637</t>
  </si>
  <si>
    <t>15524280</t>
  </si>
  <si>
    <t>LU UT HAM</t>
  </si>
  <si>
    <t>吳欣頤</t>
  </si>
  <si>
    <t>15582489</t>
  </si>
  <si>
    <t>15544338</t>
  </si>
  <si>
    <t>16-Jul-12</t>
  </si>
  <si>
    <t>NG IAN I</t>
  </si>
  <si>
    <t>吳恩穎</t>
  </si>
  <si>
    <t>15513898</t>
  </si>
  <si>
    <t>1552499X</t>
  </si>
  <si>
    <t>NG IAN WENG</t>
  </si>
  <si>
    <t>布倩琳</t>
  </si>
  <si>
    <t>15662323</t>
  </si>
  <si>
    <t>1555094X</t>
  </si>
  <si>
    <t>08-Nov-12</t>
  </si>
  <si>
    <t>POU SIN LAM</t>
  </si>
  <si>
    <t>錢旆翔</t>
  </si>
  <si>
    <t>15623192</t>
  </si>
  <si>
    <t>15528499</t>
  </si>
  <si>
    <t>08-Sep-12</t>
  </si>
  <si>
    <t>QIAN PUI CHEONG</t>
  </si>
  <si>
    <t>冼俊熹</t>
  </si>
  <si>
    <t>15637994</t>
  </si>
  <si>
    <t>15523365</t>
  </si>
  <si>
    <t>29-Sep-12</t>
  </si>
  <si>
    <t>SIN CHON HEI</t>
  </si>
  <si>
    <t>譚澔陽</t>
  </si>
  <si>
    <t>15663040</t>
  </si>
  <si>
    <t>15524205</t>
  </si>
  <si>
    <t>22-Oct-12</t>
  </si>
  <si>
    <t>TAM HOU IEONG</t>
  </si>
  <si>
    <t>余思彤</t>
  </si>
  <si>
    <t>15519028</t>
  </si>
  <si>
    <t>15511553</t>
  </si>
  <si>
    <t>U SI TONG</t>
  </si>
  <si>
    <t>15618689</t>
  </si>
  <si>
    <t>15516865</t>
  </si>
  <si>
    <t>楊沐</t>
  </si>
  <si>
    <t>15650252</t>
  </si>
  <si>
    <t>15525716</t>
  </si>
  <si>
    <t>11-Oct-12</t>
  </si>
  <si>
    <t>YANG MOK</t>
  </si>
  <si>
    <t>楊沚穎</t>
  </si>
  <si>
    <t>15548738</t>
  </si>
  <si>
    <t>15524450</t>
  </si>
  <si>
    <t>15-Mar-12</t>
  </si>
  <si>
    <t>YEUNG CHI WING ZOE</t>
  </si>
  <si>
    <t>陳紀晉</t>
  </si>
  <si>
    <t>P5</t>
  </si>
  <si>
    <t>15437551</t>
  </si>
  <si>
    <t>14530740</t>
  </si>
  <si>
    <t>25-Sep-11</t>
  </si>
  <si>
    <t>CHAN, KEI CHON</t>
  </si>
  <si>
    <t>黃社</t>
  </si>
  <si>
    <t>周明翰</t>
  </si>
  <si>
    <t>15330285</t>
  </si>
  <si>
    <t>14534339</t>
  </si>
  <si>
    <t>18-Mar-11</t>
  </si>
  <si>
    <t>CHAO, MENG HON</t>
  </si>
  <si>
    <t>紅社</t>
  </si>
  <si>
    <t>15425580</t>
  </si>
  <si>
    <t>14539691</t>
  </si>
  <si>
    <t>02-Jun-11</t>
  </si>
  <si>
    <t>CHONG, HEI CHON</t>
  </si>
  <si>
    <t>藍社</t>
  </si>
  <si>
    <t>退學</t>
    <phoneticPr fontId="3" type="noConversion"/>
  </si>
  <si>
    <t>15377260</t>
  </si>
  <si>
    <t>14530597</t>
  </si>
  <si>
    <t>24-May-11</t>
  </si>
  <si>
    <t>FAN, CHEOK LAM</t>
  </si>
  <si>
    <t>15354418</t>
  </si>
  <si>
    <t>14530392</t>
  </si>
  <si>
    <t>03-May-11</t>
  </si>
  <si>
    <t>HO, CHON NOK</t>
  </si>
  <si>
    <t>何忻謙</t>
  </si>
  <si>
    <t>15408974</t>
  </si>
  <si>
    <t>14546132</t>
  </si>
  <si>
    <t>01-Jul-11</t>
  </si>
  <si>
    <t>HO, IAN HIM</t>
  </si>
  <si>
    <t>何樂曦</t>
  </si>
  <si>
    <t>15400310</t>
  </si>
  <si>
    <t>14543133</t>
  </si>
  <si>
    <t>27-Jun-11</t>
  </si>
  <si>
    <t>HO, LOK HEI</t>
  </si>
  <si>
    <t>綠社</t>
  </si>
  <si>
    <t>何天霖</t>
  </si>
  <si>
    <t>15478548</t>
  </si>
  <si>
    <t>14500272</t>
  </si>
  <si>
    <t>15-Nov-11</t>
  </si>
  <si>
    <t>HO, TIN LAM</t>
  </si>
  <si>
    <t>許凱琳</t>
  </si>
  <si>
    <t>15320286</t>
  </si>
  <si>
    <t>14530090</t>
  </si>
  <si>
    <t>08-Mar-11</t>
  </si>
  <si>
    <t>HOI, HOI LAM</t>
  </si>
  <si>
    <t>許志聰</t>
  </si>
  <si>
    <t>15943087</t>
  </si>
  <si>
    <t>14549409</t>
  </si>
  <si>
    <t>28-Apr-11</t>
  </si>
  <si>
    <t>HUI, CHI CHUNG</t>
  </si>
  <si>
    <t>姚子揚</t>
  </si>
  <si>
    <t>15291651</t>
  </si>
  <si>
    <t>14507617</t>
  </si>
  <si>
    <t>07-Jan-11</t>
  </si>
  <si>
    <t>IO, CHI IEONG</t>
  </si>
  <si>
    <t>賴愷晴</t>
  </si>
  <si>
    <t>15466279</t>
  </si>
  <si>
    <t>14503522</t>
  </si>
  <si>
    <t>21-Nov-11</t>
  </si>
  <si>
    <t>LAI, HOI CHENG</t>
  </si>
  <si>
    <t>李芝澄</t>
  </si>
  <si>
    <t>15348832</t>
  </si>
  <si>
    <t>14530708</t>
  </si>
  <si>
    <t>11-Apr-11</t>
  </si>
  <si>
    <t>LEI, CHI CHENG</t>
  </si>
  <si>
    <t>李永琳</t>
  </si>
  <si>
    <t>15281033</t>
  </si>
  <si>
    <t>13626019</t>
  </si>
  <si>
    <t>20-Dec-10</t>
  </si>
  <si>
    <t>LEI, WENG LAM</t>
  </si>
  <si>
    <t>梁丞希</t>
  </si>
  <si>
    <t>15397920</t>
  </si>
  <si>
    <t>14523108</t>
  </si>
  <si>
    <t>26-Jun-11</t>
  </si>
  <si>
    <t>LEONG, SENG HEI</t>
  </si>
  <si>
    <t>李鵬程</t>
  </si>
  <si>
    <t>15512882</t>
  </si>
  <si>
    <t>14547910</t>
  </si>
  <si>
    <t>12-Jul-11</t>
  </si>
  <si>
    <t>LI, PENGCHENG</t>
  </si>
  <si>
    <t>李寶琦</t>
  </si>
  <si>
    <t>15259310</t>
  </si>
  <si>
    <t>13626027</t>
  </si>
  <si>
    <t>29-Nov-10</t>
  </si>
  <si>
    <t>LI, POU KEI</t>
  </si>
  <si>
    <t>雷嘉希</t>
  </si>
  <si>
    <t>15434822</t>
  </si>
  <si>
    <t>14533677</t>
  </si>
  <si>
    <t>07-Sep-11</t>
  </si>
  <si>
    <t>LOI, KA HEI</t>
  </si>
  <si>
    <t>雷景麟</t>
  </si>
  <si>
    <t>15408594</t>
  </si>
  <si>
    <t>14548038</t>
  </si>
  <si>
    <t>21-Jul-11</t>
  </si>
  <si>
    <t>LOI, KENG LON</t>
  </si>
  <si>
    <t>呂善樂</t>
  </si>
  <si>
    <t>15436561</t>
  </si>
  <si>
    <t>14546388</t>
  </si>
  <si>
    <t>29-Aug-11</t>
  </si>
  <si>
    <t>LOI, SIN LOK</t>
  </si>
  <si>
    <t>盧姵蓁</t>
  </si>
  <si>
    <t>15427685</t>
  </si>
  <si>
    <t>14509857</t>
  </si>
  <si>
    <t>05-Aug-11</t>
  </si>
  <si>
    <t>LOU, PUI CHON</t>
  </si>
  <si>
    <t>莫昊天</t>
  </si>
  <si>
    <t>15461452</t>
  </si>
  <si>
    <t>14546760</t>
  </si>
  <si>
    <t>02-Nov-11</t>
  </si>
  <si>
    <t>MOK HOU TIN</t>
  </si>
  <si>
    <t>伍博琳</t>
  </si>
  <si>
    <t>14831879</t>
  </si>
  <si>
    <t>12607797</t>
  </si>
  <si>
    <t>17-Feb-09</t>
  </si>
  <si>
    <t>NG, POK LAM</t>
  </si>
  <si>
    <t>R</t>
    <phoneticPr fontId="3" type="noConversion"/>
  </si>
  <si>
    <t>錢瀞藍</t>
  </si>
  <si>
    <t>15299274</t>
  </si>
  <si>
    <t>14532131</t>
  </si>
  <si>
    <t>23-Jan-11</t>
  </si>
  <si>
    <t>QIAN, CHENG LAM</t>
  </si>
  <si>
    <t>冼穎柔</t>
  </si>
  <si>
    <t>15382823</t>
  </si>
  <si>
    <t>14539667</t>
  </si>
  <si>
    <t>14-May-11</t>
  </si>
  <si>
    <t>SIN, WENG IAO</t>
  </si>
  <si>
    <t>蘇家寓</t>
  </si>
  <si>
    <t>15421118</t>
  </si>
  <si>
    <t>14531208</t>
  </si>
  <si>
    <t>28-Aug-11</t>
  </si>
  <si>
    <t>SOU, KA U KAYLA</t>
  </si>
  <si>
    <t>湯子萱</t>
  </si>
  <si>
    <t>15478894</t>
  </si>
  <si>
    <t>14523949</t>
  </si>
  <si>
    <t>17-Dec-11</t>
  </si>
  <si>
    <t>TANG, CHI HUN</t>
  </si>
  <si>
    <t>余曉晴</t>
  </si>
  <si>
    <t>15450455</t>
  </si>
  <si>
    <t>14523868</t>
  </si>
  <si>
    <t>14-Oct-11</t>
  </si>
  <si>
    <t>U, HIO CHENG</t>
  </si>
  <si>
    <t>黃卓軒</t>
  </si>
  <si>
    <t>15393754</t>
  </si>
  <si>
    <t>14524058</t>
  </si>
  <si>
    <t>09-Jul-11</t>
  </si>
  <si>
    <t>WONG, CHEOK HIN</t>
  </si>
  <si>
    <t>黃子澄</t>
  </si>
  <si>
    <t>15436132</t>
  </si>
  <si>
    <t>14517647</t>
  </si>
  <si>
    <t>29-Jul-11</t>
  </si>
  <si>
    <t>WONG, CHI CHENG</t>
  </si>
  <si>
    <t>黃筱祺</t>
  </si>
  <si>
    <t>15436181</t>
  </si>
  <si>
    <t>14530902</t>
  </si>
  <si>
    <t>22-Aug-11</t>
  </si>
  <si>
    <t>WONG, SIO KEI</t>
  </si>
  <si>
    <t>黃婉靜</t>
  </si>
  <si>
    <t>15405541</t>
  </si>
  <si>
    <t>14523043</t>
  </si>
  <si>
    <t>WONG, UN CHENG</t>
  </si>
  <si>
    <t>吳鎧威</t>
  </si>
  <si>
    <t>15472970</t>
  </si>
  <si>
    <t>14503557</t>
  </si>
  <si>
    <t>28-Jan-11</t>
  </si>
  <si>
    <t>WU, HOI WAI</t>
  </si>
  <si>
    <t>安思朗</t>
  </si>
  <si>
    <t>15436678</t>
  </si>
  <si>
    <t>14564238</t>
  </si>
  <si>
    <t>23-Aug-11</t>
  </si>
  <si>
    <t>ANTUNES, EUGENIO BARTOLOMEU</t>
  </si>
  <si>
    <t>周銘南</t>
  </si>
  <si>
    <t>15314149</t>
  </si>
  <si>
    <t>14518635</t>
  </si>
  <si>
    <t>01-Mar-11</t>
  </si>
  <si>
    <t>CHAO, MENG NAM</t>
  </si>
  <si>
    <t>趙婕伃</t>
  </si>
  <si>
    <t>15443039</t>
  </si>
  <si>
    <t>1450507X</t>
  </si>
  <si>
    <t>04-Aug-11</t>
  </si>
  <si>
    <t>CHIO, CHIT U</t>
  </si>
  <si>
    <t>蔡曉晴</t>
  </si>
  <si>
    <t>15313075</t>
  </si>
  <si>
    <t>1452998X</t>
  </si>
  <si>
    <t>11-Feb-11</t>
  </si>
  <si>
    <t>CHOI DA ROCHA, ANABELA</t>
  </si>
  <si>
    <t>蔡逸朗</t>
  </si>
  <si>
    <t>15358807</t>
  </si>
  <si>
    <t>14523426</t>
  </si>
  <si>
    <t>11-May-11</t>
  </si>
  <si>
    <t>CHOI, IAT LONG</t>
  </si>
  <si>
    <t>蘇紫芊</t>
  </si>
  <si>
    <t>15445646</t>
  </si>
  <si>
    <t>14530619</t>
  </si>
  <si>
    <t>15-Aug-11</t>
  </si>
  <si>
    <t>DE SOUSA, TRISHA ROSEMARY</t>
  </si>
  <si>
    <t>易晴</t>
  </si>
  <si>
    <t>15473978</t>
  </si>
  <si>
    <t>14523701</t>
  </si>
  <si>
    <t>29-Nov-11</t>
  </si>
  <si>
    <t>IEK, CHENG</t>
  </si>
  <si>
    <t>楊日朗</t>
  </si>
  <si>
    <t>15429632</t>
  </si>
  <si>
    <t>14530120</t>
  </si>
  <si>
    <t>08-Sep-11</t>
  </si>
  <si>
    <t>IEONG, IAT LONG</t>
  </si>
  <si>
    <t>鄺天嵐</t>
  </si>
  <si>
    <t>15334659</t>
  </si>
  <si>
    <t>1451365X</t>
  </si>
  <si>
    <t>20-Feb-11</t>
  </si>
  <si>
    <t>KWONG, TIN LAM</t>
  </si>
  <si>
    <t>林健峰</t>
  </si>
  <si>
    <t>15364334</t>
  </si>
  <si>
    <t>14533499</t>
  </si>
  <si>
    <t>03-Jan-11</t>
  </si>
  <si>
    <t>LAM, KIN FONG</t>
  </si>
  <si>
    <t>林霈賢</t>
  </si>
  <si>
    <t>15337843</t>
  </si>
  <si>
    <t>14502240</t>
  </si>
  <si>
    <t>14-Mar-11</t>
  </si>
  <si>
    <t>LAM, PUI IN</t>
  </si>
  <si>
    <t>劉芳喆</t>
  </si>
  <si>
    <t>15363187</t>
  </si>
  <si>
    <t>14530538</t>
  </si>
  <si>
    <t>22-Mar-11</t>
  </si>
  <si>
    <t>LAO, FONG CHIT</t>
  </si>
  <si>
    <t>劉詠晴</t>
  </si>
  <si>
    <t>15485121</t>
  </si>
  <si>
    <t>14504162</t>
  </si>
  <si>
    <t>21-Oct-11</t>
  </si>
  <si>
    <t>LAU, WENG CHENG</t>
  </si>
  <si>
    <t>李樂妍</t>
  </si>
  <si>
    <t>15348964</t>
  </si>
  <si>
    <t>14548852</t>
  </si>
  <si>
    <t>24-Mar-11</t>
  </si>
  <si>
    <t>LEI, LOK IN</t>
  </si>
  <si>
    <t>李洛彤</t>
  </si>
  <si>
    <t>15456452</t>
  </si>
  <si>
    <t>14537761</t>
  </si>
  <si>
    <t>07-Oct-11</t>
  </si>
  <si>
    <t>LEI, LOK TONG</t>
  </si>
  <si>
    <t>梁珮靖</t>
  </si>
  <si>
    <t>15352024</t>
  </si>
  <si>
    <t>1454427X</t>
  </si>
  <si>
    <t>16-Apr-11</t>
  </si>
  <si>
    <t>LEONG, PUI CHENG</t>
  </si>
  <si>
    <t>梁灝華</t>
  </si>
  <si>
    <t>15370208</t>
  </si>
  <si>
    <t>14530341</t>
  </si>
  <si>
    <t>04-Apr-11</t>
  </si>
  <si>
    <t>LEONG,HOU WA</t>
  </si>
  <si>
    <t>梁樂希</t>
  </si>
  <si>
    <t>15307044</t>
  </si>
  <si>
    <t>14547198</t>
  </si>
  <si>
    <t>15-Feb-11</t>
  </si>
  <si>
    <t>LEUNG, LOK HEI MATTHIAS</t>
  </si>
  <si>
    <t>盧昶佑</t>
  </si>
  <si>
    <t>15490964</t>
  </si>
  <si>
    <t>14500531</t>
  </si>
  <si>
    <t>18-Nov-11</t>
  </si>
  <si>
    <t>LOU, CHONG IAO</t>
  </si>
  <si>
    <t>馬浩鳴</t>
  </si>
  <si>
    <t>15398969</t>
  </si>
  <si>
    <t>14530198</t>
  </si>
  <si>
    <t>15-Jul-11</t>
  </si>
  <si>
    <t>MA, HOU MENG</t>
  </si>
  <si>
    <t>毛嘉韻</t>
  </si>
  <si>
    <t>15481385</t>
  </si>
  <si>
    <t>14527367</t>
  </si>
  <si>
    <t>22-Dec-11</t>
  </si>
  <si>
    <t>MAO, KA WAN</t>
  </si>
  <si>
    <t>吳穎藍</t>
  </si>
  <si>
    <t>15356223</t>
  </si>
  <si>
    <t>14531410</t>
  </si>
  <si>
    <t>02-May-11</t>
  </si>
  <si>
    <t>NG, WENG LAM</t>
  </si>
  <si>
    <t>15412133</t>
  </si>
  <si>
    <t>14503786</t>
  </si>
  <si>
    <t>05-Jul-11</t>
  </si>
  <si>
    <t>SIN, MEI IAN</t>
  </si>
  <si>
    <t>談浩然</t>
  </si>
  <si>
    <t>15324221</t>
  </si>
  <si>
    <t>14538059</t>
  </si>
  <si>
    <t>27-Feb-11</t>
  </si>
  <si>
    <t>TAM, HOU IN</t>
  </si>
  <si>
    <t>余芷澄</t>
  </si>
  <si>
    <t>15397938</t>
  </si>
  <si>
    <t>14508303</t>
  </si>
  <si>
    <t>05-May-11</t>
  </si>
  <si>
    <t>U, TSZ CHING</t>
  </si>
  <si>
    <t>黃卓翹</t>
  </si>
  <si>
    <t>15488737</t>
  </si>
  <si>
    <t>14523817</t>
  </si>
  <si>
    <t>25-Dec-11</t>
  </si>
  <si>
    <t>WONG, CHEOK KIO</t>
  </si>
  <si>
    <t>黃奕瑋</t>
  </si>
  <si>
    <t>15329238</t>
  </si>
  <si>
    <t>1452340X</t>
  </si>
  <si>
    <t>01-Apr-11</t>
  </si>
  <si>
    <t>WONG, IEK WAI</t>
  </si>
  <si>
    <t>黃柏晞</t>
  </si>
  <si>
    <t>15311210</t>
  </si>
  <si>
    <t>14548771</t>
  </si>
  <si>
    <t>24-Jan-11</t>
  </si>
  <si>
    <t>WONG, PAK HEI</t>
  </si>
  <si>
    <t>黃沛彥</t>
  </si>
  <si>
    <t>15219934</t>
  </si>
  <si>
    <t>13609378</t>
  </si>
  <si>
    <t>30-Aug-10</t>
  </si>
  <si>
    <t>WONG, PUI IN</t>
  </si>
  <si>
    <t>胡芷溱</t>
  </si>
  <si>
    <t>15362296</t>
  </si>
  <si>
    <t>14533359</t>
  </si>
  <si>
    <t>20-May-11</t>
  </si>
  <si>
    <t>WU, CHI CHON</t>
  </si>
  <si>
    <t>伍冠謙</t>
  </si>
  <si>
    <t>15355399</t>
  </si>
  <si>
    <t>14511061</t>
  </si>
  <si>
    <t>19-May-11</t>
  </si>
  <si>
    <t>WU, KUN HIM</t>
  </si>
  <si>
    <t>阮芯姸</t>
  </si>
  <si>
    <t>15944663</t>
  </si>
  <si>
    <t>14563622</t>
  </si>
  <si>
    <t>20-Apr-11</t>
  </si>
  <si>
    <t>YUEN, SUM IN</t>
  </si>
  <si>
    <t>曾子悅</t>
  </si>
  <si>
    <t>15336662</t>
  </si>
  <si>
    <t>14522721</t>
  </si>
  <si>
    <t>03-Apr-11</t>
  </si>
  <si>
    <t>ZENG, CHI UT</t>
  </si>
  <si>
    <t>歐宏軒</t>
  </si>
  <si>
    <t>15421381</t>
  </si>
  <si>
    <t>14530570</t>
  </si>
  <si>
    <t>19-Aug-11</t>
  </si>
  <si>
    <t>AO, WANG HIN</t>
  </si>
  <si>
    <t>陳柏橋</t>
  </si>
  <si>
    <t>15353279</t>
  </si>
  <si>
    <t>14530767</t>
  </si>
  <si>
    <t>CHAN, PAK KIO</t>
  </si>
  <si>
    <t>陳善衡</t>
  </si>
  <si>
    <t>15416647</t>
  </si>
  <si>
    <t>14523957</t>
  </si>
  <si>
    <t>11-Aug-11</t>
  </si>
  <si>
    <t>CHAN, SIN HANG</t>
  </si>
  <si>
    <t>陳御哲</t>
  </si>
  <si>
    <t>15348808</t>
  </si>
  <si>
    <t>14526417</t>
  </si>
  <si>
    <t>25-Mar-11</t>
  </si>
  <si>
    <t>CHAN, U CHIT</t>
  </si>
  <si>
    <t>陳穎茵</t>
  </si>
  <si>
    <t>15373194</t>
  </si>
  <si>
    <t>1454265X</t>
  </si>
  <si>
    <t>18-Jun-11</t>
  </si>
  <si>
    <t>CHAN, WENG IAN</t>
  </si>
  <si>
    <t>鄭晞彤</t>
  </si>
  <si>
    <t>15464043</t>
  </si>
  <si>
    <t>14501767</t>
  </si>
  <si>
    <t>24-Oct-11</t>
  </si>
  <si>
    <t>CHEANG, HEI TONG</t>
  </si>
  <si>
    <t>程思睿</t>
  </si>
  <si>
    <t>15354095</t>
  </si>
  <si>
    <t>14537834</t>
  </si>
  <si>
    <t>01-May-11</t>
  </si>
  <si>
    <t>CHENG, SI IOI</t>
  </si>
  <si>
    <t>張子琪</t>
  </si>
  <si>
    <t>15292659</t>
  </si>
  <si>
    <t>14542838</t>
  </si>
  <si>
    <t>CHEONG, CHI KEI</t>
  </si>
  <si>
    <t>趙睿銘</t>
  </si>
  <si>
    <t>15366172</t>
  </si>
  <si>
    <t>14500612</t>
  </si>
  <si>
    <t>25-May-11</t>
  </si>
  <si>
    <t>CHIO, IOI MENG</t>
  </si>
  <si>
    <t>徐子悠</t>
  </si>
  <si>
    <t>15321896</t>
  </si>
  <si>
    <t>14547759</t>
  </si>
  <si>
    <t>08-Feb-11</t>
  </si>
  <si>
    <t>CHOI, CHI IAO</t>
  </si>
  <si>
    <t>馮承霖</t>
  </si>
  <si>
    <t>15335474</t>
  </si>
  <si>
    <t>14530287</t>
  </si>
  <si>
    <t>FONG, SENG LAM</t>
  </si>
  <si>
    <t>何芷晴</t>
  </si>
  <si>
    <t>15445430</t>
  </si>
  <si>
    <t>14530481</t>
  </si>
  <si>
    <t>HO, CHI CHENG</t>
  </si>
  <si>
    <t>楊焯瑩</t>
  </si>
  <si>
    <t>15468978</t>
  </si>
  <si>
    <t>14524724</t>
  </si>
  <si>
    <t>16-Nov-11</t>
  </si>
  <si>
    <t>IEONG, CHEOK IENG</t>
  </si>
  <si>
    <t>林子瑩</t>
  </si>
  <si>
    <t>15407604</t>
  </si>
  <si>
    <t>14531488</t>
  </si>
  <si>
    <t>07-Jul-11</t>
  </si>
  <si>
    <t>LAM, CHI IENG</t>
  </si>
  <si>
    <t>林嘉文</t>
  </si>
  <si>
    <t>15406895</t>
  </si>
  <si>
    <t>14502194</t>
  </si>
  <si>
    <t>14-Jul-11</t>
  </si>
  <si>
    <t>LAM, KA MAN</t>
  </si>
  <si>
    <t>李猷嵐</t>
  </si>
  <si>
    <t>15303084</t>
  </si>
  <si>
    <t>14530082</t>
  </si>
  <si>
    <t>06-Jan-11</t>
  </si>
  <si>
    <t>LEI, IAO LAM</t>
  </si>
  <si>
    <t>梁溢正</t>
  </si>
  <si>
    <t>15419682</t>
  </si>
  <si>
    <t>14531437</t>
  </si>
  <si>
    <t>09-Aug-11</t>
  </si>
  <si>
    <t>LEONG, IAT CHENG</t>
  </si>
  <si>
    <t>梁偉賢</t>
  </si>
  <si>
    <t>15329253</t>
  </si>
  <si>
    <t>14530651</t>
  </si>
  <si>
    <t>28-Mar-11</t>
  </si>
  <si>
    <t>LEONG, WAI IN</t>
  </si>
  <si>
    <t>羅子政</t>
  </si>
  <si>
    <t>15488265</t>
  </si>
  <si>
    <t>14551500</t>
  </si>
  <si>
    <t>30-Dec-11</t>
  </si>
  <si>
    <t>LO, CHI CHENG MORITZ</t>
  </si>
  <si>
    <t>羅立言</t>
  </si>
  <si>
    <t>15260722</t>
  </si>
  <si>
    <t>14501228</t>
  </si>
  <si>
    <t>09-Dec-10</t>
  </si>
  <si>
    <t>LO, LAP IN</t>
  </si>
  <si>
    <t>麥思進</t>
  </si>
  <si>
    <t>15308612</t>
  </si>
  <si>
    <t>1453732X</t>
  </si>
  <si>
    <t>17-Feb-11</t>
  </si>
  <si>
    <t>MAI, SI CHON</t>
  </si>
  <si>
    <t>萬馨</t>
  </si>
  <si>
    <t>15296957</t>
  </si>
  <si>
    <t>14519283</t>
  </si>
  <si>
    <t>05-Feb-11</t>
  </si>
  <si>
    <t>MAN, HENG</t>
  </si>
  <si>
    <t>莫兆曦</t>
  </si>
  <si>
    <t>15383276</t>
  </si>
  <si>
    <t>14510162</t>
  </si>
  <si>
    <t>22-Jun-11</t>
  </si>
  <si>
    <t>MOK, SIO HEI</t>
  </si>
  <si>
    <t>彭楚舜</t>
  </si>
  <si>
    <t>15467673</t>
  </si>
  <si>
    <t>14511649</t>
  </si>
  <si>
    <t>26-Oct-11</t>
  </si>
  <si>
    <t>PANG, CHO SON</t>
  </si>
  <si>
    <t>蕭海潼</t>
  </si>
  <si>
    <t>15443948</t>
  </si>
  <si>
    <t>14530813</t>
  </si>
  <si>
    <t>SIO, HOI TONG VIENNA</t>
  </si>
  <si>
    <t>蕭竣灃</t>
  </si>
  <si>
    <t>15407224</t>
  </si>
  <si>
    <t>14501929</t>
  </si>
  <si>
    <t>04-Jul-11</t>
  </si>
  <si>
    <t>SIU, CHON FONG</t>
  </si>
  <si>
    <t>蘇曉晴</t>
  </si>
  <si>
    <t>15371933</t>
  </si>
  <si>
    <t>1452323X</t>
  </si>
  <si>
    <t>08-May-11</t>
  </si>
  <si>
    <t>SOU, HIO CHENG</t>
  </si>
  <si>
    <t>譚智朗</t>
  </si>
  <si>
    <t>15340961</t>
  </si>
  <si>
    <t>14523728</t>
  </si>
  <si>
    <t>24-Feb-11</t>
  </si>
  <si>
    <t>TAM, CHI LONG</t>
  </si>
  <si>
    <t>譚伊童</t>
  </si>
  <si>
    <t>15377088</t>
  </si>
  <si>
    <t>14531291</t>
  </si>
  <si>
    <t>30-Jun-11</t>
  </si>
  <si>
    <t>TAN, I TONG</t>
  </si>
  <si>
    <t>王禮舜</t>
  </si>
  <si>
    <t>15320609</t>
  </si>
  <si>
    <t>14531283</t>
  </si>
  <si>
    <t>WONG, LAI SON</t>
  </si>
  <si>
    <t>黃天蜜</t>
  </si>
  <si>
    <t xml:space="preserve">  31</t>
  </si>
  <si>
    <t>15420581</t>
  </si>
  <si>
    <t>14523035</t>
  </si>
  <si>
    <t>08-Jul-11</t>
  </si>
  <si>
    <t>WONG, TIN MAT</t>
  </si>
  <si>
    <t>黃泳晞</t>
  </si>
  <si>
    <t xml:space="preserve">  32</t>
  </si>
  <si>
    <t>15302235</t>
  </si>
  <si>
    <t>14541912</t>
  </si>
  <si>
    <t>19-Jan-11</t>
  </si>
  <si>
    <t>WONG, WENG HEI</t>
  </si>
  <si>
    <t>梁丹儀</t>
  </si>
  <si>
    <t>15398506</t>
  </si>
  <si>
    <t>14530759</t>
  </si>
  <si>
    <t>AKCAN, DENIZ</t>
  </si>
  <si>
    <t>陳熙雯</t>
  </si>
  <si>
    <t>15342942</t>
  </si>
  <si>
    <t>14530201</t>
  </si>
  <si>
    <t>25-Jan-11</t>
  </si>
  <si>
    <t>CHAN, HEI MAN</t>
  </si>
  <si>
    <t>陳綺莉</t>
  </si>
  <si>
    <t>15339013</t>
  </si>
  <si>
    <t>14508141</t>
  </si>
  <si>
    <t>09-Feb-11</t>
  </si>
  <si>
    <t>CHAN, I LEI</t>
  </si>
  <si>
    <t>鄭少妍</t>
  </si>
  <si>
    <t>15338643</t>
  </si>
  <si>
    <t>1450930X</t>
  </si>
  <si>
    <t>CHEANG, SIO IN</t>
  </si>
  <si>
    <t>鄭竣元</t>
  </si>
  <si>
    <t>15430887</t>
  </si>
  <si>
    <t>14530678</t>
  </si>
  <si>
    <t>CHENG, CHON UN</t>
  </si>
  <si>
    <t>張芷瑤</t>
  </si>
  <si>
    <t>15508625</t>
  </si>
  <si>
    <t>14518295</t>
  </si>
  <si>
    <t>02-Dec-11</t>
  </si>
  <si>
    <t>CHEONG, CHI IO</t>
  </si>
  <si>
    <t>張天毅</t>
  </si>
  <si>
    <t>15452618</t>
  </si>
  <si>
    <t>14530023</t>
  </si>
  <si>
    <t>17-Sep-11</t>
  </si>
  <si>
    <t>CHEONG, TIN NGAI</t>
  </si>
  <si>
    <t>何郗維</t>
  </si>
  <si>
    <t>15345945</t>
  </si>
  <si>
    <t>14531992</t>
  </si>
  <si>
    <t>21-Apr-11</t>
  </si>
  <si>
    <t>HO, HEI WAI</t>
  </si>
  <si>
    <t>15395601</t>
  </si>
  <si>
    <t>14523574</t>
  </si>
  <si>
    <t>24-Jun-11</t>
  </si>
  <si>
    <t>HO, SI IENG</t>
  </si>
  <si>
    <t>禤家信</t>
  </si>
  <si>
    <t>15345416</t>
  </si>
  <si>
    <t>1452306X</t>
  </si>
  <si>
    <t>24-Apr-11</t>
  </si>
  <si>
    <t>HUN, KA SON</t>
  </si>
  <si>
    <t>楊嘉悠</t>
  </si>
  <si>
    <t>15274236</t>
  </si>
  <si>
    <t>14539519</t>
  </si>
  <si>
    <t>12-Nov-10</t>
  </si>
  <si>
    <t>IEONG, KA IAO</t>
  </si>
  <si>
    <t>高文旭</t>
  </si>
  <si>
    <t>15427594</t>
  </si>
  <si>
    <t>14514338</t>
  </si>
  <si>
    <t>25-Aug-11</t>
  </si>
  <si>
    <t>KOU, MAN IOK</t>
  </si>
  <si>
    <t>黎子靖</t>
  </si>
  <si>
    <t>15453087</t>
  </si>
  <si>
    <t>14505029</t>
  </si>
  <si>
    <t>27-Sep-11</t>
  </si>
  <si>
    <t>LAI, CHI CHENG</t>
  </si>
  <si>
    <t>黎栢然</t>
  </si>
  <si>
    <t>15298532</t>
  </si>
  <si>
    <t>14522969</t>
  </si>
  <si>
    <t>04-Feb-11</t>
  </si>
  <si>
    <t>LAI, PAK IN</t>
  </si>
  <si>
    <t>林曉成</t>
  </si>
  <si>
    <t>15362940</t>
  </si>
  <si>
    <t>14530279</t>
  </si>
  <si>
    <t>18-Apr-11</t>
  </si>
  <si>
    <t>LAM, HIO SENG</t>
  </si>
  <si>
    <t>李思瑤</t>
  </si>
  <si>
    <t>15325491</t>
  </si>
  <si>
    <t>14530228</t>
  </si>
  <si>
    <t>09-Mar-11</t>
  </si>
  <si>
    <t>LEE, SI IO</t>
  </si>
  <si>
    <t>梁祉呈</t>
  </si>
  <si>
    <t>15381619</t>
  </si>
  <si>
    <t>1453309X</t>
  </si>
  <si>
    <t>28-May-11</t>
  </si>
  <si>
    <t>LEONG, CHI CHENG</t>
  </si>
  <si>
    <t>梁珮雯</t>
  </si>
  <si>
    <t>15291107</t>
  </si>
  <si>
    <t>13625837</t>
  </si>
  <si>
    <t>28-Dec-10</t>
  </si>
  <si>
    <t>LEUNG, PUI MAN</t>
  </si>
  <si>
    <t>李俊祺</t>
  </si>
  <si>
    <t>15284383</t>
  </si>
  <si>
    <t>14523795</t>
  </si>
  <si>
    <t>08-Jan-11</t>
  </si>
  <si>
    <t>LI, CHON KEI</t>
  </si>
  <si>
    <t>李燁</t>
  </si>
  <si>
    <t>15236458</t>
  </si>
  <si>
    <t>13624709</t>
  </si>
  <si>
    <t>03-Nov-10</t>
  </si>
  <si>
    <t>LI, IP</t>
  </si>
  <si>
    <t>陸灝妍</t>
  </si>
  <si>
    <t>15318447</t>
  </si>
  <si>
    <t>14539055</t>
  </si>
  <si>
    <t>LOK, HOU IN</t>
  </si>
  <si>
    <t>繆正朗</t>
  </si>
  <si>
    <t>15448186</t>
  </si>
  <si>
    <t>1454363X</t>
  </si>
  <si>
    <t>MIO, CHENG LONG</t>
  </si>
  <si>
    <t>莫喆侖</t>
  </si>
  <si>
    <t>15289234</t>
  </si>
  <si>
    <t>14501759</t>
  </si>
  <si>
    <t>17-Jan-11</t>
  </si>
  <si>
    <t>MOK CHIT LON</t>
  </si>
  <si>
    <t>莫穎滺</t>
  </si>
  <si>
    <t>15363310</t>
  </si>
  <si>
    <t>14531038</t>
  </si>
  <si>
    <t>06-May-11</t>
  </si>
  <si>
    <t>MOK, GUILHERMINA ANOK</t>
  </si>
  <si>
    <t>蘇柏豪</t>
  </si>
  <si>
    <t>15480387</t>
  </si>
  <si>
    <t>14524066</t>
  </si>
  <si>
    <t>31-Oct-11</t>
  </si>
  <si>
    <t>SOU, PAK HOU</t>
  </si>
  <si>
    <t>孫曉晴</t>
  </si>
  <si>
    <t>15366495</t>
  </si>
  <si>
    <t>14539144</t>
  </si>
  <si>
    <t>15-May-11</t>
  </si>
  <si>
    <t>SUEN, HIO CHENG</t>
  </si>
  <si>
    <t>譚善恆</t>
  </si>
  <si>
    <t>15405970</t>
  </si>
  <si>
    <t>14521296</t>
  </si>
  <si>
    <t>TAM, SIN HANG</t>
  </si>
  <si>
    <t>譚淳鋒</t>
  </si>
  <si>
    <t>15439003</t>
  </si>
  <si>
    <t>14537249</t>
  </si>
  <si>
    <t>22-Sep-11</t>
  </si>
  <si>
    <t>TAM, SON FONG</t>
  </si>
  <si>
    <t>余梓楊</t>
  </si>
  <si>
    <t>15381593</t>
  </si>
  <si>
    <t>14547988</t>
  </si>
  <si>
    <t>03-Jun-11</t>
  </si>
  <si>
    <t>U, CHI IEONG</t>
  </si>
  <si>
    <t>黃柏翹</t>
  </si>
  <si>
    <t>15417678</t>
  </si>
  <si>
    <t>14503123</t>
  </si>
  <si>
    <t>21-Jun-11</t>
  </si>
  <si>
    <t>WONG, PAK KIU ELVIS</t>
  </si>
  <si>
    <t>黃煒臻</t>
  </si>
  <si>
    <t>15453319</t>
  </si>
  <si>
    <t>1453097X</t>
  </si>
  <si>
    <t>26-Sep-11</t>
  </si>
  <si>
    <t>WONG, WAI CHON</t>
  </si>
  <si>
    <t>蕭曼喬</t>
  </si>
  <si>
    <t>15423270</t>
  </si>
  <si>
    <t>17579015</t>
  </si>
  <si>
    <t>14-Sep-11</t>
  </si>
  <si>
    <t>XIAO MAN KIO</t>
  </si>
  <si>
    <t>翟梓軒</t>
  </si>
  <si>
    <t>P6</t>
  </si>
  <si>
    <t>15164809</t>
  </si>
  <si>
    <t>13609394</t>
  </si>
  <si>
    <t>02-Jun-10</t>
  </si>
  <si>
    <t>CHAK, CHI HIN</t>
  </si>
  <si>
    <t>鄭曉嵐</t>
  </si>
  <si>
    <t>15279193</t>
  </si>
  <si>
    <t>13609130</t>
  </si>
  <si>
    <t>17-Dec-10</t>
  </si>
  <si>
    <t>CHENG, HIO LAM CLELIA</t>
  </si>
  <si>
    <t>張芷慧</t>
  </si>
  <si>
    <t>15160971</t>
  </si>
  <si>
    <t>13609149</t>
  </si>
  <si>
    <t>09-Apr-10</t>
  </si>
  <si>
    <t>CHEONG, CHI WAI</t>
  </si>
  <si>
    <t>張曉桐</t>
  </si>
  <si>
    <t>15066079</t>
  </si>
  <si>
    <t>13609750</t>
  </si>
  <si>
    <t>27-Jan-10</t>
  </si>
  <si>
    <t>CHEONG, HIO TONG</t>
  </si>
  <si>
    <t>蔡泓澤</t>
  </si>
  <si>
    <t>15243876</t>
  </si>
  <si>
    <t>13653563</t>
  </si>
  <si>
    <t>06-Nov-10</t>
  </si>
  <si>
    <t>CHUA WANG CHAK</t>
  </si>
  <si>
    <t>范瑋杭</t>
  </si>
  <si>
    <t>14956742</t>
  </si>
  <si>
    <t>12615897</t>
  </si>
  <si>
    <t>11-Aug-09</t>
  </si>
  <si>
    <t>FAN WAI HONG</t>
  </si>
  <si>
    <t>何紫晴</t>
  </si>
  <si>
    <t>15074297</t>
  </si>
  <si>
    <t>13608886</t>
  </si>
  <si>
    <t>20-Feb-10</t>
  </si>
  <si>
    <t xml:space="preserve">HO, CHI CHENG _x000D_
</t>
  </si>
  <si>
    <t>何洛瑤</t>
  </si>
  <si>
    <t>15201213</t>
  </si>
  <si>
    <t>13608584</t>
  </si>
  <si>
    <t>20-Aug-10</t>
  </si>
  <si>
    <t>HO, LOK IO</t>
  </si>
  <si>
    <t>洪銘毅</t>
  </si>
  <si>
    <t>15140833</t>
  </si>
  <si>
    <t>13609793</t>
  </si>
  <si>
    <t>04-Apr-10</t>
  </si>
  <si>
    <t>HONG, MENG NGAI</t>
  </si>
  <si>
    <t>郭皓揚</t>
  </si>
  <si>
    <t>15263213</t>
  </si>
  <si>
    <t>13608908</t>
  </si>
  <si>
    <t>20-Sep-10</t>
  </si>
  <si>
    <t>KUOK, HOU IEONG</t>
  </si>
  <si>
    <t>黎思晴</t>
  </si>
  <si>
    <t>15076052</t>
  </si>
  <si>
    <t>13608649</t>
  </si>
  <si>
    <t>16-Feb-10</t>
  </si>
  <si>
    <t>LAI, SI CHENG</t>
  </si>
  <si>
    <t>賴泳諭</t>
  </si>
  <si>
    <t>15094725</t>
  </si>
  <si>
    <t>13609548</t>
  </si>
  <si>
    <t>14-Mar-10</t>
  </si>
  <si>
    <t>LAI, WENG U</t>
  </si>
  <si>
    <t>劉晞嵐</t>
  </si>
  <si>
    <t>15109689</t>
  </si>
  <si>
    <t>13609238</t>
  </si>
  <si>
    <t>27-Apr-10</t>
  </si>
  <si>
    <t>LAO, HEI LAM</t>
  </si>
  <si>
    <t>留愷琪</t>
  </si>
  <si>
    <t>15225337</t>
  </si>
  <si>
    <t>13609556</t>
  </si>
  <si>
    <t>LAO, HOI KEI</t>
  </si>
  <si>
    <t>李安堯</t>
  </si>
  <si>
    <t>15083421</t>
  </si>
  <si>
    <t>13655450</t>
  </si>
  <si>
    <t>13-Feb-10</t>
  </si>
  <si>
    <t>LEE ON IO</t>
  </si>
  <si>
    <t>李汶城</t>
  </si>
  <si>
    <t>15198666</t>
  </si>
  <si>
    <t>13608924</t>
  </si>
  <si>
    <t>25-Aug-10</t>
  </si>
  <si>
    <t>LEE, MAN SENG</t>
  </si>
  <si>
    <t>梁梓城</t>
  </si>
  <si>
    <t>15275894</t>
  </si>
  <si>
    <t>13609831</t>
  </si>
  <si>
    <t>11-Aug-10</t>
  </si>
  <si>
    <t>LEONG, CHI SENG</t>
  </si>
  <si>
    <t>梁可兒</t>
  </si>
  <si>
    <t>15255326</t>
  </si>
  <si>
    <t>13609580</t>
  </si>
  <si>
    <t>11-Oct-10</t>
  </si>
  <si>
    <t>LEONG, HO I</t>
  </si>
  <si>
    <t>羅頴澂</t>
  </si>
  <si>
    <t>15292121</t>
  </si>
  <si>
    <t>13608673</t>
  </si>
  <si>
    <t>LO, WENG CHENG</t>
  </si>
  <si>
    <t>呂希玄</t>
  </si>
  <si>
    <t>15171473</t>
  </si>
  <si>
    <t>13011758</t>
  </si>
  <si>
    <t>14-Jul-10</t>
  </si>
  <si>
    <t xml:space="preserve">LOI HEI UN_x000D_
</t>
  </si>
  <si>
    <t>吳亦林</t>
  </si>
  <si>
    <t>15183395</t>
  </si>
  <si>
    <t>13609912</t>
  </si>
  <si>
    <t>NG, IEK LAM</t>
  </si>
  <si>
    <t>吳銘滔</t>
    <phoneticPr fontId="3" type="noConversion"/>
  </si>
  <si>
    <t>15253370</t>
  </si>
  <si>
    <t>13609602</t>
  </si>
  <si>
    <t>31-Oct-10</t>
  </si>
  <si>
    <t>NG, MENG TOU</t>
  </si>
  <si>
    <t>譚北衡</t>
  </si>
  <si>
    <t>15214240</t>
  </si>
  <si>
    <t>1360872X</t>
  </si>
  <si>
    <t>07-Aug-10</t>
  </si>
  <si>
    <t>TAM, PAK HANG OSCAR</t>
  </si>
  <si>
    <t>譚心沂</t>
  </si>
  <si>
    <t>15187818</t>
  </si>
  <si>
    <t>13609335</t>
  </si>
  <si>
    <t>15-Aug-10</t>
  </si>
  <si>
    <t>TAM, SAM I</t>
  </si>
  <si>
    <t>譚旭杰</t>
  </si>
  <si>
    <t>15083892</t>
  </si>
  <si>
    <t>13609955</t>
  </si>
  <si>
    <t>11-Mar-10</t>
  </si>
  <si>
    <t>TAN, IOK KIT</t>
  </si>
  <si>
    <t>湯希盈</t>
  </si>
  <si>
    <t>15095250</t>
  </si>
  <si>
    <t>13608991</t>
  </si>
  <si>
    <t>24-Mar-10</t>
  </si>
  <si>
    <t>TONG, HEI IENG</t>
  </si>
  <si>
    <t>唐心瑤</t>
  </si>
  <si>
    <t>14992333</t>
  </si>
  <si>
    <t>12608408</t>
  </si>
  <si>
    <t>13-Oct-09</t>
  </si>
  <si>
    <t>TONG, SAM IO</t>
  </si>
  <si>
    <t>杜佩凝</t>
  </si>
  <si>
    <t>15061955</t>
  </si>
  <si>
    <t>13609009</t>
  </si>
  <si>
    <t>07-Jan-10</t>
  </si>
  <si>
    <t>TOU, PUI IENG</t>
  </si>
  <si>
    <t>阮丞浚</t>
  </si>
  <si>
    <t>15657976</t>
  </si>
  <si>
    <t>13609033</t>
  </si>
  <si>
    <t>23-Apr-10</t>
  </si>
  <si>
    <t>UN, SENG CHON</t>
  </si>
  <si>
    <t>黃俊賢</t>
  </si>
  <si>
    <t>15244189</t>
  </si>
  <si>
    <t>13609351</t>
  </si>
  <si>
    <t>01-Nov-10</t>
  </si>
  <si>
    <t>WONG, CHON IN</t>
  </si>
  <si>
    <t>黃天蔚</t>
  </si>
  <si>
    <t>15079346</t>
  </si>
  <si>
    <t>1360998X</t>
  </si>
  <si>
    <t>04-Jan-10</t>
  </si>
  <si>
    <t>WONG, TIN WAI</t>
  </si>
  <si>
    <t>謝希禹</t>
  </si>
  <si>
    <t>15045255</t>
  </si>
  <si>
    <t>1360905X</t>
  </si>
  <si>
    <t>19-Dec-09</t>
  </si>
  <si>
    <t>XIE, HEI U</t>
  </si>
  <si>
    <t>楊皓森</t>
  </si>
  <si>
    <t>15083645</t>
  </si>
  <si>
    <t>13609068</t>
  </si>
  <si>
    <t>22-Jan-10</t>
  </si>
  <si>
    <t>YEUNG, HOU SAM</t>
  </si>
  <si>
    <t>周子棟</t>
  </si>
  <si>
    <t xml:space="preserve"> 34</t>
  </si>
  <si>
    <t>15137904</t>
  </si>
  <si>
    <t>13609688</t>
  </si>
  <si>
    <t>21-May-10</t>
  </si>
  <si>
    <t>ZHOU, CHI TONG</t>
  </si>
  <si>
    <t>歐陽希玟</t>
  </si>
  <si>
    <t>15212665</t>
  </si>
  <si>
    <t>13608800</t>
  </si>
  <si>
    <t>02-Sep-10</t>
  </si>
  <si>
    <t>AO IEONG,HEI MAN</t>
  </si>
  <si>
    <t>布愷彤</t>
  </si>
  <si>
    <t>15302508</t>
  </si>
  <si>
    <t>13608827</t>
  </si>
  <si>
    <t>06-Dec-10</t>
  </si>
  <si>
    <t>BO, LEILA DIAS</t>
  </si>
  <si>
    <t>蔡卓華</t>
  </si>
  <si>
    <t>15048101</t>
  </si>
  <si>
    <t>15525945</t>
  </si>
  <si>
    <t>11-Jan-10</t>
  </si>
  <si>
    <t>CAI CHEOK WA</t>
  </si>
  <si>
    <t>陳宥瀧</t>
  </si>
  <si>
    <t>15113210</t>
  </si>
  <si>
    <t>13001388</t>
  </si>
  <si>
    <t>02-Mar-10</t>
  </si>
  <si>
    <t>CHAN IAO LONG</t>
  </si>
  <si>
    <t>15071459</t>
  </si>
  <si>
    <t>13608525</t>
  </si>
  <si>
    <t>03-Feb-10</t>
  </si>
  <si>
    <t>CHAN, CHEOK IN</t>
  </si>
  <si>
    <t>陳梓揚</t>
  </si>
  <si>
    <t>15071954</t>
  </si>
  <si>
    <t>13609408</t>
  </si>
  <si>
    <t>05-Feb-10</t>
  </si>
  <si>
    <t>CHAN, CHI IEONG</t>
  </si>
  <si>
    <t>陳紀軒</t>
  </si>
  <si>
    <t>15091663</t>
  </si>
  <si>
    <t>13609106</t>
  </si>
  <si>
    <t>18-Mar-10</t>
  </si>
  <si>
    <t>CHAN, KEI HIN</t>
  </si>
  <si>
    <t>鄭海錡</t>
  </si>
  <si>
    <t>15122567</t>
  </si>
  <si>
    <t>13608851</t>
  </si>
  <si>
    <t>22-Apr-10</t>
  </si>
  <si>
    <t>CHEANG, HOI KEI</t>
  </si>
  <si>
    <t>趙子錡</t>
  </si>
  <si>
    <t>15288749</t>
  </si>
  <si>
    <t>13609769</t>
  </si>
  <si>
    <t>CHIO, CHI KEI</t>
  </si>
  <si>
    <t>趙梓誠</t>
  </si>
  <si>
    <t>15117716</t>
  </si>
  <si>
    <t>13609777</t>
  </si>
  <si>
    <t>06-Apr-10</t>
  </si>
  <si>
    <t>CHIO, CHI SENG</t>
  </si>
  <si>
    <t>徐子仁</t>
  </si>
  <si>
    <t>15113715</t>
  </si>
  <si>
    <t>13608878</t>
  </si>
  <si>
    <t>09-May-10</t>
  </si>
  <si>
    <t>CHOI, CHI IAN</t>
  </si>
  <si>
    <t>徐傲然</t>
  </si>
  <si>
    <t>15092604</t>
  </si>
  <si>
    <t>13608568</t>
  </si>
  <si>
    <t>21-Jan-10</t>
  </si>
  <si>
    <t>CHOI, NGOU IN</t>
  </si>
  <si>
    <t>何曉澄</t>
  </si>
  <si>
    <t>15164205</t>
  </si>
  <si>
    <t>13609165</t>
  </si>
  <si>
    <t>01-Jul-10</t>
  </si>
  <si>
    <t>HO, HIO CHENG</t>
  </si>
  <si>
    <t>何翊琳</t>
  </si>
  <si>
    <t>15079452</t>
  </si>
  <si>
    <t>13609173</t>
  </si>
  <si>
    <t>14-Jan-10</t>
  </si>
  <si>
    <t>HO, IEK LAM</t>
  </si>
  <si>
    <t>黃穎欣</t>
  </si>
  <si>
    <t>15194046</t>
  </si>
  <si>
    <t>13608592</t>
  </si>
  <si>
    <t>29-Aug-10</t>
  </si>
  <si>
    <t>HUANG, WENG IAN</t>
  </si>
  <si>
    <t>伊藤美奈子</t>
  </si>
  <si>
    <t>15283591</t>
  </si>
  <si>
    <t>13608606</t>
  </si>
  <si>
    <t>28-Oct-10</t>
  </si>
  <si>
    <t>ITO, MINAKO</t>
  </si>
  <si>
    <t>劉柏迪</t>
  </si>
  <si>
    <t>15098650</t>
  </si>
  <si>
    <t>13609564</t>
  </si>
  <si>
    <t>08-Mar-10</t>
  </si>
  <si>
    <t>LAO, PAK TEK</t>
  </si>
  <si>
    <t>江詠詩</t>
  </si>
  <si>
    <t>15086226</t>
  </si>
  <si>
    <t>13609815</t>
  </si>
  <si>
    <t>22-Feb-10</t>
  </si>
  <si>
    <t>LEI DA CONCEICAO, CARINA</t>
  </si>
  <si>
    <t>李曼頤</t>
  </si>
  <si>
    <t>15093099</t>
  </si>
  <si>
    <t>13609262</t>
  </si>
  <si>
    <t>22-Mar-10</t>
  </si>
  <si>
    <t>LEI, MAN I</t>
  </si>
  <si>
    <t>李欣桐</t>
  </si>
  <si>
    <t>S3199969</t>
  </si>
  <si>
    <t>1260867X</t>
  </si>
  <si>
    <t>01-Aug-09</t>
  </si>
  <si>
    <t>LI YAN TUNG</t>
  </si>
  <si>
    <t>林宏亮</t>
  </si>
  <si>
    <t>CC1329510</t>
    <phoneticPr fontId="3" type="noConversion"/>
  </si>
  <si>
    <t>20583362</t>
  </si>
  <si>
    <t>11-Sep-09</t>
  </si>
  <si>
    <t>LIN, HONGLIANG</t>
  </si>
  <si>
    <t>劉銘洋</t>
  </si>
  <si>
    <t>14792071</t>
  </si>
  <si>
    <t>15577821</t>
  </si>
  <si>
    <t>06-Jan-09</t>
  </si>
  <si>
    <t>LIU MENG IEONG</t>
  </si>
  <si>
    <t>S3446974</t>
  </si>
  <si>
    <t>13609297</t>
  </si>
  <si>
    <t>11-Nov-09</t>
  </si>
  <si>
    <t>LO, WAI NAM</t>
  </si>
  <si>
    <t>馬昭洋</t>
  </si>
  <si>
    <t>15072150</t>
  </si>
  <si>
    <t>13609300</t>
  </si>
  <si>
    <t>17-Feb-10</t>
  </si>
  <si>
    <t>MA, CHIO IEONG SOFIA</t>
  </si>
  <si>
    <t>伍栢賢</t>
  </si>
  <si>
    <t>15288657</t>
  </si>
  <si>
    <t>13665480</t>
  </si>
  <si>
    <t>13-Nov-10</t>
  </si>
  <si>
    <t>NG PAK IN</t>
  </si>
  <si>
    <t>吳俊杰</t>
  </si>
  <si>
    <t>15088347</t>
  </si>
  <si>
    <t>13609327</t>
  </si>
  <si>
    <t>NG, CHON KIT</t>
  </si>
  <si>
    <t>吳睿妍</t>
  </si>
  <si>
    <t>15087943</t>
  </si>
  <si>
    <t>13608959</t>
  </si>
  <si>
    <t>NG, IOI IN</t>
  </si>
  <si>
    <t>沈子軒</t>
  </si>
  <si>
    <t>15259153</t>
  </si>
  <si>
    <t>13609939</t>
  </si>
  <si>
    <t>06-Sep-10</t>
  </si>
  <si>
    <t>SAM, CHI HIN</t>
  </si>
  <si>
    <t>冼晞彤</t>
  </si>
  <si>
    <t>15042625</t>
  </si>
  <si>
    <t>12012831</t>
  </si>
  <si>
    <t>SIN, HEI TONG</t>
  </si>
  <si>
    <t>康子龍</t>
  </si>
  <si>
    <t>15193667</t>
  </si>
  <si>
    <t>13609025</t>
  </si>
  <si>
    <t>06-Aug-10</t>
  </si>
  <si>
    <t>TUGLA, BATU</t>
  </si>
  <si>
    <t>袁司蕊</t>
  </si>
  <si>
    <t>15253115</t>
  </si>
  <si>
    <t>13609343</t>
  </si>
  <si>
    <t>UN, SI IOI</t>
  </si>
  <si>
    <t>黃家灝</t>
  </si>
  <si>
    <t>15074354</t>
  </si>
  <si>
    <t>12000922</t>
  </si>
  <si>
    <t>27-Dec-09</t>
  </si>
  <si>
    <t>WONG, KA HOU</t>
  </si>
  <si>
    <t>黃詩晴</t>
  </si>
  <si>
    <t>15145923</t>
  </si>
  <si>
    <t>13609653</t>
  </si>
  <si>
    <t>05-Jun-10</t>
  </si>
  <si>
    <t>WONG, SI CHENG</t>
  </si>
  <si>
    <t>楊天齊</t>
  </si>
  <si>
    <t>15056856</t>
  </si>
  <si>
    <t>13609386</t>
  </si>
  <si>
    <t>28-Jan-10</t>
  </si>
  <si>
    <t>YANG, TIN CHAI</t>
  </si>
  <si>
    <t>張培欽</t>
  </si>
  <si>
    <t xml:space="preserve"> 35</t>
  </si>
  <si>
    <t>15239783</t>
  </si>
  <si>
    <t>13609084</t>
  </si>
  <si>
    <t>ZHANG, PUI IAM</t>
  </si>
  <si>
    <t>區芷盈</t>
  </si>
  <si>
    <t>15083876</t>
  </si>
  <si>
    <t>13608819</t>
  </si>
  <si>
    <t>10-Feb-10</t>
  </si>
  <si>
    <t>AO, CHI IENG</t>
  </si>
  <si>
    <t>布樂宜</t>
  </si>
  <si>
    <t>15113269</t>
  </si>
  <si>
    <t>13608517</t>
  </si>
  <si>
    <t>27-Mar-10</t>
  </si>
  <si>
    <t>BOTELHO FELISMINA MARIA</t>
  </si>
  <si>
    <t>陳子蕎</t>
  </si>
  <si>
    <t>15262462</t>
  </si>
  <si>
    <t>13608835</t>
  </si>
  <si>
    <t>08-Nov-10</t>
  </si>
  <si>
    <t>CHAN, CHI KIO</t>
  </si>
  <si>
    <t>陳鏗年</t>
  </si>
  <si>
    <t>15298375</t>
  </si>
  <si>
    <t>1360970X</t>
  </si>
  <si>
    <t>CHAN, HANG NIN</t>
  </si>
  <si>
    <t>陳彥熙</t>
  </si>
  <si>
    <t>15124407</t>
  </si>
  <si>
    <t>13608541</t>
  </si>
  <si>
    <t>14-May-10</t>
  </si>
  <si>
    <t>CHAN, IN HEI</t>
  </si>
  <si>
    <t>陳嘉晴</t>
  </si>
  <si>
    <t>15076292</t>
  </si>
  <si>
    <t>1360855X</t>
  </si>
  <si>
    <t>29-Jan-10</t>
  </si>
  <si>
    <t>CHAN, KA CHENG</t>
  </si>
  <si>
    <t>周鉦皓</t>
  </si>
  <si>
    <t>15069321</t>
  </si>
  <si>
    <t>13609432</t>
  </si>
  <si>
    <t>16-Jan-10</t>
  </si>
  <si>
    <t>CHAO, CHENG HOU</t>
  </si>
  <si>
    <t>鄭霖峰</t>
  </si>
  <si>
    <t>15158207</t>
  </si>
  <si>
    <t>13609742</t>
  </si>
  <si>
    <t>16-Jul-10</t>
  </si>
  <si>
    <t>CHEANG, LAM FONG</t>
  </si>
  <si>
    <t>陳宇婧</t>
  </si>
  <si>
    <t>14998827</t>
  </si>
  <si>
    <t>12608505</t>
  </si>
  <si>
    <t>02-Nov-09</t>
  </si>
  <si>
    <t>CHEN, U CHENG</t>
  </si>
  <si>
    <t>張子瀅</t>
  </si>
  <si>
    <t>15827710</t>
  </si>
  <si>
    <t>13625969</t>
  </si>
  <si>
    <t>25-May-10</t>
  </si>
  <si>
    <t>CHEONG CHI IENG</t>
  </si>
  <si>
    <t>張晞蕾</t>
  </si>
  <si>
    <t>15194079</t>
  </si>
  <si>
    <t>1360886X</t>
  </si>
  <si>
    <t>03-Aug-10</t>
  </si>
  <si>
    <t>CHEONG, HEI LOI</t>
  </si>
  <si>
    <t>15278591</t>
  </si>
  <si>
    <t>13609483</t>
  </si>
  <si>
    <t>18-Dec-10</t>
  </si>
  <si>
    <t>HOI, CHI CHENG</t>
  </si>
  <si>
    <t>許晉誠</t>
  </si>
  <si>
    <t>15172042</t>
  </si>
  <si>
    <t>13626531</t>
  </si>
  <si>
    <t>21-Jul-10</t>
  </si>
  <si>
    <t>HUI CHON SENG</t>
  </si>
  <si>
    <t>15155005</t>
  </si>
  <si>
    <t>13609181</t>
  </si>
  <si>
    <t>22-Jun-10</t>
  </si>
  <si>
    <t>IAM, KAI CHENG</t>
  </si>
  <si>
    <t>郭心悠</t>
  </si>
  <si>
    <t>15203151</t>
  </si>
  <si>
    <t>13608614</t>
  </si>
  <si>
    <t>10-Sep-10</t>
  </si>
  <si>
    <t>KUOK, SAM IAO</t>
  </si>
  <si>
    <t>黎芷君</t>
  </si>
  <si>
    <t>15167521</t>
  </si>
  <si>
    <t>13608916</t>
  </si>
  <si>
    <t>06-Jun-10</t>
  </si>
  <si>
    <t>LAI, CHI KUAN</t>
  </si>
  <si>
    <t>黎家豪</t>
  </si>
  <si>
    <t>15071970</t>
  </si>
  <si>
    <t>1360953X</t>
  </si>
  <si>
    <t>08-Jan-10</t>
  </si>
  <si>
    <t>LAI, KA HOU</t>
  </si>
  <si>
    <t>林晴</t>
  </si>
  <si>
    <t>15291297</t>
  </si>
  <si>
    <t>13609211</t>
  </si>
  <si>
    <t>LAM, CHENG</t>
  </si>
  <si>
    <t>林卓玄</t>
  </si>
  <si>
    <t>15240559</t>
  </si>
  <si>
    <t>1360922X</t>
  </si>
  <si>
    <t>01-Oct-10</t>
  </si>
  <si>
    <t>LAM, CHEOK UN</t>
  </si>
  <si>
    <t>江詠欣</t>
  </si>
  <si>
    <t>15086416</t>
  </si>
  <si>
    <t>13609572</t>
  </si>
  <si>
    <t>LEI DA CONCEICAO, SARINA</t>
  </si>
  <si>
    <t>李灝</t>
  </si>
  <si>
    <t>15145964</t>
  </si>
  <si>
    <t>13609246</t>
  </si>
  <si>
    <t>05-May-10</t>
  </si>
  <si>
    <t>LEI, HOU</t>
  </si>
  <si>
    <t>梁逸安</t>
  </si>
  <si>
    <t>15049158</t>
  </si>
  <si>
    <t>1360984X</t>
  </si>
  <si>
    <t>09-Jan-10</t>
  </si>
  <si>
    <t>LEONG, IAT ON</t>
  </si>
  <si>
    <t>劉千妙</t>
  </si>
  <si>
    <t>16787921</t>
  </si>
  <si>
    <t>16006372</t>
  </si>
  <si>
    <t>21-Mar-10</t>
  </si>
  <si>
    <t>LIU CHIEN MIAO</t>
  </si>
  <si>
    <t>龍子潁</t>
  </si>
  <si>
    <t>15106784</t>
  </si>
  <si>
    <t>13609882</t>
  </si>
  <si>
    <t>05-Apr-10</t>
  </si>
  <si>
    <t xml:space="preserve">LONG, CHI WENG_x000D_
</t>
  </si>
  <si>
    <t>莫浩舜</t>
  </si>
  <si>
    <t>15089055</t>
  </si>
  <si>
    <t>1360869X</t>
  </si>
  <si>
    <t>MOK, HOU SON</t>
  </si>
  <si>
    <t>伍君豪</t>
  </si>
  <si>
    <t>16202020</t>
  </si>
  <si>
    <t>15012085</t>
  </si>
  <si>
    <t>NG KUAN HOU</t>
  </si>
  <si>
    <t>吳卓橋</t>
  </si>
  <si>
    <t>15075872</t>
  </si>
  <si>
    <t>13608940</t>
  </si>
  <si>
    <t>12-Jan-10</t>
  </si>
  <si>
    <t>NG, CHEOK KIO</t>
  </si>
  <si>
    <t>薛蘊兒</t>
  </si>
  <si>
    <t>15063191</t>
  </si>
  <si>
    <t>13609629</t>
  </si>
  <si>
    <t>06-Feb-10</t>
  </si>
  <si>
    <t xml:space="preserve">SIT, WAN I_x000D_
</t>
  </si>
  <si>
    <t>蘇浩政</t>
  </si>
  <si>
    <t>15086432</t>
  </si>
  <si>
    <t>12604313</t>
  </si>
  <si>
    <t>14-Dec-09</t>
  </si>
  <si>
    <t>SOU HOU CHENG</t>
  </si>
  <si>
    <t>15144660</t>
  </si>
  <si>
    <t>13608975</t>
  </si>
  <si>
    <t>14-Jun-10</t>
  </si>
  <si>
    <t>鄧諾賢</t>
  </si>
  <si>
    <t>15171739</t>
  </si>
  <si>
    <t>13608983</t>
  </si>
  <si>
    <t>29-Jun-10</t>
  </si>
  <si>
    <t>TANG, NOK IN</t>
  </si>
  <si>
    <t>謝穎心</t>
  </si>
  <si>
    <t>15234966</t>
  </si>
  <si>
    <t>13609017</t>
  </si>
  <si>
    <t>08-Oct-10</t>
  </si>
  <si>
    <t>TSE, WENG SAM</t>
  </si>
  <si>
    <t>15305147</t>
  </si>
  <si>
    <t>1362587X</t>
  </si>
  <si>
    <t>31-Dec-10</t>
  </si>
  <si>
    <t>WONG CHI IAO</t>
  </si>
  <si>
    <t>黃浠瑜</t>
  </si>
  <si>
    <t>15173248</t>
  </si>
  <si>
    <t>13608746</t>
  </si>
  <si>
    <t>WONG, HEI U</t>
  </si>
  <si>
    <t>黃羿澄</t>
  </si>
  <si>
    <t>15124241</t>
  </si>
  <si>
    <t>1360936X</t>
  </si>
  <si>
    <t>10-May-10</t>
  </si>
  <si>
    <t>WONG, NGAI CHENG</t>
  </si>
  <si>
    <t>翟梓豪</t>
  </si>
  <si>
    <t>15164817</t>
  </si>
  <si>
    <t>13609092</t>
  </si>
  <si>
    <t>CHAK, CHI HOU</t>
  </si>
  <si>
    <t>陳恩霖</t>
  </si>
  <si>
    <t>15256043</t>
  </si>
  <si>
    <t>13609424</t>
  </si>
  <si>
    <t>07-Nov-10</t>
  </si>
  <si>
    <t>CHAN, IAN LAM MATHEA</t>
  </si>
  <si>
    <t>陳沛諺</t>
  </si>
  <si>
    <t>15231764</t>
  </si>
  <si>
    <t>13609718</t>
  </si>
  <si>
    <t>16-Sep-10</t>
  </si>
  <si>
    <t>CHAN, PUI IN</t>
  </si>
  <si>
    <t>陳德謙</t>
  </si>
  <si>
    <t>15100068</t>
  </si>
  <si>
    <t>13608843</t>
  </si>
  <si>
    <t>21-Feb-10</t>
  </si>
  <si>
    <t>CHAN, TAK HIM</t>
  </si>
  <si>
    <t>鄒希文</t>
  </si>
  <si>
    <t>15173818</t>
  </si>
  <si>
    <t>13609726</t>
  </si>
  <si>
    <t>01-Jun-10</t>
  </si>
  <si>
    <t>CHAO ALMEIDA, ALEXA</t>
  </si>
  <si>
    <t>鄭海鍵</t>
  </si>
  <si>
    <t>15122575</t>
  </si>
  <si>
    <t>13609114</t>
  </si>
  <si>
    <t>CHEANG, HOI KIN</t>
  </si>
  <si>
    <t>陳文熹</t>
  </si>
  <si>
    <t>15075856</t>
  </si>
  <si>
    <t>13609122</t>
  </si>
  <si>
    <t>15-Feb-10</t>
  </si>
  <si>
    <t>CHEN, MAN HEI</t>
  </si>
  <si>
    <t>張天穎</t>
  </si>
  <si>
    <t>15182041</t>
  </si>
  <si>
    <t>13630679</t>
  </si>
  <si>
    <t>13-Jul-10</t>
  </si>
  <si>
    <t>CHEONG TIN WENG</t>
  </si>
  <si>
    <t>方顯朗</t>
  </si>
  <si>
    <t>15184369</t>
  </si>
  <si>
    <t>13609467</t>
  </si>
  <si>
    <t>FONG, HIN LONG</t>
  </si>
  <si>
    <t>許偉霖</t>
  </si>
  <si>
    <t>15157282</t>
  </si>
  <si>
    <t>13619772</t>
  </si>
  <si>
    <t>03-Jul-10</t>
  </si>
  <si>
    <t>HOI WAI LAM</t>
  </si>
  <si>
    <t>郭雋晞</t>
  </si>
  <si>
    <t>15188162</t>
  </si>
  <si>
    <t>13608894</t>
  </si>
  <si>
    <t>07-Jul-10</t>
  </si>
  <si>
    <t>KOK, CHON HEI</t>
  </si>
  <si>
    <t>高巧榣</t>
  </si>
  <si>
    <t>15087810</t>
  </si>
  <si>
    <t>13609505</t>
  </si>
  <si>
    <t>17-Jan-10</t>
  </si>
  <si>
    <t>KOU, HAO IO</t>
  </si>
  <si>
    <t>顧曉楓</t>
  </si>
  <si>
    <t>15218563</t>
  </si>
  <si>
    <t>1360919X</t>
  </si>
  <si>
    <t>23-Sep-10</t>
  </si>
  <si>
    <t>KU, HIO FONG</t>
  </si>
  <si>
    <t>郭炫希</t>
  </si>
  <si>
    <t>15079866</t>
  </si>
  <si>
    <t>13608622</t>
  </si>
  <si>
    <t>KUOK, UN HEI</t>
  </si>
  <si>
    <t>鄺樂熙</t>
  </si>
  <si>
    <t>15214414</t>
  </si>
  <si>
    <t>13609521</t>
  </si>
  <si>
    <t>28-Sep-10</t>
  </si>
  <si>
    <t>KUONG, LOK HEI</t>
  </si>
  <si>
    <t>黎卓正</t>
  </si>
  <si>
    <t>15286958</t>
  </si>
  <si>
    <t>13608630</t>
  </si>
  <si>
    <t>18-Nov-10</t>
  </si>
  <si>
    <t>LAI, CHEOK CHENG</t>
  </si>
  <si>
    <t>黎芷欣</t>
  </si>
  <si>
    <t>15219397</t>
  </si>
  <si>
    <t>13609203</t>
  </si>
  <si>
    <t>29-Sep-10</t>
  </si>
  <si>
    <t>LAI, CHI IAN</t>
  </si>
  <si>
    <t>15245343</t>
  </si>
  <si>
    <t>13609823</t>
  </si>
  <si>
    <t>LEI, CHONG HEI</t>
  </si>
  <si>
    <t>梁灝訢</t>
  </si>
  <si>
    <t>15290521</t>
  </si>
  <si>
    <t>13609270</t>
  </si>
  <si>
    <t>09-Nov-10</t>
  </si>
  <si>
    <t>LEONG, HOU IAN</t>
  </si>
  <si>
    <t>梁溢朗</t>
  </si>
  <si>
    <t>15117823</t>
  </si>
  <si>
    <t>13608665</t>
  </si>
  <si>
    <t>21-Apr-10</t>
  </si>
  <si>
    <t>LEONG, IAT LONG TREVOR</t>
  </si>
  <si>
    <t>梁毅朗</t>
  </si>
  <si>
    <t>15148505</t>
  </si>
  <si>
    <t>13609858</t>
  </si>
  <si>
    <t>29-May-10</t>
  </si>
  <si>
    <t>LEONG, NGAI LONG</t>
  </si>
  <si>
    <t>梁詩婉</t>
  </si>
  <si>
    <t>15187065</t>
  </si>
  <si>
    <t>13609599</t>
  </si>
  <si>
    <t>02-Aug-10</t>
  </si>
  <si>
    <t>LEONG, SI UN</t>
  </si>
  <si>
    <t>梁心蕾</t>
  </si>
  <si>
    <t>15225188</t>
  </si>
  <si>
    <t>13609289</t>
  </si>
  <si>
    <t>18-Oct-10</t>
  </si>
  <si>
    <t>LEUNG, SAM LOI</t>
  </si>
  <si>
    <t>羅芷炫</t>
  </si>
  <si>
    <t>15191794</t>
  </si>
  <si>
    <t>13608681</t>
  </si>
  <si>
    <t>LUO, CHI UN</t>
  </si>
  <si>
    <t>梅卓琦</t>
  </si>
  <si>
    <t>15088552</t>
  </si>
  <si>
    <t>13609319</t>
  </si>
  <si>
    <t>MUI, CHEOK KEI</t>
  </si>
  <si>
    <t>潘浩哲</t>
  </si>
  <si>
    <t>15592694</t>
  </si>
  <si>
    <t>13609610</t>
  </si>
  <si>
    <t>PAN, BRIAN HAO CHE</t>
  </si>
  <si>
    <t>布倩宜</t>
  </si>
  <si>
    <t>15219876</t>
  </si>
  <si>
    <t>13608967</t>
  </si>
  <si>
    <t>POU, SIN I</t>
  </si>
  <si>
    <t>15192834</t>
  </si>
  <si>
    <t>13609637</t>
  </si>
  <si>
    <t>16-Aug-10</t>
  </si>
  <si>
    <t>TSANG, CHI CHON</t>
  </si>
  <si>
    <t>黃子涵</t>
  </si>
  <si>
    <t>16740862</t>
  </si>
  <si>
    <t>20583370</t>
  </si>
  <si>
    <t>11-Sep-08</t>
  </si>
  <si>
    <t>WONG CHI HAM</t>
  </si>
  <si>
    <t>黃熙璇</t>
  </si>
  <si>
    <t>15288756</t>
  </si>
  <si>
    <t>13609963</t>
  </si>
  <si>
    <t>WONG, HEI SUN</t>
  </si>
  <si>
    <t>15105695</t>
  </si>
  <si>
    <t>13609645</t>
  </si>
  <si>
    <t>08-Apr-10</t>
  </si>
  <si>
    <t>WONG, HIO CHENG</t>
  </si>
  <si>
    <t>黃匡莉</t>
  </si>
  <si>
    <t>15067689</t>
  </si>
  <si>
    <t>13609041</t>
  </si>
  <si>
    <t>13-Jan-10</t>
  </si>
  <si>
    <t>WONG, HONG LEI</t>
  </si>
  <si>
    <t>吳曉冬</t>
  </si>
  <si>
    <t>14796643</t>
  </si>
  <si>
    <t>12603198</t>
  </si>
  <si>
    <t>20-Dec-08</t>
  </si>
  <si>
    <t>WU HIO TONG</t>
  </si>
  <si>
    <t>葉柏霖</t>
  </si>
  <si>
    <t>15166697</t>
  </si>
  <si>
    <t>13609076</t>
  </si>
  <si>
    <t>YIP, PAK LAM</t>
  </si>
  <si>
    <t>袁梓恩</t>
  </si>
  <si>
    <t>15078645</t>
  </si>
  <si>
    <t>1360967X</t>
  </si>
  <si>
    <t>30-Jan-10</t>
  </si>
  <si>
    <t>YUEN, CHI IAN</t>
  </si>
  <si>
    <t>包鎧林</t>
  </si>
  <si>
    <t>S1</t>
  </si>
  <si>
    <t>15048408</t>
  </si>
  <si>
    <t>12633909</t>
  </si>
  <si>
    <t>20-Dec-09</t>
  </si>
  <si>
    <t>BABOLAL SANJAANA PATRICE</t>
  </si>
  <si>
    <t>陳敬泓</t>
  </si>
  <si>
    <t>14982797</t>
  </si>
  <si>
    <t>12609900</t>
  </si>
  <si>
    <t>05-Jun-09</t>
  </si>
  <si>
    <t>CHAN KENG WANG</t>
  </si>
  <si>
    <t>陳紫琦</t>
  </si>
  <si>
    <t>14820740</t>
  </si>
  <si>
    <t>12608165</t>
  </si>
  <si>
    <t>06-Feb-09</t>
  </si>
  <si>
    <t>CHAN, CHI KEI</t>
  </si>
  <si>
    <t>陳銳峰</t>
  </si>
  <si>
    <t>14824494</t>
  </si>
  <si>
    <t>12607886</t>
  </si>
  <si>
    <t>08-Feb-09</t>
  </si>
  <si>
    <t>CHAN, IOI FONG</t>
  </si>
  <si>
    <t>陳藝瀅</t>
  </si>
  <si>
    <t>14824593</t>
  </si>
  <si>
    <t>12607916</t>
  </si>
  <si>
    <t>12-Jan-09</t>
  </si>
  <si>
    <t>CHAN, NGAI IENG</t>
  </si>
  <si>
    <t>陳柏霖</t>
  </si>
  <si>
    <t>14657043</t>
  </si>
  <si>
    <t>11625716</t>
  </si>
  <si>
    <t>12-Apr-08</t>
  </si>
  <si>
    <t>CHAN, PAK LAM RUKAS</t>
  </si>
  <si>
    <t>陳沛嘉</t>
  </si>
  <si>
    <t>15009707</t>
  </si>
  <si>
    <t>12607355</t>
  </si>
  <si>
    <t>31-Oct-09</t>
  </si>
  <si>
    <t>CHAN, PUI KA</t>
  </si>
  <si>
    <t>張樂霖</t>
  </si>
  <si>
    <t>15047319</t>
  </si>
  <si>
    <t>12610615</t>
  </si>
  <si>
    <t>08-Oct-09</t>
  </si>
  <si>
    <t>CHEONG LOK LAM</t>
  </si>
  <si>
    <t>張珈朗</t>
  </si>
  <si>
    <t>14968820</t>
  </si>
  <si>
    <t>12607622</t>
  </si>
  <si>
    <t>13-Aug-09</t>
  </si>
  <si>
    <t>CHEONG, KA LONG</t>
  </si>
  <si>
    <t>趙子焮</t>
  </si>
  <si>
    <t>14828461</t>
  </si>
  <si>
    <t>12608513</t>
  </si>
  <si>
    <t>18-Jan-09</t>
  </si>
  <si>
    <t>CHIO, CHI IAN</t>
  </si>
  <si>
    <t>徐子瀅</t>
  </si>
  <si>
    <t>14966535</t>
  </si>
  <si>
    <t>12633542</t>
  </si>
  <si>
    <t>30-Aug-09</t>
  </si>
  <si>
    <t>CHOI CHI IENG</t>
  </si>
  <si>
    <t>蔡穎怡</t>
  </si>
  <si>
    <t>15090871</t>
  </si>
  <si>
    <t>1260738X</t>
  </si>
  <si>
    <t>10-Dec-09</t>
  </si>
  <si>
    <t>CHOY, WENG I</t>
  </si>
  <si>
    <t>何俊樺</t>
  </si>
  <si>
    <t>15052228</t>
  </si>
  <si>
    <t>12607975</t>
  </si>
  <si>
    <t>15-Dec-09</t>
  </si>
  <si>
    <t>HO, CHON WA</t>
  </si>
  <si>
    <t>洪小婷</t>
  </si>
  <si>
    <t>15026354</t>
  </si>
  <si>
    <t>1200099X</t>
  </si>
  <si>
    <t>16-Nov-09</t>
  </si>
  <si>
    <t>HONG SIO TENG</t>
  </si>
  <si>
    <t>楊嘉琪</t>
  </si>
  <si>
    <t>14999569</t>
  </si>
  <si>
    <t>12608599</t>
  </si>
  <si>
    <t>20-Sep-09</t>
  </si>
  <si>
    <t>IEONG, KA KEI</t>
  </si>
  <si>
    <t>楊珞希</t>
  </si>
  <si>
    <t>14940019</t>
  </si>
  <si>
    <t>12607436</t>
  </si>
  <si>
    <t>23-Jun-09</t>
  </si>
  <si>
    <t>IEONG, LOK HEI</t>
  </si>
  <si>
    <t>高柏晞</t>
  </si>
  <si>
    <t>14892665</t>
  </si>
  <si>
    <t>12607681</t>
  </si>
  <si>
    <t>26-Apr-09</t>
  </si>
  <si>
    <t>KOU, PAK HEI</t>
  </si>
  <si>
    <t>古秋彤</t>
  </si>
  <si>
    <t>15045016</t>
  </si>
  <si>
    <t>12607991</t>
  </si>
  <si>
    <t>22-Dec-09</t>
  </si>
  <si>
    <t>KU, CHAO TONG</t>
  </si>
  <si>
    <t>15041197</t>
  </si>
  <si>
    <t>1263350X</t>
  </si>
  <si>
    <t>22-Nov-09</t>
  </si>
  <si>
    <t>LAM, CHI CHENG</t>
  </si>
  <si>
    <t>14967111</t>
  </si>
  <si>
    <t>12015628</t>
  </si>
  <si>
    <t>19-Aug-09</t>
  </si>
  <si>
    <t>LAU NOK HIM ISAAC</t>
  </si>
  <si>
    <t>劉晉濤</t>
  </si>
  <si>
    <t>14843155</t>
  </si>
  <si>
    <t>12608041</t>
  </si>
  <si>
    <t>02-Mar-09</t>
  </si>
  <si>
    <t>LAU, CHON TOU</t>
  </si>
  <si>
    <t>李嘉熙</t>
  </si>
  <si>
    <t>14837934</t>
  </si>
  <si>
    <t>12608068</t>
  </si>
  <si>
    <t>03-Mar-09</t>
  </si>
  <si>
    <t>LEI, KA HEI</t>
  </si>
  <si>
    <t>李健晴</t>
  </si>
  <si>
    <t>14831739</t>
  </si>
  <si>
    <t>12607495</t>
  </si>
  <si>
    <t>LEI, KIN CHENG</t>
  </si>
  <si>
    <t>梁卓軒</t>
  </si>
  <si>
    <t>15051071</t>
  </si>
  <si>
    <t>12608270</t>
  </si>
  <si>
    <t>12-Dec-09</t>
  </si>
  <si>
    <t xml:space="preserve">LEONG, CHEOK HIN_x000D_
</t>
  </si>
  <si>
    <t>梁善瑜</t>
  </si>
  <si>
    <t>14866057</t>
  </si>
  <si>
    <t>12607746</t>
  </si>
  <si>
    <t>27-Feb-09</t>
  </si>
  <si>
    <t>LEONG, SIN U</t>
  </si>
  <si>
    <t>梁韻妙</t>
  </si>
  <si>
    <t>15011802</t>
  </si>
  <si>
    <t>12608661</t>
  </si>
  <si>
    <t>24-Aug-09</t>
  </si>
  <si>
    <t xml:space="preserve">LEUNG WAN MIU KYLIE_x000D_
</t>
  </si>
  <si>
    <t>李俊軒</t>
  </si>
  <si>
    <t>14979249</t>
  </si>
  <si>
    <t>12607762</t>
  </si>
  <si>
    <t>02-Oct-09</t>
  </si>
  <si>
    <t>LI, CHON HIN</t>
  </si>
  <si>
    <t>吳思迪</t>
  </si>
  <si>
    <t>14982870</t>
  </si>
  <si>
    <t>1260755X</t>
  </si>
  <si>
    <t>09-Sep-09</t>
  </si>
  <si>
    <t>NG, SI TEK</t>
  </si>
  <si>
    <t>司徒凱茵</t>
  </si>
  <si>
    <t>14855399</t>
  </si>
  <si>
    <t>1200684X</t>
  </si>
  <si>
    <t>06-Mar-09</t>
  </si>
  <si>
    <t>SI TOU, HOI IAN</t>
  </si>
  <si>
    <t>冼浩迅</t>
  </si>
  <si>
    <t>14872386</t>
  </si>
  <si>
    <t>12607045</t>
  </si>
  <si>
    <t>20-Apr-09</t>
  </si>
  <si>
    <t>SIN HOU SON</t>
  </si>
  <si>
    <t>孫銘堅</t>
  </si>
  <si>
    <t>14868491</t>
  </si>
  <si>
    <t>12608378</t>
  </si>
  <si>
    <t>16-Apr-09</t>
  </si>
  <si>
    <t>SUN, MENG KIN</t>
  </si>
  <si>
    <t>余梓謙</t>
  </si>
  <si>
    <t>14894018</t>
  </si>
  <si>
    <t>12607584</t>
  </si>
  <si>
    <t>01-May-09</t>
  </si>
  <si>
    <t>U, CHI HIM</t>
  </si>
  <si>
    <t>黃美妮</t>
  </si>
  <si>
    <t>14813869</t>
  </si>
  <si>
    <t>12608130</t>
  </si>
  <si>
    <t>30-Dec-08</t>
  </si>
  <si>
    <t>VONG, MEI NEI</t>
  </si>
  <si>
    <t>王綽賢</t>
  </si>
  <si>
    <t>14839443</t>
  </si>
  <si>
    <t>1260660X</t>
  </si>
  <si>
    <t>02-Feb-09</t>
  </si>
  <si>
    <t>WONG CHEOK IN</t>
  </si>
  <si>
    <t>黃梓君</t>
  </si>
  <si>
    <t>14744015</t>
  </si>
  <si>
    <t>11625155</t>
  </si>
  <si>
    <t>03-Oct-08</t>
  </si>
  <si>
    <t>WONG, CHI KUAN</t>
  </si>
  <si>
    <t>楊思嘉</t>
  </si>
  <si>
    <t xml:space="preserve"> 36</t>
  </si>
  <si>
    <t>14970586</t>
  </si>
  <si>
    <t>12648272</t>
  </si>
  <si>
    <t>06-Sep-09</t>
  </si>
  <si>
    <t>YANG SI KA</t>
  </si>
  <si>
    <t>余慧</t>
  </si>
  <si>
    <t xml:space="preserve"> 37</t>
  </si>
  <si>
    <t>14954390</t>
  </si>
  <si>
    <t>1860076X</t>
  </si>
  <si>
    <t>27-Aug-09</t>
  </si>
  <si>
    <t>YU WAI</t>
  </si>
  <si>
    <t xml:space="preserve"> 38</t>
  </si>
  <si>
    <t>14910343</t>
  </si>
  <si>
    <t>12608424</t>
  </si>
  <si>
    <t>13-Jun-09</t>
  </si>
  <si>
    <t>ZHOU, IN HEI CRYSTAL</t>
  </si>
  <si>
    <t>陳啟威</t>
  </si>
  <si>
    <t>14995757</t>
  </si>
  <si>
    <t>12607894</t>
  </si>
  <si>
    <t>02-Sep-09</t>
  </si>
  <si>
    <t>CHAN, KAI WAI</t>
  </si>
  <si>
    <t>鄭康晴</t>
  </si>
  <si>
    <t>14910582</t>
  </si>
  <si>
    <t>12608491</t>
  </si>
  <si>
    <t>02-Jun-09</t>
  </si>
  <si>
    <t>CHEANG, HONG CHENG</t>
  </si>
  <si>
    <t>陳彥文</t>
  </si>
  <si>
    <t>15656614</t>
  </si>
  <si>
    <t>1400092X</t>
  </si>
  <si>
    <t>22-Nov-08</t>
  </si>
  <si>
    <t>CHEN YIN MAN</t>
  </si>
  <si>
    <t>張珮琪</t>
  </si>
  <si>
    <t>15054638</t>
  </si>
  <si>
    <t>12611956</t>
  </si>
  <si>
    <t>29-Dec-09</t>
  </si>
  <si>
    <t>CHEUNG PUI KEI</t>
  </si>
  <si>
    <t>趙濼羽</t>
  </si>
  <si>
    <t>15371552</t>
  </si>
  <si>
    <t>12604860</t>
  </si>
  <si>
    <t>30-Jun-09</t>
  </si>
  <si>
    <t>CHIO LOK U</t>
  </si>
  <si>
    <t>蔡凱琳</t>
  </si>
  <si>
    <t>15042583</t>
  </si>
  <si>
    <t>12608521</t>
  </si>
  <si>
    <t>13-Dec-09</t>
  </si>
  <si>
    <t>CHOI, HOI LAM KAYLEE</t>
  </si>
  <si>
    <t>周柏晴</t>
  </si>
  <si>
    <t>14866826</t>
  </si>
  <si>
    <t>12608181</t>
  </si>
  <si>
    <t>09-Mar-09</t>
  </si>
  <si>
    <t>CHOW, PAK CHENG</t>
  </si>
  <si>
    <t>馮柏軒</t>
  </si>
  <si>
    <t>15043912</t>
  </si>
  <si>
    <t>12607401</t>
  </si>
  <si>
    <t>FONG, PAK HIN</t>
  </si>
  <si>
    <t>何祐藍</t>
  </si>
  <si>
    <t>14890677</t>
  </si>
  <si>
    <t>12633895</t>
  </si>
  <si>
    <t>04-May-09</t>
  </si>
  <si>
    <t>HO, IAO LAM</t>
  </si>
  <si>
    <t>何心怡</t>
  </si>
  <si>
    <t>14969257</t>
  </si>
  <si>
    <t>1260741X</t>
  </si>
  <si>
    <t>10-Aug-09</t>
  </si>
  <si>
    <t>HO, SAM I</t>
  </si>
  <si>
    <t>黃子燁</t>
  </si>
  <si>
    <t>14832281</t>
  </si>
  <si>
    <t>1260819X</t>
  </si>
  <si>
    <t>09-Feb-09</t>
  </si>
  <si>
    <t>HUANG, CHI IP</t>
  </si>
  <si>
    <t>禤家齊</t>
  </si>
  <si>
    <t>15004369</t>
  </si>
  <si>
    <t>12634069</t>
  </si>
  <si>
    <t>25-Oct-09</t>
  </si>
  <si>
    <t>HUN, KA CHAI</t>
  </si>
  <si>
    <t>楊雪瑩</t>
  </si>
  <si>
    <t>14984843</t>
  </si>
  <si>
    <t>12607673</t>
  </si>
  <si>
    <t>19-Sep-09</t>
  </si>
  <si>
    <t>IEONG, SUT IENG</t>
  </si>
  <si>
    <t>高文澤</t>
  </si>
  <si>
    <t>14795942</t>
  </si>
  <si>
    <t>11001798</t>
  </si>
  <si>
    <t>11-Dec-08</t>
  </si>
  <si>
    <t>KOU, MAN CHAK</t>
  </si>
  <si>
    <t>古芷欣</t>
  </si>
  <si>
    <t>15058589</t>
  </si>
  <si>
    <t>12611867</t>
  </si>
  <si>
    <t>18-Dec-09</t>
  </si>
  <si>
    <t>KU, CHI IAN</t>
  </si>
  <si>
    <t>林芷瑩</t>
  </si>
  <si>
    <t>14973697</t>
  </si>
  <si>
    <t>12607029</t>
  </si>
  <si>
    <t>23-Aug-09</t>
  </si>
  <si>
    <t>LAM CHI IENG</t>
  </si>
  <si>
    <t>蘇梓淇</t>
  </si>
  <si>
    <t>14950216</t>
  </si>
  <si>
    <t>12607460</t>
  </si>
  <si>
    <t>06-Jul-09</t>
  </si>
  <si>
    <t>LAM DE SOUZA, ESMERALDA</t>
  </si>
  <si>
    <t>林傳淇</t>
  </si>
  <si>
    <t>15043169</t>
  </si>
  <si>
    <t>12608610</t>
  </si>
  <si>
    <t>27-Oct-09</t>
  </si>
  <si>
    <t>LAM, JEFFREY</t>
  </si>
  <si>
    <t>劉紫頤</t>
  </si>
  <si>
    <t>14839062</t>
  </si>
  <si>
    <t>12634034</t>
  </si>
  <si>
    <t>01-Mar-09</t>
  </si>
  <si>
    <t>LAO CHI I</t>
  </si>
  <si>
    <t>劉靜</t>
  </si>
  <si>
    <t>14930069</t>
  </si>
  <si>
    <t>12608033</t>
  </si>
  <si>
    <t>09-Jul-09</t>
  </si>
  <si>
    <t xml:space="preserve">LAO, CHENG_x000D_
</t>
  </si>
  <si>
    <t>劉彥樂</t>
  </si>
  <si>
    <t>14930564</t>
  </si>
  <si>
    <t>12608246</t>
  </si>
  <si>
    <t>22-Jun-09</t>
  </si>
  <si>
    <t>LAO, IN LOK</t>
  </si>
  <si>
    <t>梁依喬</t>
  </si>
  <si>
    <t>14715882</t>
  </si>
  <si>
    <t>11625708</t>
  </si>
  <si>
    <t>25-Jul-08</t>
  </si>
  <si>
    <t>LEONG, I KIO</t>
  </si>
  <si>
    <t>梁日熙</t>
  </si>
  <si>
    <t>14867139</t>
  </si>
  <si>
    <t>12608653</t>
  </si>
  <si>
    <t>11-Apr-09</t>
  </si>
  <si>
    <t>LEONG, IAT HEI</t>
  </si>
  <si>
    <t>梁兆鈿</t>
  </si>
  <si>
    <t>14890024</t>
  </si>
  <si>
    <t>12608084</t>
  </si>
  <si>
    <t>07-May-09</t>
  </si>
  <si>
    <t>LEONG, SIO TIN</t>
  </si>
  <si>
    <t>梁詠芝</t>
  </si>
  <si>
    <t>14672125</t>
  </si>
  <si>
    <t>11651601</t>
  </si>
  <si>
    <t>16-Jun-08</t>
  </si>
  <si>
    <t>LEONG, WENG CHI</t>
  </si>
  <si>
    <t>李梓灝</t>
  </si>
  <si>
    <t>14846786</t>
  </si>
  <si>
    <t>12607754</t>
  </si>
  <si>
    <t>LI, CHI HOU</t>
  </si>
  <si>
    <t>林若昕</t>
  </si>
  <si>
    <t>16623563</t>
  </si>
  <si>
    <t>18000037</t>
  </si>
  <si>
    <t>23-Jan-08</t>
  </si>
  <si>
    <t>LIN RUOXIN</t>
  </si>
  <si>
    <t>雷穎翹</t>
  </si>
  <si>
    <t>14890941</t>
  </si>
  <si>
    <t>12608319</t>
  </si>
  <si>
    <t>30-May-09</t>
  </si>
  <si>
    <t>LOI, WENG KIO</t>
  </si>
  <si>
    <t>繆碧琳</t>
  </si>
  <si>
    <t>15066004</t>
  </si>
  <si>
    <t>12016721</t>
  </si>
  <si>
    <t>24-Dec-09</t>
  </si>
  <si>
    <t>MIU PEK LAM</t>
  </si>
  <si>
    <t>吳梓軒</t>
  </si>
  <si>
    <t>15023930</t>
  </si>
  <si>
    <t>1260870X</t>
  </si>
  <si>
    <t>31-Aug-09</t>
  </si>
  <si>
    <t>NG, CHI HIN</t>
  </si>
  <si>
    <t>吳家宜</t>
  </si>
  <si>
    <t>14796346</t>
  </si>
  <si>
    <t>11632585</t>
  </si>
  <si>
    <t>28-Dec-08</t>
  </si>
  <si>
    <t>NG, KA I</t>
  </si>
  <si>
    <t>吳穎心</t>
  </si>
  <si>
    <t>15045008</t>
  </si>
  <si>
    <t>12607800</t>
  </si>
  <si>
    <t>30-Nov-09</t>
  </si>
  <si>
    <t>NG, WENG SAM</t>
  </si>
  <si>
    <t>施安喬</t>
  </si>
  <si>
    <t xml:space="preserve">  33</t>
  </si>
  <si>
    <t>14838759</t>
  </si>
  <si>
    <t>12001767</t>
  </si>
  <si>
    <t>18-Mar-09</t>
  </si>
  <si>
    <t>SI ON KIO</t>
  </si>
  <si>
    <t>譚皓天</t>
  </si>
  <si>
    <t xml:space="preserve">  34</t>
  </si>
  <si>
    <t>14829717</t>
  </si>
  <si>
    <t>12608386</t>
  </si>
  <si>
    <t>31-Jan-09</t>
  </si>
  <si>
    <t>TAM, HOU TIN</t>
  </si>
  <si>
    <t>陶亦言</t>
  </si>
  <si>
    <t xml:space="preserve">  35</t>
  </si>
  <si>
    <t>15014863</t>
  </si>
  <si>
    <t>12009644</t>
  </si>
  <si>
    <t>06-Nov-09</t>
  </si>
  <si>
    <t>TOU IEK IN</t>
  </si>
  <si>
    <t>謝偉誠</t>
  </si>
  <si>
    <t xml:space="preserve">  36</t>
  </si>
  <si>
    <t>14834725</t>
  </si>
  <si>
    <t>12607835</t>
  </si>
  <si>
    <t>TSE, WAI SENG</t>
  </si>
  <si>
    <t xml:space="preserve">  37</t>
  </si>
  <si>
    <t>15032014</t>
  </si>
  <si>
    <t>1201561X</t>
  </si>
  <si>
    <t>23-Nov-09</t>
  </si>
  <si>
    <t>歐梓俊</t>
  </si>
  <si>
    <t>15035819</t>
  </si>
  <si>
    <t>12608440</t>
  </si>
  <si>
    <t>01-Nov-09</t>
  </si>
  <si>
    <t>AGUEDAN, JAYDEN</t>
  </si>
  <si>
    <t>陳逸君</t>
  </si>
  <si>
    <t>14817373</t>
  </si>
  <si>
    <t>12608467</t>
  </si>
  <si>
    <t>25-Jan-09</t>
  </si>
  <si>
    <t>CHAN, IAT KUAN</t>
  </si>
  <si>
    <t>陳諺俐</t>
  </si>
  <si>
    <t>14910046</t>
  </si>
  <si>
    <t>12010278</t>
  </si>
  <si>
    <t>22-Apr-09</t>
  </si>
  <si>
    <t>CHAN, IN LEI</t>
  </si>
  <si>
    <t>陳勁豪</t>
  </si>
  <si>
    <t>14889166</t>
  </si>
  <si>
    <t>12607908</t>
  </si>
  <si>
    <t>23-Apr-09</t>
  </si>
  <si>
    <t>CHAN, KENG HOU</t>
  </si>
  <si>
    <t>陳柏然</t>
  </si>
  <si>
    <t>15023674</t>
  </si>
  <si>
    <t>12608173</t>
  </si>
  <si>
    <t>19-Nov-09</t>
  </si>
  <si>
    <t>CHAN, PAK IN</t>
  </si>
  <si>
    <t>謝承軒</t>
  </si>
  <si>
    <t>14822647</t>
  </si>
  <si>
    <t>12608483</t>
  </si>
  <si>
    <t>15-Jan-09</t>
  </si>
  <si>
    <t>CHE, SENG HIN</t>
  </si>
  <si>
    <t>鄭凱澄</t>
  </si>
  <si>
    <t>14824734</t>
  </si>
  <si>
    <t>12607940</t>
  </si>
  <si>
    <t>CHEANG, HOI CHENG</t>
  </si>
  <si>
    <t>張浩澄</t>
  </si>
  <si>
    <t>15037088</t>
  </si>
  <si>
    <t>12007269</t>
  </si>
  <si>
    <t>08-Aug-09</t>
  </si>
  <si>
    <t>CHEONG HOU CHENG</t>
  </si>
  <si>
    <t>趙愷琦</t>
  </si>
  <si>
    <t>14965594</t>
  </si>
  <si>
    <t>12607363</t>
  </si>
  <si>
    <t>20-Jun-09</t>
  </si>
  <si>
    <t xml:space="preserve">CHIO, HOI KEI_x000D_
</t>
  </si>
  <si>
    <t>趙卓言</t>
  </si>
  <si>
    <t>15029085</t>
  </si>
  <si>
    <t>12608920</t>
  </si>
  <si>
    <t>CHIU LUCIO MARCELINO</t>
  </si>
  <si>
    <t>莊皓揚</t>
  </si>
  <si>
    <t>15074719</t>
  </si>
  <si>
    <t>12634085</t>
  </si>
  <si>
    <t>07-Dec-09</t>
  </si>
  <si>
    <t>CHONG HOU IEONG</t>
  </si>
  <si>
    <t>何康僑</t>
  </si>
  <si>
    <t>14953129</t>
  </si>
  <si>
    <t>12607665</t>
  </si>
  <si>
    <t>HO, HONG KIO</t>
  </si>
  <si>
    <t>何穎琳</t>
  </si>
  <si>
    <t>15060635</t>
  </si>
  <si>
    <t>12608564</t>
  </si>
  <si>
    <t>30-Dec-09</t>
  </si>
  <si>
    <t>HO, WENG LAM</t>
  </si>
  <si>
    <t>許貝澄</t>
  </si>
  <si>
    <t>14912463</t>
  </si>
  <si>
    <t>12007803</t>
  </si>
  <si>
    <t>20-May-09</t>
  </si>
  <si>
    <t>HOI PUI CHENG</t>
  </si>
  <si>
    <t>高韋樂</t>
  </si>
  <si>
    <t>14912299</t>
  </si>
  <si>
    <t>12607444</t>
  </si>
  <si>
    <t>31-May-09</t>
  </si>
  <si>
    <t>KO, WAI LOK</t>
  </si>
  <si>
    <t>江羽翹</t>
  </si>
  <si>
    <t>15058530</t>
  </si>
  <si>
    <t>12608211</t>
  </si>
  <si>
    <t>26-Dec-09</t>
  </si>
  <si>
    <t>KONG, U KIO</t>
  </si>
  <si>
    <t>郭正橦</t>
  </si>
  <si>
    <t>14973556</t>
  </si>
  <si>
    <t>12614661</t>
  </si>
  <si>
    <t>12-Jun-09</t>
  </si>
  <si>
    <t>KUOK ANGIE</t>
  </si>
  <si>
    <t>郭敏希</t>
  </si>
  <si>
    <t>14905905</t>
  </si>
  <si>
    <t>12007293</t>
  </si>
  <si>
    <t>29-May-09</t>
  </si>
  <si>
    <t>KWOK MAN HEI</t>
  </si>
  <si>
    <t>黎政霖</t>
  </si>
  <si>
    <t>14590004</t>
  </si>
  <si>
    <t>11625007</t>
  </si>
  <si>
    <t>16-Feb-08</t>
  </si>
  <si>
    <t>LAI, CHENG LAM</t>
  </si>
  <si>
    <t>林灝朗</t>
  </si>
  <si>
    <t>14891204</t>
  </si>
  <si>
    <t>12607479</t>
  </si>
  <si>
    <t>11-Mar-09</t>
  </si>
  <si>
    <t>LAM, HO LONG</t>
  </si>
  <si>
    <t>林錦聰</t>
  </si>
  <si>
    <t>14902530</t>
  </si>
  <si>
    <t>12608629</t>
  </si>
  <si>
    <t>11-May-09</t>
  </si>
  <si>
    <t>LAM, KAM CHONG</t>
  </si>
  <si>
    <t>劉祉灝</t>
  </si>
  <si>
    <t>14839336</t>
  </si>
  <si>
    <t>12634026</t>
  </si>
  <si>
    <t>LAO CHI HOU</t>
  </si>
  <si>
    <t>李俊曄</t>
  </si>
  <si>
    <t>15014814</t>
  </si>
  <si>
    <t>12633704</t>
  </si>
  <si>
    <t>15-Oct-09</t>
  </si>
  <si>
    <t>LEI CHON IP</t>
  </si>
  <si>
    <t>梁靖雯</t>
  </si>
  <si>
    <t>14992622</t>
  </si>
  <si>
    <t>12607738</t>
  </si>
  <si>
    <t>22-Oct-09</t>
  </si>
  <si>
    <t>LEONG, CHENG MAN</t>
  </si>
  <si>
    <t>梁柏軒</t>
  </si>
  <si>
    <t>14781868</t>
  </si>
  <si>
    <t>12608297</t>
  </si>
  <si>
    <t>03-Dec-08</t>
  </si>
  <si>
    <t>LEONG, PAK HIN</t>
  </si>
  <si>
    <t>羅泳茵</t>
  </si>
  <si>
    <t>14903074</t>
  </si>
  <si>
    <t>12006742</t>
  </si>
  <si>
    <t>18-Jun-09</t>
  </si>
  <si>
    <t>LUO WENG IAN</t>
  </si>
  <si>
    <t>麥梓俊</t>
  </si>
  <si>
    <t>15041221</t>
  </si>
  <si>
    <t>12607541</t>
  </si>
  <si>
    <t>MAK, CHI CHON</t>
  </si>
  <si>
    <t>麥曉晴</t>
  </si>
  <si>
    <t>14816367</t>
  </si>
  <si>
    <t>12608696</t>
  </si>
  <si>
    <t>04-Jan-09</t>
  </si>
  <si>
    <t>MAK, HIO CHENG</t>
  </si>
  <si>
    <t>麥珈嘉</t>
  </si>
  <si>
    <t>14580534</t>
  </si>
  <si>
    <t>11625864</t>
  </si>
  <si>
    <t>02-Jan-08</t>
  </si>
  <si>
    <t>MAK, KA KA</t>
  </si>
  <si>
    <t>吳希桐</t>
  </si>
  <si>
    <t>15038466</t>
  </si>
  <si>
    <t>12608092</t>
  </si>
  <si>
    <t>09-Dec-09</t>
  </si>
  <si>
    <t>NG, HEI TONG</t>
  </si>
  <si>
    <t>吳嘉怡</t>
  </si>
  <si>
    <t>14802185</t>
  </si>
  <si>
    <t>12608327</t>
  </si>
  <si>
    <t>10-Jan-09</t>
  </si>
  <si>
    <t>司徒逸豐</t>
  </si>
  <si>
    <t>14855449</t>
  </si>
  <si>
    <t>12007196</t>
  </si>
  <si>
    <t>28-Mar-09</t>
  </si>
  <si>
    <t>SI TOU IAT FONG</t>
  </si>
  <si>
    <t>15063266</t>
  </si>
  <si>
    <t>12607819</t>
  </si>
  <si>
    <t>SIN, CHEOK IENG</t>
  </si>
  <si>
    <t>謝安琪</t>
  </si>
  <si>
    <t>14887020</t>
  </si>
  <si>
    <t>12000892</t>
  </si>
  <si>
    <t>14-May-09</t>
  </si>
  <si>
    <t>TSE ON KEI</t>
  </si>
  <si>
    <t>14769566</t>
  </si>
  <si>
    <t>11632593</t>
  </si>
  <si>
    <t>09-Nov-08</t>
  </si>
  <si>
    <t>UNG, CHI CHENG</t>
  </si>
  <si>
    <t>黃子貴</t>
  </si>
  <si>
    <t>14871933</t>
  </si>
  <si>
    <t>1260786X</t>
  </si>
  <si>
    <t>WONG, CHI KUAI</t>
  </si>
  <si>
    <t>黃浚然</t>
  </si>
  <si>
    <t>14955488</t>
  </si>
  <si>
    <t>12608726</t>
  </si>
  <si>
    <t>31-Mar-09</t>
  </si>
  <si>
    <t>14740427</t>
  </si>
  <si>
    <t>17579023</t>
  </si>
  <si>
    <t>10-Oct-08</t>
  </si>
  <si>
    <t>XIAO SUN UT</t>
  </si>
  <si>
    <t>施汝霏</t>
  </si>
  <si>
    <t>14751721</t>
  </si>
  <si>
    <t>11625449</t>
  </si>
  <si>
    <t>15-Oct-08</t>
  </si>
  <si>
    <t>BATALHA DA SILVA DE SOUSA, CLAUDIA</t>
  </si>
  <si>
    <t>陳俊現</t>
  </si>
  <si>
    <t>14922488</t>
  </si>
  <si>
    <t>12608459</t>
  </si>
  <si>
    <t>07-Jun-09</t>
  </si>
  <si>
    <t>CHAN, CHON IN</t>
  </si>
  <si>
    <t>陳栢森</t>
  </si>
  <si>
    <t>15041312</t>
  </si>
  <si>
    <t>12607347</t>
  </si>
  <si>
    <t>08-Nov-09</t>
  </si>
  <si>
    <t>CHAN, PAK SAM</t>
  </si>
  <si>
    <t>周芷如</t>
  </si>
  <si>
    <t>14795819</t>
  </si>
  <si>
    <t>12607932</t>
  </si>
  <si>
    <t>25-Nov-08</t>
  </si>
  <si>
    <t>CHAO, CHI U</t>
  </si>
  <si>
    <t>15028038</t>
  </si>
  <si>
    <t>12007374</t>
  </si>
  <si>
    <t>張曉悠</t>
  </si>
  <si>
    <t>14965719</t>
  </si>
  <si>
    <t>12633968</t>
  </si>
  <si>
    <t>17-Aug-09</t>
  </si>
  <si>
    <t>CHEONG, HIO IAO</t>
  </si>
  <si>
    <t>趙穎茹</t>
  </si>
  <si>
    <t>14946396</t>
  </si>
  <si>
    <t>12607630</t>
  </si>
  <si>
    <t>11-Jul-09</t>
  </si>
  <si>
    <t>CHIO, WENG U</t>
  </si>
  <si>
    <t>14820328</t>
  </si>
  <si>
    <t>12607371</t>
  </si>
  <si>
    <t>CHONG, CHI HIN</t>
  </si>
  <si>
    <t>朱梓謙</t>
  </si>
  <si>
    <t>14727507</t>
  </si>
  <si>
    <t>11625732</t>
  </si>
  <si>
    <t>20-Aug-08</t>
  </si>
  <si>
    <t>CHU, CHI HIM</t>
  </si>
  <si>
    <t>石嘉寶</t>
  </si>
  <si>
    <t>14827026</t>
  </si>
  <si>
    <t>12608548</t>
  </si>
  <si>
    <t>DA COSTA PEDRO, SORAIA BEBIANA</t>
  </si>
  <si>
    <t>15447451</t>
  </si>
  <si>
    <t>15577813</t>
  </si>
  <si>
    <t>03-Jul-09</t>
  </si>
  <si>
    <t>HUANG CHENGZI</t>
  </si>
  <si>
    <t>黃建銘</t>
  </si>
  <si>
    <t>14771737</t>
  </si>
  <si>
    <t>11633131</t>
  </si>
  <si>
    <t>19-Nov-08</t>
  </si>
  <si>
    <t>HUANG, KIN MENG</t>
  </si>
  <si>
    <t>游悅琪</t>
  </si>
  <si>
    <t>15030216</t>
  </si>
  <si>
    <t>12608580</t>
  </si>
  <si>
    <t>22-Sep-09</t>
  </si>
  <si>
    <t>IAO, UT KEI</t>
  </si>
  <si>
    <t>楊嵐</t>
  </si>
  <si>
    <t>14860886</t>
  </si>
  <si>
    <t>12607428</t>
  </si>
  <si>
    <t>23-Dec-08</t>
  </si>
  <si>
    <t>IEONG, LAM</t>
  </si>
  <si>
    <t>葉承憲</t>
  </si>
  <si>
    <t>15041015</t>
  </si>
  <si>
    <t>12016659</t>
  </si>
  <si>
    <t>IP SENG HIN</t>
  </si>
  <si>
    <t>葉梓恆</t>
  </si>
  <si>
    <t>14957559</t>
  </si>
  <si>
    <t>12608203</t>
  </si>
  <si>
    <t>IP, CHI HANG</t>
  </si>
  <si>
    <t>辜靖文</t>
  </si>
  <si>
    <t>15005184</t>
  </si>
  <si>
    <t>1260822X</t>
  </si>
  <si>
    <t>29-Sep-09</t>
  </si>
  <si>
    <t>KU, CHENG MAN</t>
  </si>
  <si>
    <t>關伊廷</t>
  </si>
  <si>
    <t>14951180</t>
  </si>
  <si>
    <t>12608238</t>
  </si>
  <si>
    <t>KUAN, I TENG</t>
  </si>
  <si>
    <t>黎逸軒</t>
  </si>
  <si>
    <t>14937395</t>
  </si>
  <si>
    <t>12608009</t>
  </si>
  <si>
    <t>LAI, IAT HIN</t>
  </si>
  <si>
    <t>林煒皓</t>
  </si>
  <si>
    <t>14639611</t>
  </si>
  <si>
    <t>11624876</t>
  </si>
  <si>
    <t>21-Apr-08</t>
  </si>
  <si>
    <t>LAM, WAI HOU</t>
  </si>
  <si>
    <t>李誠禧</t>
  </si>
  <si>
    <t>14941892</t>
  </si>
  <si>
    <t>12647470</t>
  </si>
  <si>
    <t>LEI SENG HEI</t>
  </si>
  <si>
    <t>李姵瑤</t>
  </si>
  <si>
    <t>15047293</t>
  </si>
  <si>
    <t>12608262</t>
  </si>
  <si>
    <t>LEI, PUI IO</t>
  </si>
  <si>
    <t>梁穎妍</t>
  </si>
  <si>
    <t>14842520</t>
  </si>
  <si>
    <t>12007056</t>
  </si>
  <si>
    <t>13-Mar-09</t>
  </si>
  <si>
    <t>LEONG WENG IN</t>
  </si>
  <si>
    <t>15093305</t>
  </si>
  <si>
    <t>1300123X</t>
  </si>
  <si>
    <t>04-Apr-09</t>
  </si>
  <si>
    <t>LI HAO CHENG</t>
  </si>
  <si>
    <t>廖沛言</t>
  </si>
  <si>
    <t>14904957</t>
  </si>
  <si>
    <t>12607525</t>
  </si>
  <si>
    <t>09-Apr-09</t>
  </si>
  <si>
    <t>LIO, PUI IN</t>
  </si>
  <si>
    <t>劉可瑩</t>
  </si>
  <si>
    <t>14730022</t>
  </si>
  <si>
    <t>11625341</t>
  </si>
  <si>
    <t>02-Oct-08</t>
  </si>
  <si>
    <t>LIU, HO IENG</t>
  </si>
  <si>
    <t>麥皓然</t>
  </si>
  <si>
    <t>14985170</t>
  </si>
  <si>
    <t>12007331</t>
  </si>
  <si>
    <t>15-Sep-09</t>
  </si>
  <si>
    <t>MAK HOU IN</t>
  </si>
  <si>
    <t>邵安迪</t>
  </si>
  <si>
    <t>14997464</t>
  </si>
  <si>
    <t>12611905</t>
  </si>
  <si>
    <t>29-Oct-09</t>
  </si>
  <si>
    <t>SHAO ON TEK</t>
  </si>
  <si>
    <t>蕭鎧沂</t>
  </si>
  <si>
    <t>15029473</t>
  </si>
  <si>
    <t>12631892</t>
  </si>
  <si>
    <t>SIU HOI I</t>
  </si>
  <si>
    <t>蕭希池</t>
  </si>
  <si>
    <t>15047186</t>
  </si>
  <si>
    <t>12608718</t>
  </si>
  <si>
    <t>12-Oct-09</t>
  </si>
  <si>
    <t>SIU, HEI CHI</t>
  </si>
  <si>
    <t>蘇珈賢</t>
  </si>
  <si>
    <t>15051212</t>
  </si>
  <si>
    <t>12015490</t>
  </si>
  <si>
    <t>SO, KA IN</t>
  </si>
  <si>
    <t>14920508</t>
  </si>
  <si>
    <t>12607827</t>
  </si>
  <si>
    <t>TAM QUINTAL CHAN, CARLOS</t>
  </si>
  <si>
    <t>唐穎瑜</t>
  </si>
  <si>
    <t>14992267</t>
  </si>
  <si>
    <t>12608114</t>
  </si>
  <si>
    <t>07-Oct-09</t>
  </si>
  <si>
    <t>TONG, WENG U</t>
  </si>
  <si>
    <t>黃子玉</t>
  </si>
  <si>
    <t>14871842</t>
  </si>
  <si>
    <t>12607606</t>
  </si>
  <si>
    <t>WONG, CHI IOK</t>
  </si>
  <si>
    <t>謝思雨</t>
  </si>
  <si>
    <t>14807135</t>
  </si>
  <si>
    <t>12607878</t>
  </si>
  <si>
    <t>13-Jan-09</t>
  </si>
  <si>
    <t>XIE, SI U</t>
  </si>
  <si>
    <t>楊曜誠</t>
  </si>
  <si>
    <t>15343551</t>
  </si>
  <si>
    <t>12007099</t>
  </si>
  <si>
    <t>30-Jul-09</t>
  </si>
  <si>
    <t>YANG YIU SHING</t>
  </si>
  <si>
    <t>周定權</t>
  </si>
  <si>
    <t>14894810</t>
  </si>
  <si>
    <t>12608432</t>
  </si>
  <si>
    <t>25-May-09</t>
  </si>
  <si>
    <t>ZHOU, TENG KUN</t>
  </si>
  <si>
    <t>歐陽貝嘉</t>
  </si>
  <si>
    <t>S2</t>
  </si>
  <si>
    <t>14845499</t>
  </si>
  <si>
    <t>19598106</t>
  </si>
  <si>
    <t>17-Jan-07</t>
  </si>
  <si>
    <t>AO IEONG PUI KA</t>
  </si>
  <si>
    <t>陳欣盈</t>
  </si>
  <si>
    <t>14761910</t>
  </si>
  <si>
    <t>11001690</t>
  </si>
  <si>
    <t>09-Jul-08</t>
  </si>
  <si>
    <t>CHAN, IAN IENG</t>
  </si>
  <si>
    <t>陳韋行</t>
  </si>
  <si>
    <t>14760615</t>
  </si>
  <si>
    <t>11625171</t>
  </si>
  <si>
    <t>23-Oct-08</t>
  </si>
  <si>
    <t>CHAN, WAI HANG</t>
  </si>
  <si>
    <t>周鎧姸</t>
    <phoneticPr fontId="3" type="noConversion"/>
  </si>
  <si>
    <t>14805477</t>
  </si>
  <si>
    <t>12612251</t>
  </si>
  <si>
    <t>CHAO HOI IN</t>
  </si>
  <si>
    <t>周宬鋕</t>
  </si>
  <si>
    <t>14572911</t>
  </si>
  <si>
    <t>11624701</t>
  </si>
  <si>
    <t>11-Dec-07</t>
  </si>
  <si>
    <t>CHAO, SENG CHI</t>
  </si>
  <si>
    <t>鄒樂悠</t>
  </si>
  <si>
    <t>14674550</t>
  </si>
  <si>
    <t>1162471X</t>
  </si>
  <si>
    <t>14-Jun-08</t>
  </si>
  <si>
    <t xml:space="preserve">CHAU, LOK IAO_x000D_
</t>
  </si>
  <si>
    <t>14736839</t>
  </si>
  <si>
    <t>11624922</t>
  </si>
  <si>
    <t>15-Sep-08</t>
  </si>
  <si>
    <t xml:space="preserve">CHE, SI FAN_x000D_
</t>
  </si>
  <si>
    <t>鄭鈞寶</t>
  </si>
  <si>
    <t>14648224</t>
  </si>
  <si>
    <t>11625198</t>
  </si>
  <si>
    <t>18-Apr-08</t>
  </si>
  <si>
    <t>CHEANG, KUAN POU</t>
  </si>
  <si>
    <t>陳君皓</t>
  </si>
  <si>
    <t>14670145</t>
  </si>
  <si>
    <t>11624736</t>
  </si>
  <si>
    <t>24-May-08</t>
  </si>
  <si>
    <t>CHEN, KUAN HOU</t>
  </si>
  <si>
    <t>14548226</t>
  </si>
  <si>
    <t>10025723</t>
  </si>
  <si>
    <t>07-Nov-07</t>
  </si>
  <si>
    <t>CHIO, PAK KIO</t>
  </si>
  <si>
    <t>徐煒竣</t>
  </si>
  <si>
    <t>14584486</t>
  </si>
  <si>
    <t>11624760</t>
  </si>
  <si>
    <t>05-Jan-08</t>
  </si>
  <si>
    <t>CHOI, WAI CHON</t>
  </si>
  <si>
    <t>朱芷晴</t>
  </si>
  <si>
    <t>14619530</t>
  </si>
  <si>
    <t>11625511</t>
  </si>
  <si>
    <t>09-Mar-08</t>
  </si>
  <si>
    <t>CHU, CHI CHENG</t>
  </si>
  <si>
    <t>鍾軒平</t>
  </si>
  <si>
    <t>14610844</t>
  </si>
  <si>
    <t>1162552X</t>
  </si>
  <si>
    <t>01-Apr-08</t>
  </si>
  <si>
    <t>CHUNG, HIN PENG LEVI</t>
  </si>
  <si>
    <t>馮子桐</t>
  </si>
  <si>
    <t>15074438</t>
  </si>
  <si>
    <t>10007083</t>
  </si>
  <si>
    <t>11-Apr-07</t>
  </si>
  <si>
    <t>FONG, TSZ TUNG</t>
  </si>
  <si>
    <t>何其聰</t>
  </si>
  <si>
    <t>14694699</t>
  </si>
  <si>
    <t>13017152</t>
  </si>
  <si>
    <t>HO KEI CHONG</t>
  </si>
  <si>
    <t>何穎瑜</t>
  </si>
  <si>
    <t>14625255</t>
  </si>
  <si>
    <t>11624795</t>
  </si>
  <si>
    <t>01-Mar-08</t>
  </si>
  <si>
    <t>HO, MELISSA</t>
  </si>
  <si>
    <t>許善茹</t>
  </si>
  <si>
    <t>14901656</t>
  </si>
  <si>
    <t>11625228</t>
  </si>
  <si>
    <t>28-Jan-08</t>
  </si>
  <si>
    <t>HUI, SIN YU</t>
  </si>
  <si>
    <t>楊芷晴</t>
  </si>
  <si>
    <t>14672844</t>
  </si>
  <si>
    <t>11624965</t>
  </si>
  <si>
    <t>15-Jun-08</t>
  </si>
  <si>
    <t>IEONG, CHI CHENG</t>
  </si>
  <si>
    <t>姚舜方</t>
  </si>
  <si>
    <t>14793491</t>
  </si>
  <si>
    <t>11624833</t>
  </si>
  <si>
    <t>03-Nov-08</t>
  </si>
  <si>
    <t xml:space="preserve">IO, SON FONG_x000D_
</t>
  </si>
  <si>
    <t>甘晉逸</t>
  </si>
  <si>
    <t>14686489</t>
  </si>
  <si>
    <t>1162499X</t>
  </si>
  <si>
    <t>26-Jun-08</t>
  </si>
  <si>
    <t xml:space="preserve">KAM, CHON IAT_x000D_
</t>
  </si>
  <si>
    <t>郭栢翹</t>
  </si>
  <si>
    <t>14742183</t>
  </si>
  <si>
    <t>1162485X</t>
  </si>
  <si>
    <t>KOK, PAK KIO</t>
  </si>
  <si>
    <t>鄺天朗</t>
  </si>
  <si>
    <t>14686646</t>
  </si>
  <si>
    <t>11625570</t>
  </si>
  <si>
    <t>04-Jun-08</t>
  </si>
  <si>
    <t>KWONG, TIN LONG</t>
  </si>
  <si>
    <t>賴伊涵</t>
  </si>
  <si>
    <t>16490195</t>
  </si>
  <si>
    <t>17584914</t>
  </si>
  <si>
    <t>21-Mar-08</t>
  </si>
  <si>
    <t>LAI YIHAN</t>
  </si>
  <si>
    <t>林曉彤</t>
  </si>
  <si>
    <t>14767446</t>
  </si>
  <si>
    <t>11625244</t>
  </si>
  <si>
    <t>17-Oct-08</t>
  </si>
  <si>
    <t>LAM, HIO TONG</t>
  </si>
  <si>
    <t>李子翱</t>
  </si>
  <si>
    <t>14664379</t>
  </si>
  <si>
    <t>11625597</t>
  </si>
  <si>
    <t>09-Jun-08</t>
  </si>
  <si>
    <t>LEI, CHI NGOU</t>
  </si>
  <si>
    <t>李永聰</t>
  </si>
  <si>
    <t>14637375</t>
  </si>
  <si>
    <t>11625082</t>
  </si>
  <si>
    <t>23-Apr-08</t>
  </si>
  <si>
    <t>LEI, WENG CHONG</t>
  </si>
  <si>
    <t>梁穎軒</t>
  </si>
  <si>
    <t>14684187</t>
  </si>
  <si>
    <t>11621818</t>
  </si>
  <si>
    <t>15-Jul-08</t>
  </si>
  <si>
    <t>LEONG, WENG HIN</t>
  </si>
  <si>
    <t>梁家銘</t>
  </si>
  <si>
    <t>14729685</t>
  </si>
  <si>
    <t>11625074</t>
  </si>
  <si>
    <t>10-Sep-08</t>
  </si>
  <si>
    <t>LEUNG, KA MENG</t>
  </si>
  <si>
    <t>施凱錡</t>
  </si>
  <si>
    <t>14650790</t>
  </si>
  <si>
    <t>10614370</t>
  </si>
  <si>
    <t>04-Jul-07</t>
  </si>
  <si>
    <t>SI, HOI KEI</t>
  </si>
  <si>
    <t>蘇誠傑</t>
  </si>
  <si>
    <t>14576292</t>
  </si>
  <si>
    <t>10029451</t>
  </si>
  <si>
    <t>17-Nov-07</t>
  </si>
  <si>
    <t>SOU, SENG KIT</t>
  </si>
  <si>
    <t>唐正匡</t>
  </si>
  <si>
    <t>14731699</t>
  </si>
  <si>
    <t>11623292</t>
  </si>
  <si>
    <t>TONG CHENG HONG</t>
  </si>
  <si>
    <t>溫恩意</t>
    <phoneticPr fontId="3" type="noConversion"/>
  </si>
  <si>
    <t>15282163</t>
  </si>
  <si>
    <t>11013338</t>
  </si>
  <si>
    <t>04-Oct-08</t>
  </si>
  <si>
    <t>VOON KARMEN EN YI</t>
  </si>
  <si>
    <t>黃天欣</t>
  </si>
  <si>
    <t>14688832</t>
  </si>
  <si>
    <t>1162566X</t>
  </si>
  <si>
    <t>04-Feb-08</t>
  </si>
  <si>
    <t>WONG, TIN IAN</t>
  </si>
  <si>
    <t>黃泳軒</t>
  </si>
  <si>
    <t>14629315</t>
  </si>
  <si>
    <t>11625406</t>
  </si>
  <si>
    <t>19-Apr-08</t>
  </si>
  <si>
    <t>WONG, WENG HIN</t>
  </si>
  <si>
    <t>14712335</t>
  </si>
  <si>
    <t>11624914</t>
  </si>
  <si>
    <t>29-Aug-08</t>
  </si>
  <si>
    <t>YIN, HONG SAN</t>
  </si>
  <si>
    <t>朱欣</t>
  </si>
  <si>
    <t>15420516</t>
  </si>
  <si>
    <t>14564548</t>
  </si>
  <si>
    <t>25-Nov-07</t>
  </si>
  <si>
    <t>ZHU XIN</t>
  </si>
  <si>
    <t>陳捷</t>
  </si>
  <si>
    <t>15837479</t>
  </si>
  <si>
    <t>13019791</t>
  </si>
  <si>
    <t>14-Aug-08</t>
  </si>
  <si>
    <t>CHAN CHIT</t>
  </si>
  <si>
    <t>陳銘安</t>
  </si>
  <si>
    <t>14757504</t>
  </si>
  <si>
    <t>11625473</t>
  </si>
  <si>
    <t>12-Jul-08</t>
  </si>
  <si>
    <t>CHAN, MENG ON</t>
  </si>
  <si>
    <t>蔡沚霖</t>
  </si>
  <si>
    <t>14623094</t>
  </si>
  <si>
    <t>11624957</t>
  </si>
  <si>
    <t>16-Apr-08</t>
  </si>
  <si>
    <t>CHOI CHI LAM</t>
  </si>
  <si>
    <t>蔡逸熹</t>
  </si>
  <si>
    <t>14854988</t>
  </si>
  <si>
    <t>11011874</t>
  </si>
  <si>
    <t>11-Nov-08</t>
  </si>
  <si>
    <t>CHOI IAT HEI</t>
  </si>
  <si>
    <t>徐曦曈</t>
  </si>
  <si>
    <t>14743157</t>
  </si>
  <si>
    <t>11625503</t>
  </si>
  <si>
    <t>08-Sep-08</t>
  </si>
  <si>
    <t>CHOI, HEI TONG</t>
  </si>
  <si>
    <t>范子傑</t>
  </si>
  <si>
    <t>14578603</t>
  </si>
  <si>
    <t>11625740</t>
  </si>
  <si>
    <t>20-Jan-08</t>
  </si>
  <si>
    <t>FAN, CHI KIT</t>
  </si>
  <si>
    <t>何恩昊</t>
  </si>
  <si>
    <t>14759310</t>
  </si>
  <si>
    <t>11625953</t>
  </si>
  <si>
    <t>27-Sep-08</t>
  </si>
  <si>
    <t>HO, IAN HOU</t>
  </si>
  <si>
    <t>14648430</t>
  </si>
  <si>
    <t>1162521X</t>
  </si>
  <si>
    <t>20-May-08</t>
  </si>
  <si>
    <t>HOI, CHI LOK</t>
  </si>
  <si>
    <t>許凱琪</t>
  </si>
  <si>
    <t>14776884</t>
  </si>
  <si>
    <t>11624809</t>
  </si>
  <si>
    <t>01-Oct-08</t>
  </si>
  <si>
    <t>HOI, HOI KEI</t>
  </si>
  <si>
    <t>黃建宏</t>
  </si>
  <si>
    <t>14367569</t>
  </si>
  <si>
    <t>09004181</t>
  </si>
  <si>
    <t>02-Nov-06</t>
  </si>
  <si>
    <t>HUANG, KIN WANG</t>
  </si>
  <si>
    <t>楊俊希</t>
  </si>
  <si>
    <t>14672828</t>
  </si>
  <si>
    <t>11624825</t>
  </si>
  <si>
    <t>IEONG, CHON HEI</t>
  </si>
  <si>
    <t>葉沛妍</t>
  </si>
  <si>
    <t>14580526</t>
  </si>
  <si>
    <t>10613765</t>
  </si>
  <si>
    <t>12-Aug-07</t>
  </si>
  <si>
    <t>IP, PUI IN</t>
  </si>
  <si>
    <t>郭芷瑩</t>
  </si>
  <si>
    <t>14561278</t>
  </si>
  <si>
    <t>10627871</t>
  </si>
  <si>
    <t>06-Dec-07</t>
  </si>
  <si>
    <t>KUOK, CHI IENG</t>
  </si>
  <si>
    <t>林子嵐</t>
  </si>
  <si>
    <t>14639595</t>
  </si>
  <si>
    <t>11010940</t>
  </si>
  <si>
    <t>LAM CHI LAM</t>
  </si>
  <si>
    <t>林晉庭</t>
  </si>
  <si>
    <t>14569990</t>
  </si>
  <si>
    <t>10628223</t>
  </si>
  <si>
    <t>LAM, CHON TENG</t>
  </si>
  <si>
    <t>林穎妍</t>
  </si>
  <si>
    <t>14680250</t>
  </si>
  <si>
    <t>11625260</t>
  </si>
  <si>
    <t>07-Jul-08</t>
  </si>
  <si>
    <t>LAM, WENG IN</t>
  </si>
  <si>
    <t>劉珈妍</t>
  </si>
  <si>
    <t>14590442</t>
  </si>
  <si>
    <t>11625589</t>
  </si>
  <si>
    <t>03-Jan-08</t>
  </si>
  <si>
    <t>LAO, KA IN</t>
  </si>
  <si>
    <t>劉靜怡</t>
  </si>
  <si>
    <t>14755300</t>
  </si>
  <si>
    <t>11625287</t>
  </si>
  <si>
    <t>26-Oct-08</t>
  </si>
  <si>
    <t>LAU, CHENG I</t>
  </si>
  <si>
    <t>劉曉琳</t>
  </si>
  <si>
    <t>14657126</t>
  </si>
  <si>
    <t>11625031</t>
  </si>
  <si>
    <t>07-May-08</t>
  </si>
  <si>
    <t xml:space="preserve">LAU, HIO LAM_x000D_
</t>
  </si>
  <si>
    <t>李芯悠</t>
  </si>
  <si>
    <t>14751309</t>
  </si>
  <si>
    <t>11625317</t>
  </si>
  <si>
    <t>25-Sep-08</t>
  </si>
  <si>
    <t>LEI, SAM IAO</t>
  </si>
  <si>
    <t>凌立言</t>
  </si>
  <si>
    <t>14558910</t>
  </si>
  <si>
    <t>10012842</t>
  </si>
  <si>
    <t>LENG LAP IN</t>
  </si>
  <si>
    <t>梁子鋒</t>
  </si>
  <si>
    <t>14666457</t>
  </si>
  <si>
    <t>11625619</t>
  </si>
  <si>
    <t>14-Mar-08</t>
  </si>
  <si>
    <t>LEONG, CHI FUNG</t>
  </si>
  <si>
    <t>李卓楠</t>
  </si>
  <si>
    <t>S2000891</t>
  </si>
  <si>
    <t>11625848</t>
  </si>
  <si>
    <t>01-Feb-08</t>
  </si>
  <si>
    <t>LI, CHEUK NAM</t>
  </si>
  <si>
    <t>廖康怡</t>
  </si>
  <si>
    <t>14485791</t>
  </si>
  <si>
    <t>17001129</t>
  </si>
  <si>
    <t>10-Jul-07</t>
  </si>
  <si>
    <t>LIAO HONG I</t>
  </si>
  <si>
    <t>聶煒峻</t>
  </si>
  <si>
    <t>14602361</t>
  </si>
  <si>
    <t>11600438</t>
  </si>
  <si>
    <t>02-Feb-08</t>
  </si>
  <si>
    <t>NIP, WAI CHON</t>
  </si>
  <si>
    <t>潘俊熹</t>
  </si>
  <si>
    <t>14824619</t>
  </si>
  <si>
    <t>1162535X</t>
  </si>
  <si>
    <t>06-Oct-08</t>
  </si>
  <si>
    <t>PUN, CHON HEI</t>
  </si>
  <si>
    <t>潘心瑜</t>
  </si>
  <si>
    <t>14626816</t>
  </si>
  <si>
    <t>11625112</t>
  </si>
  <si>
    <t>22-Mar-08</t>
  </si>
  <si>
    <t>PUN, SAM U</t>
  </si>
  <si>
    <t>施世傑</t>
  </si>
  <si>
    <t>14617690</t>
  </si>
  <si>
    <t>11625899</t>
  </si>
  <si>
    <t>06-Apr-08</t>
  </si>
  <si>
    <t>SI, SAI KIT</t>
  </si>
  <si>
    <t>譚礎輝</t>
  </si>
  <si>
    <t>15086861</t>
  </si>
  <si>
    <t>12634107</t>
  </si>
  <si>
    <t>03-Dec-07</t>
  </si>
  <si>
    <t>TAN, CHOR FAI JIMMY</t>
  </si>
  <si>
    <t>金莎</t>
  </si>
  <si>
    <t>14703433</t>
  </si>
  <si>
    <t>11625147</t>
  </si>
  <si>
    <t>26-Jul-08</t>
  </si>
  <si>
    <t>TUGLA, TUGCE</t>
  </si>
  <si>
    <t>黃心橋</t>
  </si>
  <si>
    <t>14637300</t>
  </si>
  <si>
    <t>11625384</t>
  </si>
  <si>
    <t>30-Mar-08</t>
  </si>
  <si>
    <t>VONG, SAM KIO</t>
  </si>
  <si>
    <t>王銘浠</t>
  </si>
  <si>
    <t>15015613</t>
  </si>
  <si>
    <t>11644486</t>
  </si>
  <si>
    <t>WANG, MENG HEI</t>
  </si>
  <si>
    <t>黃浩嘉</t>
  </si>
  <si>
    <t>14520506</t>
  </si>
  <si>
    <t>10613633</t>
  </si>
  <si>
    <t>16-Aug-07</t>
  </si>
  <si>
    <t>WONG, HOU KA</t>
  </si>
  <si>
    <t>黃樂彤</t>
  </si>
  <si>
    <t>14724199</t>
  </si>
  <si>
    <t>11625392</t>
  </si>
  <si>
    <t>27-Aug-08</t>
  </si>
  <si>
    <t>WONG, LOK TONG</t>
  </si>
  <si>
    <t>胡苡菲</t>
  </si>
  <si>
    <t>16745598</t>
  </si>
  <si>
    <t>19632991</t>
  </si>
  <si>
    <t>10-Aug-08</t>
  </si>
  <si>
    <t>WU I FEI</t>
  </si>
  <si>
    <t>陳澤軒</t>
  </si>
  <si>
    <t>14656896</t>
  </si>
  <si>
    <t>11624671</t>
  </si>
  <si>
    <t>03-Jun-08</t>
  </si>
  <si>
    <t>CHAN, CHAK HIN</t>
  </si>
  <si>
    <t>陳浩華</t>
  </si>
  <si>
    <t>14766505</t>
  </si>
  <si>
    <t>11625457</t>
  </si>
  <si>
    <t>19-Aug-08</t>
  </si>
  <si>
    <t>CHAN, HOU WA</t>
  </si>
  <si>
    <t>陳溢熙</t>
  </si>
  <si>
    <t>14784359</t>
  </si>
  <si>
    <t>11625465</t>
  </si>
  <si>
    <t>CHAN, IAT HEI</t>
  </si>
  <si>
    <t>14756662</t>
  </si>
  <si>
    <t>11633182</t>
  </si>
  <si>
    <t>07-Nov-08</t>
  </si>
  <si>
    <t>CHEANG HIO TONG</t>
  </si>
  <si>
    <t>鄭忻晞</t>
  </si>
  <si>
    <t>14720510</t>
  </si>
  <si>
    <t>11623039</t>
  </si>
  <si>
    <t>07-Aug-08</t>
  </si>
  <si>
    <t>CHENG, YAN HEI</t>
  </si>
  <si>
    <t>張鉦楊</t>
  </si>
  <si>
    <t>14642334</t>
  </si>
  <si>
    <t>11625481</t>
  </si>
  <si>
    <t>CHEONG, CHENG IEONG</t>
  </si>
  <si>
    <t>張守言</t>
  </si>
  <si>
    <t>14662225</t>
  </si>
  <si>
    <t>1160929X</t>
  </si>
  <si>
    <t>03-May-08</t>
  </si>
  <si>
    <t>CHEONG, SAO IN</t>
  </si>
  <si>
    <t>張苑彤</t>
  </si>
  <si>
    <t>14741003</t>
  </si>
  <si>
    <t>1162549X</t>
  </si>
  <si>
    <t>CHEONG, UN TONG</t>
  </si>
  <si>
    <t>趙諾懿</t>
  </si>
  <si>
    <t>14489488</t>
  </si>
  <si>
    <t>10614001</t>
  </si>
  <si>
    <t>16-Jul-07</t>
  </si>
  <si>
    <t>CHIO, NOK I</t>
  </si>
  <si>
    <t>趙世稀</t>
  </si>
  <si>
    <t>14717839</t>
  </si>
  <si>
    <t>11615346</t>
  </si>
  <si>
    <t>CHIO, SAI HEI</t>
  </si>
  <si>
    <t>趙詠琳</t>
  </si>
  <si>
    <t>14585038</t>
  </si>
  <si>
    <t>11624752</t>
  </si>
  <si>
    <t>31-Jan-08</t>
  </si>
  <si>
    <t>CHIO, WENG LAM</t>
  </si>
  <si>
    <t>鍾曉晴</t>
  </si>
  <si>
    <t>14649222</t>
  </si>
  <si>
    <t>11010053</t>
  </si>
  <si>
    <t>18-May-08</t>
  </si>
  <si>
    <t>CHONG HIO CHENG</t>
  </si>
  <si>
    <t>馮晉業</t>
  </si>
  <si>
    <t>14620629</t>
  </si>
  <si>
    <t>11625759</t>
  </si>
  <si>
    <t>25-Mar-08</t>
  </si>
  <si>
    <t>FONG, CHON IP</t>
  </si>
  <si>
    <t>14659783</t>
  </si>
  <si>
    <t>11662794</t>
  </si>
  <si>
    <t>21-May-08</t>
  </si>
  <si>
    <t>FONG, SI WENG</t>
  </si>
  <si>
    <t>許欣淇</t>
  </si>
  <si>
    <t>15243652</t>
  </si>
  <si>
    <t>11632623</t>
  </si>
  <si>
    <t>13-Aug-08</t>
  </si>
  <si>
    <t>HOI IAN KEI</t>
  </si>
  <si>
    <t>楊子浩</t>
  </si>
  <si>
    <t>14631360</t>
  </si>
  <si>
    <t>11001739</t>
  </si>
  <si>
    <t>24-Apr-08</t>
  </si>
  <si>
    <t>IEONG CHI HOU</t>
  </si>
  <si>
    <t>黎俊鴻</t>
  </si>
  <si>
    <t>14570360</t>
  </si>
  <si>
    <t>10628347</t>
  </si>
  <si>
    <t>22-Dec-07</t>
  </si>
  <si>
    <t>LAI, CHON HONG</t>
  </si>
  <si>
    <t>黎柏堯</t>
  </si>
  <si>
    <t>14589204</t>
  </si>
  <si>
    <t>11625015</t>
  </si>
  <si>
    <t>17-Jan-08</t>
  </si>
  <si>
    <t>LAI, PAK IO</t>
  </si>
  <si>
    <t>黎思朗</t>
  </si>
  <si>
    <t>14639462</t>
  </si>
  <si>
    <t>1162583X</t>
  </si>
  <si>
    <t>13-May-08</t>
  </si>
  <si>
    <t>LAI, SI LONG</t>
  </si>
  <si>
    <t>劉嘉莉</t>
  </si>
  <si>
    <t>14468615</t>
  </si>
  <si>
    <t>10614052</t>
  </si>
  <si>
    <t>30-Apr-07</t>
  </si>
  <si>
    <t>LAO, KA LEI</t>
  </si>
  <si>
    <t>14637334</t>
  </si>
  <si>
    <t>11625295</t>
  </si>
  <si>
    <t>12-May-08</t>
  </si>
  <si>
    <t>LEI, HOI TONG</t>
  </si>
  <si>
    <t>梁茵</t>
  </si>
  <si>
    <t>14574560</t>
  </si>
  <si>
    <t>1001263X</t>
  </si>
  <si>
    <t>04-Dec-07</t>
  </si>
  <si>
    <t>LEONG, IAN</t>
  </si>
  <si>
    <t>呂家浚</t>
  </si>
  <si>
    <t>14555130</t>
  </si>
  <si>
    <t>10614095</t>
  </si>
  <si>
    <t>21-Oct-07</t>
  </si>
  <si>
    <t>LOI KA CHON</t>
  </si>
  <si>
    <t>14588800</t>
  </si>
  <si>
    <t>14577356</t>
  </si>
  <si>
    <t>LUO SENG SENG</t>
  </si>
  <si>
    <t>伍卓賢</t>
  </si>
  <si>
    <t>14707657</t>
  </si>
  <si>
    <t>11662956</t>
  </si>
  <si>
    <t>20-Jun-08</t>
  </si>
  <si>
    <t>NG, CHEOK IN</t>
  </si>
  <si>
    <t>14421176</t>
  </si>
  <si>
    <t>10613846</t>
  </si>
  <si>
    <t>18-Jan-07</t>
  </si>
  <si>
    <t>RODRIGUES HO, MICAELA</t>
  </si>
  <si>
    <t>沈昕桐</t>
  </si>
  <si>
    <t>14775332</t>
  </si>
  <si>
    <t>11624906</t>
  </si>
  <si>
    <t>31-Oct-08</t>
  </si>
  <si>
    <t>SAM, IAN TONG</t>
  </si>
  <si>
    <t>司徒旻熹</t>
  </si>
  <si>
    <t>14578843</t>
  </si>
  <si>
    <t>10012788</t>
  </si>
  <si>
    <t>14-Nov-07</t>
  </si>
  <si>
    <t>SI TOU, MAN HEI</t>
  </si>
  <si>
    <t>孫梓誠</t>
  </si>
  <si>
    <t>14804389</t>
  </si>
  <si>
    <t>11012439</t>
  </si>
  <si>
    <t>SUN, CHI SENG</t>
  </si>
  <si>
    <t>湯浩龍</t>
  </si>
  <si>
    <t>14708036</t>
  </si>
  <si>
    <t>11625910</t>
  </si>
  <si>
    <t>11-Aug-08</t>
  </si>
  <si>
    <t>TONG, HOU LONG</t>
  </si>
  <si>
    <t>吳佩容</t>
  </si>
  <si>
    <t>15421241</t>
  </si>
  <si>
    <t>11016868</t>
  </si>
  <si>
    <t>05-Feb-08</t>
  </si>
  <si>
    <t>WU, PUI YUNG</t>
  </si>
  <si>
    <t>謝希桐</t>
  </si>
  <si>
    <t>14680771</t>
  </si>
  <si>
    <t>11625678</t>
  </si>
  <si>
    <t>XIE, HEI TONG</t>
  </si>
  <si>
    <t>徐鈞洋</t>
  </si>
  <si>
    <t>14704787</t>
  </si>
  <si>
    <t>11625422</t>
  </si>
  <si>
    <t>08-Jun-08</t>
  </si>
  <si>
    <t>XU, KUAN IEONG</t>
  </si>
  <si>
    <t>葉禕礽</t>
  </si>
  <si>
    <t>16158438</t>
  </si>
  <si>
    <t>18620329</t>
  </si>
  <si>
    <t>YE YIRENG</t>
  </si>
  <si>
    <t>趙潁橦</t>
  </si>
  <si>
    <t>14576599</t>
  </si>
  <si>
    <t>11625694</t>
  </si>
  <si>
    <t>31-Dec-07</t>
  </si>
  <si>
    <t>ZHAO, CHERRY</t>
  </si>
  <si>
    <t>蔡宇軒</t>
  </si>
  <si>
    <t>14444392</t>
  </si>
  <si>
    <t>10613447</t>
  </si>
  <si>
    <t>17-Apr-07</t>
  </si>
  <si>
    <t>CAI, U HIN</t>
  </si>
  <si>
    <t>陳洛瑤</t>
  </si>
  <si>
    <t>14592760</t>
  </si>
  <si>
    <t>11624698</t>
  </si>
  <si>
    <t>27-Jan-08</t>
  </si>
  <si>
    <t>CHAN, LOK IO</t>
  </si>
  <si>
    <t>鄭羽珊</t>
  </si>
  <si>
    <t>14843825</t>
  </si>
  <si>
    <t>11624949</t>
  </si>
  <si>
    <t>18-Dec-08</t>
  </si>
  <si>
    <t>CHENG, YU SHAN</t>
  </si>
  <si>
    <t>15827728</t>
  </si>
  <si>
    <t>1362671X</t>
  </si>
  <si>
    <t>18-Nov-07</t>
  </si>
  <si>
    <t xml:space="preserve">CHEONG CHI WANG_x000D_
</t>
  </si>
  <si>
    <t>蔣瑋淇</t>
  </si>
  <si>
    <t>14688501</t>
  </si>
  <si>
    <t>11003421</t>
  </si>
  <si>
    <t>20-Jul-08</t>
  </si>
  <si>
    <t>CHEONG WAI KEI</t>
  </si>
  <si>
    <t>張家豐</t>
  </si>
  <si>
    <t>14629224</t>
  </si>
  <si>
    <t>11008857</t>
  </si>
  <si>
    <t>08-Mar-08</t>
  </si>
  <si>
    <t>CHEONG, KA FONG</t>
  </si>
  <si>
    <t>詹沛盈</t>
  </si>
  <si>
    <t>14765663</t>
  </si>
  <si>
    <t>11632704</t>
  </si>
  <si>
    <t>14-Nov-08</t>
  </si>
  <si>
    <t xml:space="preserve">CHIM, PUI IENG_x000D_
</t>
  </si>
  <si>
    <t>趙濠賢</t>
  </si>
  <si>
    <t>15063464</t>
  </si>
  <si>
    <t>10020799</t>
  </si>
  <si>
    <t>10-May-07</t>
  </si>
  <si>
    <t>CHIO, HOU IN</t>
  </si>
  <si>
    <t>馮詠姿</t>
  </si>
  <si>
    <t>14790703</t>
  </si>
  <si>
    <t>1101007X</t>
  </si>
  <si>
    <t>13-Dec-08</t>
  </si>
  <si>
    <t>FONG WENG CHI</t>
  </si>
  <si>
    <t>馮耀博</t>
  </si>
  <si>
    <t>14739973</t>
  </si>
  <si>
    <t>11625554</t>
  </si>
  <si>
    <t>04-Sep-08</t>
  </si>
  <si>
    <t>FONG, IO POK</t>
  </si>
  <si>
    <t>何卓羲</t>
  </si>
  <si>
    <t>14614291</t>
  </si>
  <si>
    <t>11625562</t>
  </si>
  <si>
    <t>HO, CHEOK HEI</t>
  </si>
  <si>
    <t>黃澤恩</t>
  </si>
  <si>
    <t>15079882</t>
  </si>
  <si>
    <t>11651709</t>
  </si>
  <si>
    <t>HUANG, CHAK YAN</t>
  </si>
  <si>
    <t>邱芷悠</t>
  </si>
  <si>
    <t>14751986</t>
  </si>
  <si>
    <t>11643528</t>
  </si>
  <si>
    <t>20-Oct-08</t>
  </si>
  <si>
    <t>IAO, CHI IAO</t>
  </si>
  <si>
    <t>葉維嘉</t>
  </si>
  <si>
    <t>14737159</t>
  </si>
  <si>
    <t>11625775</t>
  </si>
  <si>
    <t>13-Oct-08</t>
  </si>
  <si>
    <t>IP, WAI KA</t>
  </si>
  <si>
    <t>關詩詠</t>
  </si>
  <si>
    <t>14734024</t>
  </si>
  <si>
    <t>11625813</t>
  </si>
  <si>
    <t>KUAN, MARIA JESSICA</t>
  </si>
  <si>
    <t>林安義</t>
  </si>
  <si>
    <t>14768444</t>
  </si>
  <si>
    <t>11625252</t>
  </si>
  <si>
    <t>27-Nov-08</t>
  </si>
  <si>
    <t>LAM, ON I</t>
  </si>
  <si>
    <t>羅朗晴</t>
  </si>
  <si>
    <t>14589436</t>
  </si>
  <si>
    <t>12608734</t>
  </si>
  <si>
    <t>07-Feb-08</t>
  </si>
  <si>
    <t>LAW, LONG CHENG</t>
  </si>
  <si>
    <t>李柏陽</t>
  </si>
  <si>
    <t>14777858</t>
  </si>
  <si>
    <t>1162504X</t>
  </si>
  <si>
    <t>28-Nov-08</t>
  </si>
  <si>
    <t>LEI, PAK IEONG</t>
  </si>
  <si>
    <t>梁愷澄</t>
  </si>
  <si>
    <t>14586903</t>
  </si>
  <si>
    <t>11008180</t>
  </si>
  <si>
    <t>13-Jan-08</t>
  </si>
  <si>
    <t>LEONG, HOI CHENG</t>
  </si>
  <si>
    <t>林柏鋒</t>
  </si>
  <si>
    <t>14746184</t>
  </si>
  <si>
    <t>11625090</t>
  </si>
  <si>
    <t>LIN, PAK FONG</t>
  </si>
  <si>
    <t>陸芷彤</t>
  </si>
  <si>
    <t>15008865</t>
  </si>
  <si>
    <t>11625856</t>
  </si>
  <si>
    <t>08-Nov-08</t>
  </si>
  <si>
    <t>LOK, CHI TONG</t>
  </si>
  <si>
    <t>羅承宏</t>
  </si>
  <si>
    <t>14363527</t>
  </si>
  <si>
    <t>14577364</t>
  </si>
  <si>
    <t>17-Oct-06</t>
  </si>
  <si>
    <t>LUO SENG WANG</t>
  </si>
  <si>
    <t>吳駿賢</t>
  </si>
  <si>
    <t>14773287</t>
  </si>
  <si>
    <t>11005629</t>
  </si>
  <si>
    <t>18-Oct-08</t>
  </si>
  <si>
    <t>吳子鋒</t>
  </si>
  <si>
    <t>14640155</t>
  </si>
  <si>
    <t>11624892</t>
  </si>
  <si>
    <t>NG, CHI FONG</t>
  </si>
  <si>
    <t>吳文悅</t>
  </si>
  <si>
    <t>14626741</t>
  </si>
  <si>
    <t>11625635</t>
  </si>
  <si>
    <t>18-Mar-08</t>
  </si>
  <si>
    <t>NG, MAN UT</t>
  </si>
  <si>
    <t>歐陽志森</t>
  </si>
  <si>
    <t>14782932</t>
  </si>
  <si>
    <t>11013494</t>
  </si>
  <si>
    <t>24-Dec-08</t>
  </si>
  <si>
    <t>OUYANG CHI SAM</t>
  </si>
  <si>
    <t>潘浩志</t>
  </si>
  <si>
    <t>15592702</t>
  </si>
  <si>
    <t>11025239</t>
  </si>
  <si>
    <t>22-Aug-08</t>
  </si>
  <si>
    <t>PAN, EDMUND HAO CHIH</t>
  </si>
  <si>
    <t>潘心賢</t>
  </si>
  <si>
    <t>14626774</t>
  </si>
  <si>
    <t>11625880</t>
  </si>
  <si>
    <t>PUN, SAM IN</t>
  </si>
  <si>
    <t>蕭迪康</t>
  </si>
  <si>
    <t>14751291</t>
  </si>
  <si>
    <t>11625376</t>
  </si>
  <si>
    <t>17-Sep-08</t>
  </si>
  <si>
    <t>SIO, TEK HONG</t>
  </si>
  <si>
    <t>王譯澤</t>
  </si>
  <si>
    <t>16795221</t>
  </si>
  <si>
    <t>20583389</t>
  </si>
  <si>
    <t>03-Mar-08</t>
  </si>
  <si>
    <t>WONG IEK CHAK</t>
  </si>
  <si>
    <t>巫鈞鈴</t>
  </si>
  <si>
    <t>14593990</t>
  </si>
  <si>
    <t>11625163</t>
  </si>
  <si>
    <t>11-Jan-08</t>
  </si>
  <si>
    <t xml:space="preserve">WU, KUAN LENG_x000D_
</t>
  </si>
  <si>
    <t>徐浚傑</t>
  </si>
  <si>
    <t>14796064</t>
  </si>
  <si>
    <t>11625937</t>
  </si>
  <si>
    <t>XU, CHON KIT</t>
  </si>
  <si>
    <t>顏昊軒</t>
  </si>
  <si>
    <t>14593172</t>
  </si>
  <si>
    <t>11013443</t>
  </si>
  <si>
    <t>26-Feb-08</t>
  </si>
  <si>
    <t>YAN, HOU HIN</t>
  </si>
  <si>
    <t>周凱瑜</t>
  </si>
  <si>
    <t>16709081</t>
  </si>
  <si>
    <t>17565030</t>
  </si>
  <si>
    <t>28-Dec-07</t>
  </si>
  <si>
    <t>ZHOU KAI YU</t>
  </si>
  <si>
    <t>S3</t>
  </si>
  <si>
    <t>13973144</t>
  </si>
  <si>
    <t>08000018</t>
  </si>
  <si>
    <t>04-Dec-04</t>
  </si>
  <si>
    <t>BATALHA DA SILVA DE SOUSA, DIOGO</t>
  </si>
  <si>
    <t>陳嘉欣</t>
  </si>
  <si>
    <t>14393482</t>
  </si>
  <si>
    <t>1000016X</t>
  </si>
  <si>
    <t>04-Jan-07</t>
  </si>
  <si>
    <t>CHAN KA IAN</t>
  </si>
  <si>
    <t>陳柏辰</t>
  </si>
  <si>
    <t>14488696</t>
  </si>
  <si>
    <t>10613692</t>
  </si>
  <si>
    <t>29-Jun-07</t>
  </si>
  <si>
    <t>CHAN, PAK SAN</t>
  </si>
  <si>
    <t>14455463</t>
  </si>
  <si>
    <t>10613463</t>
  </si>
  <si>
    <t>22-Mar-07</t>
  </si>
  <si>
    <t>CHEN, ON CHI</t>
  </si>
  <si>
    <t>張芷瑜</t>
  </si>
  <si>
    <t>14524045</t>
  </si>
  <si>
    <t>10613978</t>
  </si>
  <si>
    <t>14-Sep-07</t>
  </si>
  <si>
    <t>CHEONG, CHI U</t>
  </si>
  <si>
    <t>張峻樂</t>
  </si>
  <si>
    <t>14502272</t>
  </si>
  <si>
    <t>10613986</t>
  </si>
  <si>
    <t>05-Aug-07</t>
  </si>
  <si>
    <t>CHEONG, CHON LOK</t>
  </si>
  <si>
    <t>張蔚詩</t>
  </si>
  <si>
    <t>14530646</t>
  </si>
  <si>
    <t>10613994</t>
  </si>
  <si>
    <t>18-Aug-07</t>
  </si>
  <si>
    <t>CHEONG, WAI SI</t>
  </si>
  <si>
    <t>趙希榆</t>
  </si>
  <si>
    <t>14375448</t>
  </si>
  <si>
    <t>10613730</t>
  </si>
  <si>
    <t>24-Nov-06</t>
  </si>
  <si>
    <t>CHIO, HEI U</t>
  </si>
  <si>
    <t>14456701</t>
  </si>
  <si>
    <t>10012176</t>
  </si>
  <si>
    <t>21-Jan-07</t>
  </si>
  <si>
    <t>CHOW CHI CHENG</t>
  </si>
  <si>
    <t>14498851</t>
  </si>
  <si>
    <t>10614265</t>
  </si>
  <si>
    <t>16-May-07</t>
  </si>
  <si>
    <t>HO CAMBETA, CLAUDIA GABRIELA</t>
  </si>
  <si>
    <t>何啟俊</t>
  </si>
  <si>
    <t>14505598</t>
  </si>
  <si>
    <t>1061348X</t>
  </si>
  <si>
    <t>10-Jun-07</t>
  </si>
  <si>
    <t>HO, KAI CHON</t>
  </si>
  <si>
    <t>楊素</t>
  </si>
  <si>
    <t>14528293</t>
  </si>
  <si>
    <t>10617329</t>
  </si>
  <si>
    <t>31-Aug-07</t>
  </si>
  <si>
    <t>IEONG, SOU</t>
  </si>
  <si>
    <t>14520365</t>
  </si>
  <si>
    <t>1061351X</t>
  </si>
  <si>
    <t>11-Aug-07</t>
  </si>
  <si>
    <t>IP, MAN LONG</t>
  </si>
  <si>
    <t>古秋穎</t>
  </si>
  <si>
    <t>14420129</t>
  </si>
  <si>
    <t>10613773</t>
  </si>
  <si>
    <t>20-Feb-07</t>
  </si>
  <si>
    <t>KU, CHAO WENG</t>
  </si>
  <si>
    <t>14481451</t>
  </si>
  <si>
    <t>10613307</t>
  </si>
  <si>
    <t>22-Jun-07</t>
  </si>
  <si>
    <t>LAM, PAK KIO</t>
  </si>
  <si>
    <t>林雨霏</t>
  </si>
  <si>
    <t>14469597</t>
  </si>
  <si>
    <t>10614311</t>
  </si>
  <si>
    <t>20-Apr-07</t>
  </si>
  <si>
    <t>LAM, U FEI</t>
  </si>
  <si>
    <t>李泓楚</t>
  </si>
  <si>
    <t>14536817</t>
  </si>
  <si>
    <t>10614060</t>
  </si>
  <si>
    <t>24-Sep-07</t>
  </si>
  <si>
    <t>LEI, WANG CHO</t>
  </si>
  <si>
    <t>梁超翰</t>
  </si>
  <si>
    <t>14570964</t>
  </si>
  <si>
    <t>10006125</t>
  </si>
  <si>
    <t>25-Sep-07</t>
  </si>
  <si>
    <t>LEONG, CHIU HON IVAN</t>
  </si>
  <si>
    <t>14413496</t>
  </si>
  <si>
    <t>10614338</t>
  </si>
  <si>
    <t>22-Feb-07</t>
  </si>
  <si>
    <t>LIN, CHI CHENG</t>
  </si>
  <si>
    <t>廖宇翔</t>
  </si>
  <si>
    <t>14553846</t>
  </si>
  <si>
    <t>10614109</t>
  </si>
  <si>
    <t>07-Oct-07</t>
  </si>
  <si>
    <t>LIO, U CHEONG</t>
  </si>
  <si>
    <t>陸天逸</t>
  </si>
  <si>
    <t>14376313</t>
  </si>
  <si>
    <t>09004629</t>
  </si>
  <si>
    <t>20-Jun-06</t>
  </si>
  <si>
    <t>LOK, TIN IAT</t>
  </si>
  <si>
    <t>梅卓琳</t>
  </si>
  <si>
    <t>14484976</t>
  </si>
  <si>
    <t>10614117</t>
  </si>
  <si>
    <t>13-Mar-07</t>
  </si>
  <si>
    <t>MUI, CHEOK LAM</t>
  </si>
  <si>
    <t>14455257</t>
  </si>
  <si>
    <t>10613854</t>
  </si>
  <si>
    <t>19-Mar-07</t>
  </si>
  <si>
    <t>SIO, TEK LAM</t>
  </si>
  <si>
    <t>蘇子揚</t>
  </si>
  <si>
    <t>14424998</t>
  </si>
  <si>
    <t>10613595</t>
  </si>
  <si>
    <t>12-Feb-07</t>
  </si>
  <si>
    <t>SOU, CHI IEONG</t>
  </si>
  <si>
    <t>唐穎心</t>
  </si>
  <si>
    <t>14361513</t>
  </si>
  <si>
    <t>09004092</t>
  </si>
  <si>
    <t>09-Oct-06</t>
  </si>
  <si>
    <t>TONG, WENG SAM</t>
  </si>
  <si>
    <t>黃愷童</t>
  </si>
  <si>
    <t>14475743</t>
  </si>
  <si>
    <t>10613897</t>
  </si>
  <si>
    <t>07-Mar-07</t>
  </si>
  <si>
    <t>WONG, HOI TONG</t>
  </si>
  <si>
    <t>黃浩程</t>
  </si>
  <si>
    <t>14398374</t>
  </si>
  <si>
    <t>09660925</t>
  </si>
  <si>
    <t>23-Dec-06</t>
  </si>
  <si>
    <t>WONG, HOU CHENG</t>
  </si>
  <si>
    <t>黃樂瑤</t>
  </si>
  <si>
    <t>14478721</t>
  </si>
  <si>
    <t>10613641</t>
  </si>
  <si>
    <t>11-Jun-07</t>
  </si>
  <si>
    <t>WONG, LOK IO</t>
  </si>
  <si>
    <t>黃洛桐</t>
  </si>
  <si>
    <t>14464523</t>
  </si>
  <si>
    <t>10614168</t>
  </si>
  <si>
    <t>02-Mar-07</t>
  </si>
  <si>
    <t>徐超群</t>
  </si>
  <si>
    <t>14325070</t>
  </si>
  <si>
    <t>09004068</t>
  </si>
  <si>
    <t>08-Aug-06</t>
  </si>
  <si>
    <t>XU, CHIO KUAN</t>
  </si>
  <si>
    <t>14439079</t>
  </si>
  <si>
    <t>10613900</t>
  </si>
  <si>
    <t>13-Apr-07</t>
  </si>
  <si>
    <t>YE, UN IENG</t>
  </si>
  <si>
    <t>楊鈞</t>
  </si>
  <si>
    <t>15474752</t>
  </si>
  <si>
    <t>19598092</t>
  </si>
  <si>
    <t>28-Jan-07</t>
  </si>
  <si>
    <t>YEUNG KWAN</t>
  </si>
  <si>
    <t>余穎雅</t>
  </si>
  <si>
    <t>14567358</t>
  </si>
  <si>
    <t>10000100</t>
  </si>
  <si>
    <t>27-Oct-07</t>
  </si>
  <si>
    <t>YU, WENG NGA</t>
  </si>
  <si>
    <t>張鎧</t>
  </si>
  <si>
    <t>14470488</t>
  </si>
  <si>
    <t>10600485</t>
  </si>
  <si>
    <t>14-Jun-07</t>
  </si>
  <si>
    <t>ZHANG HOI</t>
  </si>
  <si>
    <t>14569727</t>
  </si>
  <si>
    <t>10613943</t>
  </si>
  <si>
    <t>22-Nov-07</t>
  </si>
  <si>
    <t>CHAN, SUT U</t>
  </si>
  <si>
    <t>14426860</t>
  </si>
  <si>
    <t>10613714</t>
  </si>
  <si>
    <t>16-Feb-07</t>
  </si>
  <si>
    <t>CHEANG, HIO KUAN</t>
  </si>
  <si>
    <t>鄭樂昕</t>
  </si>
  <si>
    <t>14445183</t>
  </si>
  <si>
    <t>10614230</t>
  </si>
  <si>
    <t>CHEANG, LOK IAN</t>
  </si>
  <si>
    <t>14409916</t>
  </si>
  <si>
    <t>10614249</t>
  </si>
  <si>
    <t>02-Jan-07</t>
  </si>
  <si>
    <t>CHEUNG, OI LAM</t>
  </si>
  <si>
    <t>曹國政</t>
  </si>
  <si>
    <t>14367106</t>
  </si>
  <si>
    <t>0900386X</t>
  </si>
  <si>
    <t>26-Oct-06</t>
  </si>
  <si>
    <t>CHOU, KUOK CHENG</t>
  </si>
  <si>
    <t>蔡穎童</t>
  </si>
  <si>
    <t>14223044</t>
  </si>
  <si>
    <t>09004165</t>
  </si>
  <si>
    <t>14-Jan-06</t>
  </si>
  <si>
    <t>CHOY, WENG TONG</t>
  </si>
  <si>
    <t>施幸豫</t>
  </si>
  <si>
    <t>14248819</t>
  </si>
  <si>
    <t>09660569</t>
  </si>
  <si>
    <t>21-Mar-06</t>
  </si>
  <si>
    <t>DA SILVA, FLAVIA</t>
  </si>
  <si>
    <t>馮雅詩</t>
  </si>
  <si>
    <t>14514244</t>
  </si>
  <si>
    <t>10617264</t>
  </si>
  <si>
    <t>14-Aug-07</t>
  </si>
  <si>
    <t>FONG NGA SI</t>
  </si>
  <si>
    <t>何子穎</t>
  </si>
  <si>
    <t>14499800</t>
  </si>
  <si>
    <t>10613269</t>
  </si>
  <si>
    <t>26-May-07</t>
  </si>
  <si>
    <t>HO, CHI WENG</t>
  </si>
  <si>
    <t>14419295</t>
  </si>
  <si>
    <t>09003614</t>
  </si>
  <si>
    <t>01-Nov-06</t>
  </si>
  <si>
    <t>HO, POU NGAI</t>
  </si>
  <si>
    <t>楊俊昇</t>
  </si>
  <si>
    <t>14483697</t>
  </si>
  <si>
    <t>10613277</t>
  </si>
  <si>
    <t>15-Jun-07</t>
  </si>
  <si>
    <t>IEONG, CHON SENG</t>
  </si>
  <si>
    <t>14557326</t>
  </si>
  <si>
    <t>10613285</t>
  </si>
  <si>
    <t>11-Oct-07</t>
  </si>
  <si>
    <t>KONG, CHI NGAI</t>
  </si>
  <si>
    <t>古詠詩</t>
  </si>
  <si>
    <t>14062509</t>
  </si>
  <si>
    <t>08648263</t>
  </si>
  <si>
    <t>26-May-05</t>
  </si>
  <si>
    <t>KU, WENG SI</t>
  </si>
  <si>
    <t>林正潼</t>
  </si>
  <si>
    <t>14530604</t>
  </si>
  <si>
    <t>1061429X</t>
  </si>
  <si>
    <t>13-Sep-07</t>
  </si>
  <si>
    <t>LAM, CHENG TONG</t>
  </si>
  <si>
    <t>李明聰</t>
  </si>
  <si>
    <t>14451090</t>
  </si>
  <si>
    <t>1000100X</t>
  </si>
  <si>
    <t>31-Jan-07</t>
  </si>
  <si>
    <t>LEE MENG CHONG</t>
  </si>
  <si>
    <t>14583090</t>
  </si>
  <si>
    <t>10027122</t>
  </si>
  <si>
    <t>07-Dec-07</t>
  </si>
  <si>
    <t>LEE, CHI ON</t>
  </si>
  <si>
    <t>李曉欣</t>
  </si>
  <si>
    <t>14488928</t>
  </si>
  <si>
    <t>10613323</t>
  </si>
  <si>
    <t>LEI, HIO IAN</t>
  </si>
  <si>
    <t>梁駿朗</t>
  </si>
  <si>
    <t>14406300</t>
  </si>
  <si>
    <t>10614079</t>
  </si>
  <si>
    <t>22-Jan-07</t>
  </si>
  <si>
    <t>LEONG, CHON LONG</t>
  </si>
  <si>
    <t>李旻熹</t>
  </si>
  <si>
    <t>14406227</t>
  </si>
  <si>
    <t>10614087</t>
  </si>
  <si>
    <t>LI MAN HEI</t>
  </si>
  <si>
    <t>綠社</t>
    <phoneticPr fontId="3" type="noConversion"/>
  </si>
  <si>
    <t>劉韵誼</t>
  </si>
  <si>
    <t>16813511</t>
  </si>
  <si>
    <t>19598114</t>
  </si>
  <si>
    <t>06-Feb-07</t>
  </si>
  <si>
    <t>LIU, WAN YI</t>
  </si>
  <si>
    <t>龍子琪</t>
  </si>
  <si>
    <t>14537005</t>
  </si>
  <si>
    <t>10613390</t>
  </si>
  <si>
    <t>26-Sep-07</t>
  </si>
  <si>
    <t>LONG, CHI KEI</t>
  </si>
  <si>
    <t>14401889</t>
  </si>
  <si>
    <t>10613404</t>
  </si>
  <si>
    <t>10-Jan-07</t>
  </si>
  <si>
    <t>LU, CHI HIN</t>
  </si>
  <si>
    <t>麥凱琦</t>
  </si>
  <si>
    <t>14053268</t>
  </si>
  <si>
    <t>08630747</t>
  </si>
  <si>
    <t>13-Apr-05</t>
  </si>
  <si>
    <t>MAK, HOI KEI</t>
  </si>
  <si>
    <t>莫曉樂</t>
  </si>
  <si>
    <t>14333793</t>
  </si>
  <si>
    <t>09003797</t>
  </si>
  <si>
    <t>28-Aug-06</t>
  </si>
  <si>
    <t>MOK, HIO LOK</t>
  </si>
  <si>
    <t>邵安瀾</t>
  </si>
  <si>
    <t>14932263</t>
  </si>
  <si>
    <t>12612650</t>
  </si>
  <si>
    <t>18-Jun-07</t>
  </si>
  <si>
    <t>SHAO ANLAN</t>
  </si>
  <si>
    <t>14429740</t>
  </si>
  <si>
    <t>10614389</t>
  </si>
  <si>
    <t>15-Mar-07</t>
  </si>
  <si>
    <t>SIN, WENG SAM</t>
  </si>
  <si>
    <t>14555874</t>
  </si>
  <si>
    <t>10613617</t>
  </si>
  <si>
    <t>05-Nov-07</t>
  </si>
  <si>
    <t>TAM, HAO I</t>
  </si>
  <si>
    <t>14464069</t>
  </si>
  <si>
    <t>10614133</t>
  </si>
  <si>
    <t>09-May-07</t>
  </si>
  <si>
    <t>TAM, HOU HEI</t>
  </si>
  <si>
    <t>14393912</t>
  </si>
  <si>
    <t>10613870</t>
  </si>
  <si>
    <t>16-Dec-06</t>
  </si>
  <si>
    <t>TANG, MAN PAN</t>
  </si>
  <si>
    <t>衛怡</t>
  </si>
  <si>
    <t>14449789</t>
  </si>
  <si>
    <t>10623558</t>
  </si>
  <si>
    <t>06-Apr-07</t>
  </si>
  <si>
    <t>WEI, I</t>
  </si>
  <si>
    <t>14495253</t>
  </si>
  <si>
    <t>1061415X</t>
  </si>
  <si>
    <t>WONG, I KA</t>
  </si>
  <si>
    <t>謝瑋濤</t>
  </si>
  <si>
    <t>14548051</t>
  </si>
  <si>
    <t>10613668</t>
  </si>
  <si>
    <t>29-Sep-07</t>
  </si>
  <si>
    <t>XIE, WAI TOU</t>
  </si>
  <si>
    <t>14356539</t>
  </si>
  <si>
    <t>10615105</t>
  </si>
  <si>
    <t>30-Sep-06</t>
  </si>
  <si>
    <t>YIN, CHIT HEI</t>
  </si>
  <si>
    <t>周泳君</t>
  </si>
  <si>
    <t>15736184</t>
  </si>
  <si>
    <t>13004921</t>
  </si>
  <si>
    <t>19-May-07</t>
  </si>
  <si>
    <t>ZHOU YONGJUN</t>
  </si>
  <si>
    <t>陳子菁</t>
  </si>
  <si>
    <t>14451074</t>
  </si>
  <si>
    <t>10629912</t>
  </si>
  <si>
    <t>20-Mar-07</t>
  </si>
  <si>
    <t>陳子嫻</t>
  </si>
  <si>
    <t>16027492</t>
  </si>
  <si>
    <t>17612993</t>
  </si>
  <si>
    <t>01-Mar-07</t>
  </si>
  <si>
    <t>CHAN CHI HAN</t>
  </si>
  <si>
    <t>陳卓楠</t>
  </si>
  <si>
    <t>14530588</t>
  </si>
  <si>
    <t>10613684</t>
  </si>
  <si>
    <t>19-Sep-07</t>
  </si>
  <si>
    <t>CHAN, CHEOK NAM</t>
  </si>
  <si>
    <t>陳奕僖</t>
  </si>
  <si>
    <t>14464119</t>
  </si>
  <si>
    <t>10614184</t>
  </si>
  <si>
    <t>16-Apr-07</t>
  </si>
  <si>
    <t>CHAN, IEK HEI</t>
  </si>
  <si>
    <t>陳紀霖</t>
  </si>
  <si>
    <t>14653356</t>
  </si>
  <si>
    <t>10613196</t>
  </si>
  <si>
    <t>14-Dec-07</t>
  </si>
  <si>
    <t>CHAN, KEI LAM</t>
  </si>
  <si>
    <t>周展淇</t>
  </si>
  <si>
    <t>14462899</t>
  </si>
  <si>
    <t>10614214</t>
  </si>
  <si>
    <t>11-May-07</t>
  </si>
  <si>
    <t>CHAU, CHIN KEI</t>
  </si>
  <si>
    <t>鄭樂晴</t>
  </si>
  <si>
    <t>14445191</t>
  </si>
  <si>
    <t>1061396X</t>
  </si>
  <si>
    <t>CHEANG, LOK CHENG</t>
  </si>
  <si>
    <t>陳紫瑜</t>
  </si>
  <si>
    <t>14449987</t>
  </si>
  <si>
    <t>11021985</t>
  </si>
  <si>
    <t>28-Apr-07</t>
  </si>
  <si>
    <t>CHEN, CHI U</t>
  </si>
  <si>
    <t>陳瑋琳</t>
  </si>
  <si>
    <t>15044571</t>
  </si>
  <si>
    <t>1062810X</t>
  </si>
  <si>
    <t>03-Feb-07</t>
  </si>
  <si>
    <t>CHEN, WEILIN</t>
  </si>
  <si>
    <t>周柏賢</t>
  </si>
  <si>
    <t>14535967</t>
  </si>
  <si>
    <t>10012834</t>
  </si>
  <si>
    <t>16-Sep-07</t>
  </si>
  <si>
    <t>CHOW, PAK IN</t>
  </si>
  <si>
    <t>馮敬顥</t>
  </si>
  <si>
    <t>14427579</t>
  </si>
  <si>
    <t>10634789</t>
  </si>
  <si>
    <t>28-Feb-07</t>
  </si>
  <si>
    <t>FONG, KENG HOU</t>
  </si>
  <si>
    <t>馮天霖</t>
  </si>
  <si>
    <t>14547426</t>
  </si>
  <si>
    <t>10614036</t>
  </si>
  <si>
    <t>09-Nov-07</t>
  </si>
  <si>
    <t>FUNG, TIN LAM</t>
  </si>
  <si>
    <t>游悅晴</t>
  </si>
  <si>
    <t>14409171</t>
  </si>
  <si>
    <t>10614273</t>
  </si>
  <si>
    <t>25-Dec-06</t>
  </si>
  <si>
    <t>IAO, UT CHENG</t>
  </si>
  <si>
    <t>葉柏靈</t>
  </si>
  <si>
    <t>16531956</t>
  </si>
  <si>
    <t>17003903</t>
  </si>
  <si>
    <t>20-Aug-07</t>
  </si>
  <si>
    <t>IP PAK LENG</t>
  </si>
  <si>
    <t>顧曉琳</t>
  </si>
  <si>
    <t>14441695</t>
  </si>
  <si>
    <t>10613293</t>
  </si>
  <si>
    <t>28-Mar-07</t>
  </si>
  <si>
    <t>KU, HIO LAM</t>
  </si>
  <si>
    <t>林可晴</t>
  </si>
  <si>
    <t>14574677</t>
  </si>
  <si>
    <t>1000565X</t>
  </si>
  <si>
    <t>27-Dec-07</t>
  </si>
  <si>
    <t>LAM HO CHENG</t>
  </si>
  <si>
    <t>劉泳葹</t>
  </si>
  <si>
    <t>15170277</t>
  </si>
  <si>
    <t>10007172</t>
  </si>
  <si>
    <t>28-Sep-07</t>
  </si>
  <si>
    <t>LAO, WING SI</t>
  </si>
  <si>
    <t>李晉成</t>
  </si>
  <si>
    <t>14428502</t>
  </si>
  <si>
    <t>10012826</t>
  </si>
  <si>
    <t>06-Mar-07</t>
  </si>
  <si>
    <t>LEE, CHON SENG</t>
  </si>
  <si>
    <t>利婉詩</t>
  </si>
  <si>
    <t>14543557</t>
  </si>
  <si>
    <t>10627995</t>
  </si>
  <si>
    <t>12-Oct-07</t>
  </si>
  <si>
    <t>LEI, UN SI</t>
  </si>
  <si>
    <t>梁浩銘</t>
  </si>
  <si>
    <t>14401665</t>
  </si>
  <si>
    <t>10613560</t>
  </si>
  <si>
    <t>01-Jan-07</t>
  </si>
  <si>
    <t>LEONG, HOU MENG</t>
  </si>
  <si>
    <t>盧慧雯</t>
  </si>
  <si>
    <t>14567218</t>
  </si>
  <si>
    <t>1061382X</t>
  </si>
  <si>
    <t>18-Oct-07</t>
  </si>
  <si>
    <t>LOU, WAI MAN</t>
  </si>
  <si>
    <t>羅藝儀</t>
  </si>
  <si>
    <t>15464324</t>
  </si>
  <si>
    <t>10000186</t>
  </si>
  <si>
    <t>27-Dec-06</t>
  </si>
  <si>
    <t>LUO NGAI YEE</t>
  </si>
  <si>
    <t>麥嘉瑤</t>
  </si>
  <si>
    <t>14460307</t>
  </si>
  <si>
    <t>10628975</t>
  </si>
  <si>
    <t>MAK, KA IO</t>
  </si>
  <si>
    <t>潘政熙</t>
  </si>
  <si>
    <t>14089601</t>
  </si>
  <si>
    <t>08649065</t>
  </si>
  <si>
    <t>13-Jul-05</t>
  </si>
  <si>
    <t>PUN, CHENG HEI</t>
  </si>
  <si>
    <t>梁愷淇</t>
  </si>
  <si>
    <t>14476758</t>
  </si>
  <si>
    <t>1061804X</t>
  </si>
  <si>
    <t>09-Jun-07</t>
  </si>
  <si>
    <t xml:space="preserve">RODRIGUES LEAO ELIZABETE _x000D_
</t>
  </si>
  <si>
    <t>施曉晴</t>
  </si>
  <si>
    <t>14712616</t>
  </si>
  <si>
    <t>10002103</t>
  </si>
  <si>
    <t>06-Nov-07</t>
  </si>
  <si>
    <t>SHI, HIO CHENG</t>
  </si>
  <si>
    <t>崔景齊</t>
  </si>
  <si>
    <t>14480008</t>
  </si>
  <si>
    <t>10613862</t>
  </si>
  <si>
    <t>25-May-07</t>
  </si>
  <si>
    <t>SOU ANOK, CLAUDIO EDMUNDO</t>
  </si>
  <si>
    <t>唐浩楠</t>
  </si>
  <si>
    <t>14538706</t>
  </si>
  <si>
    <t>10630058</t>
  </si>
  <si>
    <t>10-Oct-07</t>
  </si>
  <si>
    <t>TONG, HOU NAM</t>
  </si>
  <si>
    <t>吳穎詩</t>
  </si>
  <si>
    <t>14189765</t>
  </si>
  <si>
    <t>0900467X</t>
  </si>
  <si>
    <t>23-Dec-05</t>
  </si>
  <si>
    <t>UNG, WENG SI</t>
  </si>
  <si>
    <t>黃鈺峰</t>
  </si>
  <si>
    <t>14544159</t>
  </si>
  <si>
    <t>10614397</t>
  </si>
  <si>
    <t>05-Oct-07</t>
  </si>
  <si>
    <t>WONG, IOK FONG</t>
  </si>
  <si>
    <t>黃嘉渝</t>
  </si>
  <si>
    <t>14505507</t>
  </si>
  <si>
    <t>10025782</t>
  </si>
  <si>
    <t>30-Jun-07</t>
  </si>
  <si>
    <t>WONG, KA U</t>
  </si>
  <si>
    <t>黃淳怡</t>
  </si>
  <si>
    <t>14622724</t>
  </si>
  <si>
    <t>1061365X</t>
  </si>
  <si>
    <t>26-Oct-07</t>
  </si>
  <si>
    <t>WONG, SON I</t>
  </si>
  <si>
    <t>16460370</t>
  </si>
  <si>
    <t>17641578</t>
  </si>
  <si>
    <t>27-Mar-07</t>
  </si>
  <si>
    <t>YE JINGWEN</t>
  </si>
  <si>
    <t>15048945</t>
  </si>
  <si>
    <t>19-Nov-06</t>
  </si>
  <si>
    <t>YU ZIQING</t>
  </si>
  <si>
    <t>14519722</t>
  </si>
  <si>
    <t>10012664</t>
  </si>
  <si>
    <t>15-Sep-07</t>
  </si>
  <si>
    <t>CHAN, CHAN WANG</t>
  </si>
  <si>
    <t>陳嘉朗</t>
  </si>
  <si>
    <t>14487573</t>
  </si>
  <si>
    <t>10614192</t>
  </si>
  <si>
    <t>26-Jun-07</t>
  </si>
  <si>
    <t>CHAN, KA LONG</t>
  </si>
  <si>
    <t>陳詩嫄</t>
  </si>
  <si>
    <t>14391668</t>
  </si>
  <si>
    <t>10613706</t>
  </si>
  <si>
    <t>CHAN, SI UN</t>
  </si>
  <si>
    <t>周穎怡</t>
  </si>
  <si>
    <t>14412605</t>
  </si>
  <si>
    <t>10613951</t>
  </si>
  <si>
    <t>06-Jan-07</t>
  </si>
  <si>
    <t>CHAO, WENG I</t>
  </si>
  <si>
    <t>張曉琳</t>
  </si>
  <si>
    <t>14537088</t>
  </si>
  <si>
    <t>10023585</t>
  </si>
  <si>
    <t>CHEONG, HIO LAM</t>
  </si>
  <si>
    <t>14659791</t>
  </si>
  <si>
    <t>10638636</t>
  </si>
  <si>
    <t>15-Dec-07</t>
  </si>
  <si>
    <t>CHIU, SUT CHENG MATHILDA</t>
  </si>
  <si>
    <t>周海倫</t>
  </si>
  <si>
    <t>14467088</t>
  </si>
  <si>
    <t>1061401X</t>
  </si>
  <si>
    <t>22-May-07</t>
  </si>
  <si>
    <t>CHOW, HOI LON HELEN</t>
  </si>
  <si>
    <t>黃澤成</t>
  </si>
  <si>
    <t>14966592</t>
  </si>
  <si>
    <t>13609998</t>
  </si>
  <si>
    <t>25-Jun-07</t>
  </si>
  <si>
    <t>HUANG, CHAK SENG</t>
  </si>
  <si>
    <t>禤韋德</t>
  </si>
  <si>
    <t>14475123</t>
  </si>
  <si>
    <t>10635122</t>
  </si>
  <si>
    <t>06-Jun-07</t>
  </si>
  <si>
    <t>HUEN, WAI TAK</t>
  </si>
  <si>
    <t>叶蒨嵐</t>
  </si>
  <si>
    <t>14554836</t>
  </si>
  <si>
    <t>10011374</t>
  </si>
  <si>
    <t>28-Oct-07</t>
  </si>
  <si>
    <t>IP SIN LAM</t>
  </si>
  <si>
    <t>葉婉儀</t>
  </si>
  <si>
    <t>14183966</t>
  </si>
  <si>
    <t>08001529</t>
  </si>
  <si>
    <t>14-Dec-05</t>
  </si>
  <si>
    <t>IP, UN I</t>
  </si>
  <si>
    <t>郭恩翹</t>
  </si>
  <si>
    <t>14418990</t>
  </si>
  <si>
    <t>10613528</t>
  </si>
  <si>
    <t>KOK, IAN KIO</t>
  </si>
  <si>
    <t>江楓諾</t>
  </si>
  <si>
    <t>14458830</t>
  </si>
  <si>
    <t>10613536</t>
  </si>
  <si>
    <t>KONG, FONG NOK</t>
  </si>
  <si>
    <t>關羽桐</t>
  </si>
  <si>
    <t>14418768</t>
  </si>
  <si>
    <t>10614281</t>
  </si>
  <si>
    <t>KUAN, U TONG</t>
  </si>
  <si>
    <t>劉駿</t>
  </si>
  <si>
    <t>14557185</t>
  </si>
  <si>
    <t>10013016</t>
  </si>
  <si>
    <t>10-Nov-07</t>
  </si>
  <si>
    <t>LAO CHON</t>
  </si>
  <si>
    <t>劉慧敏</t>
  </si>
  <si>
    <t>14400410</t>
  </si>
  <si>
    <t>12020966</t>
  </si>
  <si>
    <t>08-Jan-07</t>
  </si>
  <si>
    <t>LAO, WAI MAN</t>
  </si>
  <si>
    <t>14465892</t>
  </si>
  <si>
    <t>1061432X</t>
  </si>
  <si>
    <t>11-Jan-07</t>
  </si>
  <si>
    <t>LEI, SEONG I</t>
  </si>
  <si>
    <t>李泓翹</t>
  </si>
  <si>
    <t>14536791</t>
  </si>
  <si>
    <t>1061379X</t>
  </si>
  <si>
    <t>LEI, WANG KIO</t>
  </si>
  <si>
    <t>14454060</t>
  </si>
  <si>
    <t>10613358</t>
  </si>
  <si>
    <t>26-Feb-07</t>
  </si>
  <si>
    <t>LEONG, CHEOK SAN</t>
  </si>
  <si>
    <t>梁皓浚</t>
  </si>
  <si>
    <t>14570477</t>
  </si>
  <si>
    <t>1062807X</t>
  </si>
  <si>
    <t>28-Nov-07</t>
  </si>
  <si>
    <t>LEONG, HOU CHON</t>
  </si>
  <si>
    <t>梁浩軒</t>
  </si>
  <si>
    <t>14500284</t>
  </si>
  <si>
    <t>10613803</t>
  </si>
  <si>
    <t>12-Jun-07</t>
  </si>
  <si>
    <t>LEONG, HOU HIN</t>
  </si>
  <si>
    <t>林芷茵</t>
  </si>
  <si>
    <t>14467286</t>
  </si>
  <si>
    <t>10613811</t>
  </si>
  <si>
    <t>08-Jun-07</t>
  </si>
  <si>
    <t>LIN, CHI IAN</t>
  </si>
  <si>
    <t>劉韵閱</t>
  </si>
  <si>
    <t>16813503</t>
  </si>
  <si>
    <t>19598122</t>
  </si>
  <si>
    <t>LIU, WAN UET</t>
  </si>
  <si>
    <t>14897243</t>
  </si>
  <si>
    <t>12608742</t>
  </si>
  <si>
    <t>12-Sep-07</t>
  </si>
  <si>
    <t>MO, YAN</t>
  </si>
  <si>
    <t>吳卓妍</t>
  </si>
  <si>
    <t>14574727</t>
  </si>
  <si>
    <t>10613412</t>
  </si>
  <si>
    <t>12-Dec-07</t>
  </si>
  <si>
    <t xml:space="preserve">NG, CHEOK IN_x000D_
</t>
  </si>
  <si>
    <t>吳俊熙</t>
  </si>
  <si>
    <t>14417273</t>
  </si>
  <si>
    <t>10614362</t>
  </si>
  <si>
    <t>03-Jan-07</t>
  </si>
  <si>
    <t xml:space="preserve">NG, CHON HEI_x000D_
</t>
  </si>
  <si>
    <t>吳嘉欣</t>
  </si>
  <si>
    <t>14610356</t>
  </si>
  <si>
    <t>10613838</t>
  </si>
  <si>
    <t>21-Nov-07</t>
  </si>
  <si>
    <t>NG, KA IAN</t>
  </si>
  <si>
    <t>吳韋宏</t>
  </si>
  <si>
    <t>14524656</t>
  </si>
  <si>
    <t>10614125</t>
  </si>
  <si>
    <t>NG, WAI WANG</t>
  </si>
  <si>
    <t>彭紫盈</t>
  </si>
  <si>
    <t>14535520</t>
  </si>
  <si>
    <t>10013202</t>
  </si>
  <si>
    <t>PANG, CHI IENG</t>
  </si>
  <si>
    <t>戴玄坤</t>
  </si>
  <si>
    <t>14596761</t>
  </si>
  <si>
    <t>09628746</t>
  </si>
  <si>
    <t>16-Aug-06</t>
  </si>
  <si>
    <t>TAI, YUEN KWAN</t>
  </si>
  <si>
    <t>鄧伊言</t>
  </si>
  <si>
    <t>14404180</t>
  </si>
  <si>
    <t>10614141</t>
  </si>
  <si>
    <t>18-Dec-06</t>
  </si>
  <si>
    <t>TENG, ELVINA</t>
  </si>
  <si>
    <t>黃樂懷</t>
  </si>
  <si>
    <t>14458335</t>
  </si>
  <si>
    <t>10613889</t>
  </si>
  <si>
    <t>30-Mar-07</t>
  </si>
  <si>
    <t>VONG, LOK WAI</t>
  </si>
  <si>
    <t>李可兒</t>
  </si>
  <si>
    <t>14548515</t>
  </si>
  <si>
    <t>10613439</t>
  </si>
  <si>
    <t>WONG DAS NEVES JULIETA</t>
  </si>
  <si>
    <t>14507040</t>
  </si>
  <si>
    <t>10613919</t>
  </si>
  <si>
    <t>08-Aug-07</t>
  </si>
  <si>
    <t>YUAN, WA CHON</t>
  </si>
  <si>
    <t>歐子俊</t>
  </si>
  <si>
    <t>S4</t>
  </si>
  <si>
    <t>13787114</t>
  </si>
  <si>
    <t>07015437</t>
  </si>
  <si>
    <t>13-Dec-03</t>
  </si>
  <si>
    <t>AU CHI CHON</t>
  </si>
  <si>
    <t>曹可瑩</t>
  </si>
  <si>
    <t>S0529267</t>
  </si>
  <si>
    <t>23-Jan-06</t>
  </si>
  <si>
    <t>CAO HO YING</t>
  </si>
  <si>
    <t>陳永康</t>
  </si>
  <si>
    <t>14342802</t>
  </si>
  <si>
    <t>09011544</t>
  </si>
  <si>
    <t>15-Jul-06</t>
  </si>
  <si>
    <t>CHAN WENG HONG</t>
  </si>
  <si>
    <t>陳政行</t>
  </si>
  <si>
    <t>14150486</t>
  </si>
  <si>
    <t>08004838</t>
  </si>
  <si>
    <t>05-Nov-05</t>
  </si>
  <si>
    <t>CHAN, CHENG HANG</t>
  </si>
  <si>
    <t>陳皓琳</t>
  </si>
  <si>
    <t>14185672</t>
  </si>
  <si>
    <t>09003401</t>
  </si>
  <si>
    <t>27-Dec-05</t>
  </si>
  <si>
    <t>CHAN, HOU LAM</t>
  </si>
  <si>
    <t>14410120</t>
  </si>
  <si>
    <t>09003363</t>
  </si>
  <si>
    <t>26-Nov-06</t>
  </si>
  <si>
    <t xml:space="preserve">CHE, IAN IAN_x000D_
_x000D_
_x000D_
</t>
  </si>
  <si>
    <t>張曉怡</t>
  </si>
  <si>
    <t>16263410</t>
  </si>
  <si>
    <t>15014924</t>
  </si>
  <si>
    <t>07-Oct-05</t>
  </si>
  <si>
    <t>CHEONG HIO I</t>
  </si>
  <si>
    <t>張國峯</t>
  </si>
  <si>
    <t>13970918</t>
  </si>
  <si>
    <t>08647100</t>
  </si>
  <si>
    <t>09-Jan-05</t>
  </si>
  <si>
    <t>CHEONG, KUOK FONG</t>
  </si>
  <si>
    <t>蔡梓欣</t>
  </si>
  <si>
    <t>14212641</t>
  </si>
  <si>
    <t>08648786</t>
  </si>
  <si>
    <t>28-Oct-05</t>
  </si>
  <si>
    <t>徐溢男</t>
  </si>
  <si>
    <t>14284350</t>
  </si>
  <si>
    <t>09003479</t>
  </si>
  <si>
    <t>01-May-06</t>
  </si>
  <si>
    <t>CHOI, IAT NAM</t>
  </si>
  <si>
    <t>鍾欣彤</t>
  </si>
  <si>
    <t>14427967</t>
  </si>
  <si>
    <t>09003525</t>
  </si>
  <si>
    <t>17-Dec-06</t>
  </si>
  <si>
    <t>CHONG, IAN TONG</t>
  </si>
  <si>
    <t>曾浩文</t>
  </si>
  <si>
    <t>14224638</t>
  </si>
  <si>
    <t>09003878</t>
  </si>
  <si>
    <t>DA SILVA PEDRUCO CHANG, MELVIN</t>
  </si>
  <si>
    <t>游駿滔</t>
  </si>
  <si>
    <t>14358238</t>
  </si>
  <si>
    <t>09003452</t>
  </si>
  <si>
    <t>14-Oct-06</t>
  </si>
  <si>
    <t>IAO, CHON TOU</t>
  </si>
  <si>
    <t>楊梓皓</t>
  </si>
  <si>
    <t>14225924</t>
  </si>
  <si>
    <t>09003460</t>
  </si>
  <si>
    <t>18-Jan-06</t>
  </si>
  <si>
    <t>IEONG, CHI HOU</t>
  </si>
  <si>
    <t>楊珞言</t>
  </si>
  <si>
    <t>14341663</t>
  </si>
  <si>
    <t>09004203</t>
  </si>
  <si>
    <t>12-Aug-06</t>
  </si>
  <si>
    <t>IEONG, LOK IN</t>
  </si>
  <si>
    <t>鄺樂恆</t>
  </si>
  <si>
    <t>14320832</t>
  </si>
  <si>
    <t>09660666</t>
  </si>
  <si>
    <t>08-Jun-06</t>
  </si>
  <si>
    <t>KUONG, LOK HANG</t>
  </si>
  <si>
    <t>劉寶瑩</t>
  </si>
  <si>
    <t>14446694</t>
  </si>
  <si>
    <t>09018174</t>
  </si>
  <si>
    <t>16-Sep-06</t>
  </si>
  <si>
    <t>LAO BAO YING</t>
  </si>
  <si>
    <t>劉柏賢</t>
  </si>
  <si>
    <t>14705339</t>
  </si>
  <si>
    <t>07017197</t>
  </si>
  <si>
    <t>08-Dec-04</t>
  </si>
  <si>
    <t>LAO, PAK YIN</t>
  </si>
  <si>
    <t>李瑋軒</t>
  </si>
  <si>
    <t>14563449</t>
  </si>
  <si>
    <t>09660801</t>
  </si>
  <si>
    <t>30-Apr-06</t>
  </si>
  <si>
    <t>LEI, WAI HIN</t>
  </si>
  <si>
    <t>林嘉怡</t>
  </si>
  <si>
    <t>13958491</t>
  </si>
  <si>
    <t>07004435</t>
  </si>
  <si>
    <t>25-Dec-04</t>
  </si>
  <si>
    <t>LIN, KA I</t>
  </si>
  <si>
    <t>蒙依情</t>
  </si>
  <si>
    <t>14337216</t>
  </si>
  <si>
    <t>09003975</t>
  </si>
  <si>
    <t>26-Aug-06</t>
  </si>
  <si>
    <t>LOPES MONTEIRO, REGINA ANTONIO</t>
  </si>
  <si>
    <t>莫喆曦</t>
  </si>
  <si>
    <t>14296610</t>
  </si>
  <si>
    <t>12608769</t>
  </si>
  <si>
    <t>19-Jun-06</t>
  </si>
  <si>
    <t>MOK CHIT HEI</t>
  </si>
  <si>
    <t>伍峻輝</t>
  </si>
  <si>
    <t>14047377</t>
  </si>
  <si>
    <t>08648441</t>
  </si>
  <si>
    <t>31-May-05</t>
  </si>
  <si>
    <t>NG, CHON FAI</t>
  </si>
  <si>
    <t>吳美橋</t>
  </si>
  <si>
    <t>14184030</t>
  </si>
  <si>
    <t>08629846</t>
  </si>
  <si>
    <t>14-Nov-05</t>
  </si>
  <si>
    <t xml:space="preserve">NG, MEI KIO_x000D_
</t>
  </si>
  <si>
    <t>司徒昕熹</t>
  </si>
  <si>
    <t>14250237</t>
  </si>
  <si>
    <t>09003789</t>
  </si>
  <si>
    <t>02-Feb-06</t>
  </si>
  <si>
    <t>SI TOU, IAN HEI</t>
  </si>
  <si>
    <t>譚穎渝</t>
  </si>
  <si>
    <t>14194302</t>
  </si>
  <si>
    <t>09007679</t>
  </si>
  <si>
    <t>16-Jan-06</t>
  </si>
  <si>
    <t>TAM, WENG U</t>
  </si>
  <si>
    <t>黃穎希</t>
  </si>
  <si>
    <t>14305767</t>
  </si>
  <si>
    <t>09004122</t>
  </si>
  <si>
    <t>14-Jun-06</t>
  </si>
  <si>
    <t>胡俊曦</t>
  </si>
  <si>
    <t>14312813</t>
  </si>
  <si>
    <t>09004432</t>
  </si>
  <si>
    <t>18-Jun-06</t>
  </si>
  <si>
    <t>WU, CHON HEI</t>
  </si>
  <si>
    <t>雷梓揚</t>
  </si>
  <si>
    <t>14409106</t>
  </si>
  <si>
    <t>09004602</t>
  </si>
  <si>
    <t>16-Nov-06</t>
  </si>
  <si>
    <t>LOI, CHI IEONG</t>
  </si>
  <si>
    <t>陳佩盈</t>
  </si>
  <si>
    <t>14199202</t>
  </si>
  <si>
    <t>09003827</t>
  </si>
  <si>
    <t>CHAN, PUI IENG</t>
  </si>
  <si>
    <t>14271589</t>
  </si>
  <si>
    <t>09003355</t>
  </si>
  <si>
    <t>03-Apr-06</t>
  </si>
  <si>
    <t>CHAN, UN HIM</t>
  </si>
  <si>
    <t>張穎浤</t>
  </si>
  <si>
    <t>15365760</t>
  </si>
  <si>
    <t>13019961</t>
  </si>
  <si>
    <t>30-Nov-05</t>
  </si>
  <si>
    <t>CHANG YING HONG</t>
  </si>
  <si>
    <t>周雅慧</t>
  </si>
  <si>
    <t>14334643</t>
  </si>
  <si>
    <t>09004459</t>
  </si>
  <si>
    <t>14-Jul-06</t>
  </si>
  <si>
    <t>CHAO, NGA WAI</t>
  </si>
  <si>
    <t>陳錦洲</t>
  </si>
  <si>
    <t>14331250</t>
  </si>
  <si>
    <t>CHEN KAM CHAO</t>
  </si>
  <si>
    <t>陳愷晴</t>
  </si>
  <si>
    <t>14649461</t>
  </si>
  <si>
    <t>09004157</t>
  </si>
  <si>
    <t>13-Nov-06</t>
  </si>
  <si>
    <t>CHEN, BERNICE</t>
  </si>
  <si>
    <t>14253025</t>
  </si>
  <si>
    <t>09003835</t>
  </si>
  <si>
    <t>07-Feb-06</t>
  </si>
  <si>
    <t>CHENG, SIN UN</t>
  </si>
  <si>
    <t>馮潁言</t>
  </si>
  <si>
    <t>14234504</t>
  </si>
  <si>
    <t>09660585</t>
  </si>
  <si>
    <t>11-Mar-06</t>
  </si>
  <si>
    <t>FONG, WENG IN</t>
  </si>
  <si>
    <t>何浩賢</t>
  </si>
  <si>
    <t>14207708</t>
  </si>
  <si>
    <t>09003584</t>
  </si>
  <si>
    <t>28-Jan-06</t>
  </si>
  <si>
    <t>HO, HOU IN</t>
  </si>
  <si>
    <t>何珮琳</t>
  </si>
  <si>
    <t>14393714</t>
  </si>
  <si>
    <t>0900341X</t>
  </si>
  <si>
    <t>04-Dec-06</t>
  </si>
  <si>
    <t>HO, PUI LAM</t>
  </si>
  <si>
    <t>甄凱棋</t>
  </si>
  <si>
    <t>14268361</t>
  </si>
  <si>
    <t>09003649</t>
  </si>
  <si>
    <t>02-Apr-06</t>
  </si>
  <si>
    <t>IAN, HOI KEI</t>
  </si>
  <si>
    <t>楊卓琳</t>
  </si>
  <si>
    <t>14290852</t>
  </si>
  <si>
    <t>09660623</t>
  </si>
  <si>
    <t>01-Jun-06</t>
  </si>
  <si>
    <t>IEONG,CHEOK LAM</t>
  </si>
  <si>
    <t>簡展朗</t>
  </si>
  <si>
    <t>14289870</t>
  </si>
  <si>
    <t>09003894</t>
  </si>
  <si>
    <t>06-Mar-06</t>
  </si>
  <si>
    <t>KAN, CHIN LONG</t>
  </si>
  <si>
    <t>黎彥男</t>
  </si>
  <si>
    <t>14047351</t>
  </si>
  <si>
    <t>08647240</t>
  </si>
  <si>
    <t>06-May-05</t>
  </si>
  <si>
    <t>LAI, IN NAM</t>
  </si>
  <si>
    <t>劉芷晴</t>
  </si>
  <si>
    <t>14183958</t>
  </si>
  <si>
    <t>09004521</t>
  </si>
  <si>
    <t>LAO, CHI CHENG</t>
  </si>
  <si>
    <t>劉昊致</t>
  </si>
  <si>
    <t>14116925</t>
  </si>
  <si>
    <t>08011036</t>
  </si>
  <si>
    <t>10-Sep-05</t>
  </si>
  <si>
    <t>LAO, HOU CHI</t>
  </si>
  <si>
    <t>14185722</t>
  </si>
  <si>
    <t>0862982X</t>
  </si>
  <si>
    <t>15-Dec-05</t>
  </si>
  <si>
    <t>LEI, MAN HIN</t>
  </si>
  <si>
    <t>李筱悠</t>
  </si>
  <si>
    <t>14227821</t>
  </si>
  <si>
    <t>09003576</t>
  </si>
  <si>
    <t>22-Feb-06</t>
  </si>
  <si>
    <t>LEI, SIO IAO</t>
  </si>
  <si>
    <t>梁凱琪</t>
  </si>
  <si>
    <t>14193601</t>
  </si>
  <si>
    <t>09660828</t>
  </si>
  <si>
    <t>29-Dec-05</t>
  </si>
  <si>
    <t>LEONG, HOI KEI</t>
  </si>
  <si>
    <t>羅芷珊</t>
  </si>
  <si>
    <t>14216113</t>
  </si>
  <si>
    <t>0901196X</t>
  </si>
  <si>
    <t>12-Feb-06</t>
  </si>
  <si>
    <t>LO, CHI SAN</t>
  </si>
  <si>
    <t>羅沛澄</t>
  </si>
  <si>
    <t>14369821</t>
  </si>
  <si>
    <t>09003959</t>
  </si>
  <si>
    <t>09-Sep-06</t>
  </si>
  <si>
    <t>LO, PUI CHENG</t>
  </si>
  <si>
    <t>雷湋智</t>
  </si>
  <si>
    <t>14305023</t>
  </si>
  <si>
    <t>09004610</t>
  </si>
  <si>
    <t>24-May-06</t>
  </si>
  <si>
    <t>LOI, WAI CHI JUSTINO</t>
  </si>
  <si>
    <t>駱緻瑩</t>
  </si>
  <si>
    <t>14348833</t>
  </si>
  <si>
    <t>09003606</t>
  </si>
  <si>
    <t>06-Sep-06</t>
  </si>
  <si>
    <t>LOK, CHI IENG ANNAMAY</t>
  </si>
  <si>
    <t>吳家亮</t>
  </si>
  <si>
    <t>14189724</t>
  </si>
  <si>
    <t>08012202</t>
  </si>
  <si>
    <t>31-Dec-05</t>
  </si>
  <si>
    <t>NG, KA LEONG</t>
  </si>
  <si>
    <t>彭楚鈞</t>
  </si>
  <si>
    <t>14275523</t>
  </si>
  <si>
    <t>09003622</t>
  </si>
  <si>
    <t>09-Apr-06</t>
  </si>
  <si>
    <t>PANG, CHO KUAN</t>
  </si>
  <si>
    <t>蘇永賢</t>
  </si>
  <si>
    <t>14235154</t>
  </si>
  <si>
    <t>09004343</t>
  </si>
  <si>
    <t>SOU, WENG IN</t>
  </si>
  <si>
    <t>趙浩霆</t>
  </si>
  <si>
    <t>14296396</t>
  </si>
  <si>
    <t>09003916</t>
  </si>
  <si>
    <t>ZHAO, RICO</t>
  </si>
  <si>
    <t>陳永健</t>
  </si>
  <si>
    <t>14342836</t>
  </si>
  <si>
    <t>0901151X</t>
  </si>
  <si>
    <t>CHAN WENG KIN</t>
  </si>
  <si>
    <t>陳雋曄</t>
  </si>
  <si>
    <t>14327852</t>
  </si>
  <si>
    <t>09003800</t>
  </si>
  <si>
    <t>27-Jul-06</t>
  </si>
  <si>
    <t>CHAN, CHON IP</t>
  </si>
  <si>
    <t>陳康琦</t>
  </si>
  <si>
    <t>14352355</t>
  </si>
  <si>
    <t>09004424</t>
  </si>
  <si>
    <t>22-Aug-06</t>
  </si>
  <si>
    <t>CHAN, HONG KEI</t>
  </si>
  <si>
    <t>陳繼聰</t>
  </si>
  <si>
    <t>14311385</t>
  </si>
  <si>
    <t>09004440</t>
  </si>
  <si>
    <t>03-Jun-06</t>
  </si>
  <si>
    <t>CHAN, KAI CHONG</t>
  </si>
  <si>
    <t>陳聿豐</t>
  </si>
  <si>
    <t>14217632</t>
  </si>
  <si>
    <t>09003428</t>
  </si>
  <si>
    <t>12-Jan-06</t>
  </si>
  <si>
    <t>CHAN, LOT FONG</t>
  </si>
  <si>
    <t>蔡信賢</t>
  </si>
  <si>
    <t>14215941</t>
  </si>
  <si>
    <t>09673008</t>
  </si>
  <si>
    <t>10-Feb-06</t>
  </si>
  <si>
    <t>CHOI SON IN</t>
  </si>
  <si>
    <t>14226716</t>
  </si>
  <si>
    <t>0900355X</t>
  </si>
  <si>
    <t>23-Feb-06</t>
  </si>
  <si>
    <t>FONG, MAGGIE Q</t>
  </si>
  <si>
    <t>楊凱淇</t>
  </si>
  <si>
    <t>14289912</t>
  </si>
  <si>
    <t>09003665</t>
  </si>
  <si>
    <t>28-Mar-06</t>
  </si>
  <si>
    <t>IEONG, HOI KEI</t>
  </si>
  <si>
    <t>葛泳逸</t>
  </si>
  <si>
    <t>14340574</t>
  </si>
  <si>
    <t>09004238</t>
  </si>
  <si>
    <t>10-Aug-06</t>
  </si>
  <si>
    <t>KOT, WENG IAT</t>
  </si>
  <si>
    <t>關國安</t>
  </si>
  <si>
    <t>14356612</t>
  </si>
  <si>
    <t>09004246</t>
  </si>
  <si>
    <t>03-Oct-06</t>
  </si>
  <si>
    <t>KUAN, ALEXANDRE</t>
  </si>
  <si>
    <t>賴卓賢</t>
  </si>
  <si>
    <t>14322176</t>
  </si>
  <si>
    <t>0900372X</t>
  </si>
  <si>
    <t>22-Jun-06</t>
  </si>
  <si>
    <t>LAI, CHEOK IN</t>
  </si>
  <si>
    <t>黎逸朗</t>
  </si>
  <si>
    <t>14313027</t>
  </si>
  <si>
    <t>09004262</t>
  </si>
  <si>
    <t>LAI, IAT LONG</t>
  </si>
  <si>
    <t>劉璟燁</t>
  </si>
  <si>
    <t>14236962</t>
  </si>
  <si>
    <t>09660747</t>
  </si>
  <si>
    <t>18-Feb-06</t>
  </si>
  <si>
    <t>LAU, KENG IP</t>
  </si>
  <si>
    <t>李敏僑</t>
  </si>
  <si>
    <t>14225502</t>
  </si>
  <si>
    <t>09003568</t>
  </si>
  <si>
    <t>03-Mar-06</t>
  </si>
  <si>
    <t>LEI MAN KIO</t>
  </si>
  <si>
    <t>黃社</t>
    <phoneticPr fontId="3" type="noConversion"/>
  </si>
  <si>
    <t>李卓恆</t>
  </si>
  <si>
    <t>14238679</t>
  </si>
  <si>
    <t>0900453X</t>
  </si>
  <si>
    <t>19-Feb-06</t>
  </si>
  <si>
    <t>LEI, CHEOK HANG</t>
  </si>
  <si>
    <t>李漪寧</t>
  </si>
  <si>
    <t>14363774</t>
  </si>
  <si>
    <t>09004548</t>
  </si>
  <si>
    <t>26-Sep-06</t>
  </si>
  <si>
    <t>LEI, I NENG</t>
  </si>
  <si>
    <t>14332100</t>
  </si>
  <si>
    <t>09004556</t>
  </si>
  <si>
    <t>22-Jul-06</t>
  </si>
  <si>
    <t>LEI, KUAN U</t>
  </si>
  <si>
    <t>梁汪涵</t>
  </si>
  <si>
    <t>13993951</t>
  </si>
  <si>
    <t>08649006</t>
  </si>
  <si>
    <t>31-Jan-05</t>
  </si>
  <si>
    <t>LEONG, WONG HAM</t>
  </si>
  <si>
    <t>梁皓鋒</t>
  </si>
  <si>
    <t>14554562</t>
  </si>
  <si>
    <t>09003940</t>
  </si>
  <si>
    <t>10-May-06</t>
  </si>
  <si>
    <t>LEUNG, HOU FONG</t>
  </si>
  <si>
    <t>15107675</t>
  </si>
  <si>
    <t>10614435</t>
  </si>
  <si>
    <t>15-Jun-06</t>
  </si>
  <si>
    <t>LI WEIZI</t>
  </si>
  <si>
    <t>廖偉樑</t>
  </si>
  <si>
    <t>14035521</t>
  </si>
  <si>
    <t>08004889</t>
  </si>
  <si>
    <t>26-Jan-05</t>
  </si>
  <si>
    <t>LIO, WAI LEONG</t>
  </si>
  <si>
    <t>羅君陽</t>
  </si>
  <si>
    <t>14186639</t>
  </si>
  <si>
    <t>09004599</t>
  </si>
  <si>
    <t>21-Dec-05</t>
  </si>
  <si>
    <t>LO, KUAN IEONG</t>
  </si>
  <si>
    <t>麥靖烔</t>
  </si>
  <si>
    <t>14203814</t>
  </si>
  <si>
    <t>08630100</t>
  </si>
  <si>
    <t>22-Dec-05</t>
  </si>
  <si>
    <t>MAK, CHENG TONG</t>
  </si>
  <si>
    <t>彭鎧澄</t>
  </si>
  <si>
    <t>14311765</t>
  </si>
  <si>
    <t>09003630</t>
  </si>
  <si>
    <t>PANG, HOI CHENG</t>
  </si>
  <si>
    <t>潘嘉樂</t>
  </si>
  <si>
    <t>14347850</t>
  </si>
  <si>
    <t>09660887</t>
  </si>
  <si>
    <t>11-Jul-06</t>
  </si>
  <si>
    <t>POON, KA LOK</t>
  </si>
  <si>
    <t>岑芷悠</t>
  </si>
  <si>
    <t>14296669</t>
  </si>
  <si>
    <t>09003983</t>
  </si>
  <si>
    <t>21-May-06</t>
  </si>
  <si>
    <t>SAM, CHI IAO</t>
  </si>
  <si>
    <t>司徒子謙</t>
  </si>
  <si>
    <t>14282867</t>
  </si>
  <si>
    <t>09003991</t>
  </si>
  <si>
    <t>20-Apr-06</t>
  </si>
  <si>
    <t>SI TOU, CHI HIM</t>
  </si>
  <si>
    <t>崔焯男</t>
  </si>
  <si>
    <t>14012033</t>
  </si>
  <si>
    <t>08647429</t>
  </si>
  <si>
    <t>15-Mar-05</t>
  </si>
  <si>
    <t>SOU ANOK, CRISTIANO EURICO</t>
  </si>
  <si>
    <t>譚羨祈</t>
  </si>
  <si>
    <t>14238778</t>
  </si>
  <si>
    <t>0900436X</t>
  </si>
  <si>
    <t>24-Jan-06</t>
  </si>
  <si>
    <t>TAM, SIN KEI</t>
  </si>
  <si>
    <t>杜承駿</t>
  </si>
  <si>
    <t>14283196</t>
  </si>
  <si>
    <t>09004394</t>
  </si>
  <si>
    <t>TOU, SENG CHON</t>
  </si>
  <si>
    <t>張臻浩</t>
  </si>
  <si>
    <t>14549141</t>
  </si>
  <si>
    <t>18594654</t>
  </si>
  <si>
    <t>20-Aug-06</t>
  </si>
  <si>
    <t>ZHANG ZHENHAO</t>
  </si>
  <si>
    <t>歐健恆</t>
  </si>
  <si>
    <t>14225692</t>
  </si>
  <si>
    <t>09004696</t>
  </si>
  <si>
    <t>20-Feb-06</t>
  </si>
  <si>
    <t>AO, KIN HANG</t>
  </si>
  <si>
    <t>14230064</t>
  </si>
  <si>
    <t>0900047X</t>
  </si>
  <si>
    <t>16-Feb-06</t>
  </si>
  <si>
    <t>CHAN SI LONG</t>
  </si>
  <si>
    <t>陳子健</t>
  </si>
  <si>
    <t>13953443</t>
  </si>
  <si>
    <t>08648085</t>
  </si>
  <si>
    <t>24-Nov-04</t>
  </si>
  <si>
    <t>CHAN, CHI KIN</t>
  </si>
  <si>
    <t>陳奕匡</t>
  </si>
  <si>
    <t>14252332</t>
  </si>
  <si>
    <t>09003819</t>
  </si>
  <si>
    <t>18-Mar-06</t>
  </si>
  <si>
    <t>CHAN, IEK HONG</t>
  </si>
  <si>
    <t>陳宏楓</t>
  </si>
  <si>
    <t>14286587</t>
  </si>
  <si>
    <t>09660461</t>
  </si>
  <si>
    <t>25-May-06</t>
  </si>
  <si>
    <t>CHAN, WANG FONG</t>
  </si>
  <si>
    <t>趙頌賢</t>
  </si>
  <si>
    <t>14321434</t>
  </si>
  <si>
    <t>09003843</t>
  </si>
  <si>
    <t>26-Jun-06</t>
  </si>
  <si>
    <t>CHIO, CHONG IN</t>
  </si>
  <si>
    <t>趙正男</t>
  </si>
  <si>
    <t>14354328</t>
  </si>
  <si>
    <t>09003851</t>
  </si>
  <si>
    <t>14-Aug-06</t>
  </si>
  <si>
    <t>CHIU, CHING NAM</t>
  </si>
  <si>
    <t>蔡景年</t>
  </si>
  <si>
    <t>14222350</t>
  </si>
  <si>
    <t>08630844</t>
  </si>
  <si>
    <t>03-Dec-05</t>
  </si>
  <si>
    <t>CHOI, KENG NIN</t>
  </si>
  <si>
    <t>鍾啓正</t>
  </si>
  <si>
    <t>14257760</t>
  </si>
  <si>
    <t>09608486</t>
  </si>
  <si>
    <t>31-Jan-06</t>
  </si>
  <si>
    <t>CHONG KAI CHENG</t>
  </si>
  <si>
    <t>許晉熙</t>
  </si>
  <si>
    <t>14362057</t>
  </si>
  <si>
    <t>09004505</t>
  </si>
  <si>
    <t>19-Sep-06</t>
  </si>
  <si>
    <t>HOI, CHON HEI</t>
  </si>
  <si>
    <t>14338271</t>
  </si>
  <si>
    <t>09011579</t>
  </si>
  <si>
    <t>IEONG SAM MEI</t>
  </si>
  <si>
    <t>阮國樑</t>
  </si>
  <si>
    <t>14197396</t>
  </si>
  <si>
    <t>0900422X</t>
  </si>
  <si>
    <t>IUN, KUOK LEONG</t>
  </si>
  <si>
    <t>郭昱枬</t>
  </si>
  <si>
    <t>14380265</t>
  </si>
  <si>
    <t>09003908</t>
  </si>
  <si>
    <t>11-Nov-06</t>
  </si>
  <si>
    <t>KOK, IOK NAM</t>
  </si>
  <si>
    <t>高頌賢</t>
  </si>
  <si>
    <t>14244917</t>
  </si>
  <si>
    <t>0966064X</t>
  </si>
  <si>
    <t>24-Dec-05</t>
  </si>
  <si>
    <t>KOU, CHONG IN</t>
  </si>
  <si>
    <t>郭汶浩</t>
  </si>
  <si>
    <t>14192470</t>
  </si>
  <si>
    <t>0862996X</t>
  </si>
  <si>
    <t>08-Dec-05</t>
  </si>
  <si>
    <t>KUOK, MAN HOU</t>
  </si>
  <si>
    <t>林漢濠</t>
  </si>
  <si>
    <t>14009278</t>
  </si>
  <si>
    <t>08646708</t>
  </si>
  <si>
    <t>21-Jan-05</t>
  </si>
  <si>
    <t>LAM, HON HOU</t>
  </si>
  <si>
    <t>林詠瑜</t>
  </si>
  <si>
    <t>14252902</t>
  </si>
  <si>
    <t>09004289</t>
  </si>
  <si>
    <t>LAM, WENG U</t>
  </si>
  <si>
    <t>李宗澤</t>
  </si>
  <si>
    <t>14249148</t>
  </si>
  <si>
    <t>09003738</t>
  </si>
  <si>
    <t>09-Mar-06</t>
  </si>
  <si>
    <t>LEI, CHONG CHAK</t>
  </si>
  <si>
    <t>李凱晴</t>
  </si>
  <si>
    <t>14388367</t>
  </si>
  <si>
    <t>09004297</t>
  </si>
  <si>
    <t>21-Dec-06</t>
  </si>
  <si>
    <t>LEI, HOI CHENG</t>
  </si>
  <si>
    <t>14371363</t>
  </si>
  <si>
    <t>09000380</t>
  </si>
  <si>
    <t>07-Jun-06</t>
  </si>
  <si>
    <t>16174179</t>
  </si>
  <si>
    <t>15604934</t>
  </si>
  <si>
    <t>31-Aug-06</t>
  </si>
  <si>
    <t>LEONG LUN</t>
  </si>
  <si>
    <t>陳心明</t>
  </si>
  <si>
    <t>14280309</t>
  </si>
  <si>
    <t>09004564</t>
  </si>
  <si>
    <t>LEONG RODRIGUES ANDRE, VANESSA</t>
  </si>
  <si>
    <t>梁梓業</t>
  </si>
  <si>
    <t>14391361</t>
  </si>
  <si>
    <t>09003592</t>
  </si>
  <si>
    <t>LEONG, CHI IP</t>
  </si>
  <si>
    <t>梁巧怡</t>
  </si>
  <si>
    <t>14347306</t>
  </si>
  <si>
    <t>09004300</t>
  </si>
  <si>
    <t>11-Sep-06</t>
  </si>
  <si>
    <t>LEONG, HAO I</t>
  </si>
  <si>
    <t>歐逸羲</t>
  </si>
  <si>
    <t>14217350</t>
  </si>
  <si>
    <t>11606576</t>
  </si>
  <si>
    <t>AO IAT HEI</t>
  </si>
  <si>
    <t>丁碩賢</t>
  </si>
  <si>
    <t>14335715</t>
  </si>
  <si>
    <t>09004386</t>
  </si>
  <si>
    <t>TING, SEAK IN</t>
  </si>
  <si>
    <t>14250484</t>
  </si>
  <si>
    <t>09004025</t>
  </si>
  <si>
    <t>04-Apr-06</t>
  </si>
  <si>
    <t>U, SENG HEI</t>
  </si>
  <si>
    <t>黃鏋霖</t>
  </si>
  <si>
    <t>14419949</t>
  </si>
  <si>
    <t>09004726</t>
  </si>
  <si>
    <t>19-Dec-06</t>
  </si>
  <si>
    <t>VONG, MUN LAM</t>
  </si>
  <si>
    <t>黃柏霖</t>
  </si>
  <si>
    <t>14348130</t>
  </si>
  <si>
    <t>09607684</t>
  </si>
  <si>
    <t>WONG, PAK LAM</t>
  </si>
  <si>
    <t>16396756</t>
  </si>
  <si>
    <t>17579031</t>
  </si>
  <si>
    <t>25-Mar-06</t>
  </si>
  <si>
    <t>ZHONG YUTONG</t>
  </si>
  <si>
    <t>陳晞桐</t>
  </si>
  <si>
    <t>S5</t>
  </si>
  <si>
    <t>14129019</t>
  </si>
  <si>
    <t>08630704</t>
  </si>
  <si>
    <t>07-Sep-05</t>
  </si>
  <si>
    <t>CHAN, HEI TONG</t>
  </si>
  <si>
    <t>14015192</t>
  </si>
  <si>
    <t>08647062</t>
  </si>
  <si>
    <t>20-Mar-05</t>
  </si>
  <si>
    <t>CHAO, IAT MENG</t>
  </si>
  <si>
    <t>鄭樂瑤</t>
  </si>
  <si>
    <t>14135503</t>
  </si>
  <si>
    <t>08647089</t>
  </si>
  <si>
    <t>13-Sep-05</t>
  </si>
  <si>
    <t>CHEANG, LOK IO</t>
  </si>
  <si>
    <t>張苑翹</t>
  </si>
  <si>
    <t>13954508</t>
  </si>
  <si>
    <t>07019408</t>
  </si>
  <si>
    <t>02-Dec-04</t>
  </si>
  <si>
    <t>CHEONG, UN KIO</t>
  </si>
  <si>
    <t>14091979</t>
  </si>
  <si>
    <t>0864876X</t>
  </si>
  <si>
    <t>23-May-05</t>
  </si>
  <si>
    <t>CHEONG, WAI CHENG</t>
  </si>
  <si>
    <t>張澍軒</t>
  </si>
  <si>
    <t>14060230</t>
  </si>
  <si>
    <t>0864814X</t>
  </si>
  <si>
    <t>CHEONG,SU HIN</t>
  </si>
  <si>
    <t>14139596</t>
  </si>
  <si>
    <t>08647623</t>
  </si>
  <si>
    <t>13-Oct-05</t>
  </si>
  <si>
    <t>DE CAMPOS PEREIRA, VANESSA</t>
  </si>
  <si>
    <t>鮑祉澄</t>
  </si>
  <si>
    <t>14132716</t>
  </si>
  <si>
    <t>0864764X</t>
  </si>
  <si>
    <t>30-Aug-05</t>
  </si>
  <si>
    <t>DOS SANTOS PAU, NELIA</t>
  </si>
  <si>
    <t>飛凱瑩</t>
  </si>
  <si>
    <t>14050389</t>
  </si>
  <si>
    <t>08647666</t>
  </si>
  <si>
    <t>16-Apr-05</t>
  </si>
  <si>
    <t>FERNANDES CHAN, ALEXANDRA LUCIA</t>
  </si>
  <si>
    <t>13983846</t>
  </si>
  <si>
    <t>08647682</t>
  </si>
  <si>
    <t>13-Feb-05</t>
  </si>
  <si>
    <t>HE, WAI LONG</t>
  </si>
  <si>
    <t>楊銘</t>
  </si>
  <si>
    <t>13977434</t>
  </si>
  <si>
    <t>20583397</t>
  </si>
  <si>
    <t>IEONG MENG</t>
  </si>
  <si>
    <t>14054506</t>
  </si>
  <si>
    <t>08648247</t>
  </si>
  <si>
    <t>11-Apr-05</t>
  </si>
  <si>
    <t>KU,  MAN CHI</t>
  </si>
  <si>
    <t>關皓銘</t>
  </si>
  <si>
    <t>13600556</t>
  </si>
  <si>
    <t>05037670</t>
  </si>
  <si>
    <t>11-Apr-02</t>
  </si>
  <si>
    <t>KUAN HOU MENG</t>
  </si>
  <si>
    <t>郭芷恩</t>
  </si>
  <si>
    <t>14044838</t>
  </si>
  <si>
    <t>08647208</t>
  </si>
  <si>
    <t>25-Apr-05</t>
  </si>
  <si>
    <t>KUOK, CHI IAN</t>
  </si>
  <si>
    <t>14078885</t>
  </si>
  <si>
    <t>0864778X</t>
  </si>
  <si>
    <t>01-Jun-05</t>
  </si>
  <si>
    <t>LAI, HIO HANG</t>
  </si>
  <si>
    <t>利婉汶</t>
  </si>
  <si>
    <t>14075352</t>
  </si>
  <si>
    <t>08648921</t>
  </si>
  <si>
    <t>03-Jun-05</t>
  </si>
  <si>
    <t>LEI, UN MAN</t>
  </si>
  <si>
    <t>梁焯紘</t>
  </si>
  <si>
    <t>14032585</t>
  </si>
  <si>
    <t>08648948</t>
  </si>
  <si>
    <t>24-Feb-05</t>
  </si>
  <si>
    <t>LEONG, CHEOK WANG</t>
  </si>
  <si>
    <t>14321657</t>
  </si>
  <si>
    <t>17001137</t>
  </si>
  <si>
    <t>12-May-04</t>
  </si>
  <si>
    <t>LIAO U HON</t>
  </si>
  <si>
    <t>呂弘燁</t>
  </si>
  <si>
    <t>14088389</t>
  </si>
  <si>
    <t>08647909</t>
  </si>
  <si>
    <t>24-Jul-05</t>
  </si>
  <si>
    <t>LOI, WANG IP</t>
  </si>
  <si>
    <t>盧安兒</t>
  </si>
  <si>
    <t>14112858</t>
  </si>
  <si>
    <t>08649022</t>
  </si>
  <si>
    <t>10-Aug-05</t>
  </si>
  <si>
    <t>LOU, ON I</t>
  </si>
  <si>
    <t>14086805</t>
  </si>
  <si>
    <t>08647941</t>
  </si>
  <si>
    <t>01-Jul-05</t>
  </si>
  <si>
    <t>LOU, PUI CHENG</t>
  </si>
  <si>
    <t>伍嘉敏</t>
  </si>
  <si>
    <t>14182984</t>
  </si>
  <si>
    <t>08648468</t>
  </si>
  <si>
    <t>26-Sep-05</t>
  </si>
  <si>
    <t>NG, KA MAN</t>
  </si>
  <si>
    <t>14011035</t>
  </si>
  <si>
    <t>08647402</t>
  </si>
  <si>
    <t>SAM, WENG KEI</t>
  </si>
  <si>
    <t>施朝暉</t>
  </si>
  <si>
    <t>14044861</t>
  </si>
  <si>
    <t>08646821</t>
  </si>
  <si>
    <t>27-Feb-05</t>
  </si>
  <si>
    <t>SI, CHIO FAI</t>
  </si>
  <si>
    <t>蘇佩芝</t>
  </si>
  <si>
    <t>14136535</t>
  </si>
  <si>
    <t>08647984</t>
  </si>
  <si>
    <t>23-Sep-05</t>
  </si>
  <si>
    <t>SOU, PUI CHI</t>
  </si>
  <si>
    <t>杜彩溢</t>
  </si>
  <si>
    <t>14577647</t>
  </si>
  <si>
    <t>08647488</t>
  </si>
  <si>
    <t>TOU, CHOI IAT</t>
  </si>
  <si>
    <t>14629646</t>
  </si>
  <si>
    <t>08646945</t>
  </si>
  <si>
    <t>08-Sep-05</t>
  </si>
  <si>
    <t>WONG,TIN NGA EUNIS</t>
  </si>
  <si>
    <t>14310700</t>
  </si>
  <si>
    <t>09623205</t>
  </si>
  <si>
    <t>27-Jul-05</t>
  </si>
  <si>
    <t>ZHOU HIO WA</t>
  </si>
  <si>
    <t>陳穎欣</t>
  </si>
  <si>
    <t>13970942</t>
  </si>
  <si>
    <t>08648700</t>
  </si>
  <si>
    <t>04-Jan-05</t>
  </si>
  <si>
    <t>CHEN, WENG, IAN</t>
  </si>
  <si>
    <t>卓月荷</t>
  </si>
  <si>
    <t>13992292</t>
  </si>
  <si>
    <t>0800465X</t>
  </si>
  <si>
    <t>19-Feb-05</t>
  </si>
  <si>
    <t>CHEOK UT HO</t>
  </si>
  <si>
    <t>14080337</t>
  </si>
  <si>
    <t>08646589</t>
  </si>
  <si>
    <t>22-Jun-05</t>
  </si>
  <si>
    <t>CHEONG, HOI CHENG</t>
  </si>
  <si>
    <t>朱啟豪</t>
  </si>
  <si>
    <t>13841051</t>
  </si>
  <si>
    <t>07015488</t>
  </si>
  <si>
    <t>10-May-04</t>
  </si>
  <si>
    <t>CHU KAI HOU</t>
  </si>
  <si>
    <t>許佩雯</t>
  </si>
  <si>
    <t>14103584</t>
  </si>
  <si>
    <t>08648026</t>
  </si>
  <si>
    <t>08-Feb-05</t>
  </si>
  <si>
    <t>HOI, PUI MAN</t>
  </si>
  <si>
    <t>黃凱琳</t>
  </si>
  <si>
    <t>15882921</t>
  </si>
  <si>
    <t>20000863</t>
  </si>
  <si>
    <t>HUANG KAILIN</t>
  </si>
  <si>
    <t>江芷瑤</t>
  </si>
  <si>
    <t>14227847</t>
  </si>
  <si>
    <t>08647747</t>
  </si>
  <si>
    <t>19-Dec-05</t>
  </si>
  <si>
    <t>KONG, CHI IO</t>
  </si>
  <si>
    <t>14184808</t>
  </si>
  <si>
    <t>08647224</t>
  </si>
  <si>
    <t>26-Oct-05</t>
  </si>
  <si>
    <t>KUOK, I TENG</t>
  </si>
  <si>
    <t>林澤東</t>
  </si>
  <si>
    <t>14117097</t>
  </si>
  <si>
    <t>08646686</t>
  </si>
  <si>
    <t>02-Feb-05</t>
  </si>
  <si>
    <t>LAM, CHAK TUNG</t>
  </si>
  <si>
    <t>劉永琪</t>
  </si>
  <si>
    <t>14043632</t>
  </si>
  <si>
    <t>08647801</t>
  </si>
  <si>
    <t>21-May-05</t>
  </si>
  <si>
    <t>LAO WENG KEI</t>
  </si>
  <si>
    <t>14149207</t>
  </si>
  <si>
    <t>08648301</t>
  </si>
  <si>
    <t>16-Oct-05</t>
  </si>
  <si>
    <t>LAO, IN TONG</t>
  </si>
  <si>
    <t>李明殷</t>
  </si>
  <si>
    <t>14092878</t>
  </si>
  <si>
    <t>08651124</t>
  </si>
  <si>
    <t>18-May-05</t>
  </si>
  <si>
    <t>LEE MENG IAN</t>
  </si>
  <si>
    <t>梁芷頴</t>
  </si>
  <si>
    <t>14172324</t>
  </si>
  <si>
    <t>08646740</t>
  </si>
  <si>
    <t>11-Oct-05</t>
  </si>
  <si>
    <t>LEONG, CHI WENG</t>
  </si>
  <si>
    <t>羅樂婷</t>
  </si>
  <si>
    <t>14081798</t>
  </si>
  <si>
    <t>08013691</t>
  </si>
  <si>
    <t>LOH, LOK TENG</t>
  </si>
  <si>
    <t>14012249</t>
  </si>
  <si>
    <t>08647348</t>
  </si>
  <si>
    <t>14-Mar-05</t>
  </si>
  <si>
    <t>LOK, TIN LAM</t>
  </si>
  <si>
    <t>林泳彤</t>
  </si>
  <si>
    <t>14190953</t>
  </si>
  <si>
    <t>08647364</t>
  </si>
  <si>
    <t>01-Dec-05</t>
  </si>
  <si>
    <t>MOK LAM, CELINIA ALLISON</t>
  </si>
  <si>
    <t>14138887</t>
  </si>
  <si>
    <t>08632944</t>
  </si>
  <si>
    <t>15-Oct-05</t>
  </si>
  <si>
    <t>NG, HIO LAM</t>
  </si>
  <si>
    <t>13969423</t>
  </si>
  <si>
    <t>07018967</t>
  </si>
  <si>
    <t>20-Nov-04</t>
  </si>
  <si>
    <t>NG, MEI IENG</t>
  </si>
  <si>
    <t>畢浩庭</t>
  </si>
  <si>
    <t>14039895</t>
  </si>
  <si>
    <t>08647968</t>
  </si>
  <si>
    <t>06-Apr-05</t>
  </si>
  <si>
    <t>PAT, HOU TENG</t>
  </si>
  <si>
    <t>潘梓恆</t>
  </si>
  <si>
    <t>13970744</t>
  </si>
  <si>
    <t>08004900</t>
  </si>
  <si>
    <t>15-Jan-05</t>
  </si>
  <si>
    <t>PUN CHI HANG</t>
  </si>
  <si>
    <t>余芷晴</t>
  </si>
  <si>
    <t>14133003</t>
  </si>
  <si>
    <t>08648484</t>
  </si>
  <si>
    <t>22-Aug-05</t>
  </si>
  <si>
    <t>SANTOS IU, ZULMIRA DOS</t>
  </si>
  <si>
    <t>溫柔</t>
  </si>
  <si>
    <t>14240253</t>
  </si>
  <si>
    <t>0864750X</t>
  </si>
  <si>
    <t>05-Jul-05</t>
  </si>
  <si>
    <t>VAN, YAU</t>
  </si>
  <si>
    <t>王卓穎</t>
  </si>
  <si>
    <t>14025613</t>
  </si>
  <si>
    <t>08648042</t>
  </si>
  <si>
    <t>13-Mar-05</t>
  </si>
  <si>
    <t>WONG, CHEOK WENG</t>
  </si>
  <si>
    <t>黃諾文</t>
  </si>
  <si>
    <t>14015440</t>
  </si>
  <si>
    <t>0864912X</t>
  </si>
  <si>
    <t>20-Jan-05</t>
  </si>
  <si>
    <t>WONG, NOK MAN</t>
  </si>
  <si>
    <t>黃琛瑜</t>
  </si>
  <si>
    <t>13710496</t>
  </si>
  <si>
    <t>06009875</t>
  </si>
  <si>
    <t>22-May-03</t>
  </si>
  <si>
    <t>WONG, SAM U</t>
  </si>
  <si>
    <t>夏涵方</t>
  </si>
  <si>
    <t>15861958</t>
  </si>
  <si>
    <t>1557783X</t>
  </si>
  <si>
    <t>12-Oct-05</t>
  </si>
  <si>
    <t>XIA HANFANG</t>
  </si>
  <si>
    <t>徐甄尉</t>
  </si>
  <si>
    <t>16501371</t>
  </si>
  <si>
    <t>20583400</t>
  </si>
  <si>
    <t>14-Nov-04</t>
  </si>
  <si>
    <t>XU ZHENWEI</t>
  </si>
  <si>
    <t>葉晞彤</t>
  </si>
  <si>
    <t>14123137</t>
  </si>
  <si>
    <t>08649162</t>
  </si>
  <si>
    <t>08-Jul-05</t>
  </si>
  <si>
    <t>YIP, HEI TONG</t>
  </si>
  <si>
    <t>布樂謙</t>
  </si>
  <si>
    <t>13993738</t>
  </si>
  <si>
    <t>08000026</t>
  </si>
  <si>
    <t>06-Jan-05</t>
  </si>
  <si>
    <t>BOTELHO FELICIO JOSE</t>
  </si>
  <si>
    <t>14190516</t>
  </si>
  <si>
    <t>08000034</t>
  </si>
  <si>
    <t>CHAN, KA IO</t>
  </si>
  <si>
    <t>14139851</t>
  </si>
  <si>
    <t>08648107</t>
  </si>
  <si>
    <t>21-Oct-05</t>
  </si>
  <si>
    <t>CHAN, MENG IAN</t>
  </si>
  <si>
    <t>14129225</t>
  </si>
  <si>
    <t>07037015</t>
  </si>
  <si>
    <t>17-Oct-04</t>
  </si>
  <si>
    <t>CHENG, YU CHING</t>
  </si>
  <si>
    <t>14167423</t>
  </si>
  <si>
    <t>08647585</t>
  </si>
  <si>
    <t>CHEONG, CHI HIM</t>
  </si>
  <si>
    <t>14235089</t>
  </si>
  <si>
    <t>08648808</t>
  </si>
  <si>
    <t>28-Mar-05</t>
  </si>
  <si>
    <t>14048680</t>
  </si>
  <si>
    <t>08648840</t>
  </si>
  <si>
    <t>30-Mar-05</t>
  </si>
  <si>
    <t>CHU, UT I</t>
  </si>
  <si>
    <t>何其樂</t>
  </si>
  <si>
    <t>13800859</t>
  </si>
  <si>
    <t>07016042</t>
  </si>
  <si>
    <t>21-Jan-04</t>
  </si>
  <si>
    <t>HO KEI LOK</t>
  </si>
  <si>
    <t>黃荷</t>
  </si>
  <si>
    <t>15940919</t>
  </si>
  <si>
    <t>17579066</t>
  </si>
  <si>
    <t>01-Nov-04</t>
  </si>
  <si>
    <t>HUANG HE</t>
  </si>
  <si>
    <t>14139752</t>
  </si>
  <si>
    <t>0801972X</t>
  </si>
  <si>
    <t>21-Sep-05</t>
  </si>
  <si>
    <t>IAO CHI HIN</t>
  </si>
  <si>
    <t>楊樂霖</t>
  </si>
  <si>
    <t>14116818</t>
  </si>
  <si>
    <t>08630046</t>
  </si>
  <si>
    <t>06-Sep-05</t>
  </si>
  <si>
    <t>IEONG LOK LAM</t>
  </si>
  <si>
    <t>14091458</t>
  </si>
  <si>
    <t>08647186</t>
  </si>
  <si>
    <t>02-Jul-05</t>
  </si>
  <si>
    <t>KAM, MAN HEI</t>
  </si>
  <si>
    <t>林政曦</t>
  </si>
  <si>
    <t>13819933</t>
  </si>
  <si>
    <t>07015550</t>
  </si>
  <si>
    <t>04-Apr-04</t>
  </si>
  <si>
    <t>LAM CHENG HEI</t>
  </si>
  <si>
    <t>14049845</t>
  </si>
  <si>
    <t>08625123</t>
  </si>
  <si>
    <t>16-Feb-05</t>
  </si>
  <si>
    <t>LAM HIO CHENG</t>
  </si>
  <si>
    <t>14053763</t>
  </si>
  <si>
    <t>08648905</t>
  </si>
  <si>
    <t>LAM, CHI MEI</t>
  </si>
  <si>
    <t>劉浩輝</t>
  </si>
  <si>
    <t>13913207</t>
  </si>
  <si>
    <t>07032765</t>
  </si>
  <si>
    <t>02-Oct-04</t>
  </si>
  <si>
    <t>LAO, HOU FAI</t>
  </si>
  <si>
    <t>李曉彤</t>
  </si>
  <si>
    <t>13999479</t>
  </si>
  <si>
    <t>08647828</t>
  </si>
  <si>
    <t>23-Jan-05</t>
  </si>
  <si>
    <t>LEI, HIO TONG</t>
  </si>
  <si>
    <t>梁珮琳</t>
  </si>
  <si>
    <t>14137921</t>
  </si>
  <si>
    <t>08648980</t>
  </si>
  <si>
    <t>LEONG PUI LAM</t>
  </si>
  <si>
    <t>14003693</t>
  </si>
  <si>
    <t>08648360</t>
  </si>
  <si>
    <t>06-Mar-05</t>
  </si>
  <si>
    <t>LEONG, CHI IENG</t>
  </si>
  <si>
    <t>14010995</t>
  </si>
  <si>
    <t>08647887</t>
  </si>
  <si>
    <t>12-Dec-04</t>
  </si>
  <si>
    <t>LIO, NGA IAN</t>
  </si>
  <si>
    <t>14042790</t>
  </si>
  <si>
    <t>17579074</t>
  </si>
  <si>
    <t>26-Apr-05</t>
  </si>
  <si>
    <t>LO UT</t>
  </si>
  <si>
    <t>吳芷玲</t>
  </si>
  <si>
    <t>14022685</t>
  </si>
  <si>
    <t>08646767</t>
  </si>
  <si>
    <t>27-Jan-05</t>
  </si>
  <si>
    <t>NG, CHI LENG</t>
  </si>
  <si>
    <t>14130454</t>
  </si>
  <si>
    <t>08010439</t>
  </si>
  <si>
    <t>12-Aug-05</t>
  </si>
  <si>
    <t>NGIE, HELEN</t>
  </si>
  <si>
    <t>14068449</t>
  </si>
  <si>
    <t>08646848</t>
  </si>
  <si>
    <t>04-Jul-05</t>
  </si>
  <si>
    <t>SI, WENG IAN</t>
  </si>
  <si>
    <t>王綽楠</t>
  </si>
  <si>
    <t>14036826</t>
  </si>
  <si>
    <t>0862352X</t>
  </si>
  <si>
    <t>11-Feb-05</t>
  </si>
  <si>
    <t>WONG CHEOK NAM</t>
  </si>
  <si>
    <t>伍浩聰</t>
  </si>
  <si>
    <t>14474308</t>
  </si>
  <si>
    <t>10027742</t>
  </si>
  <si>
    <t>17-May-05</t>
  </si>
  <si>
    <t>WU, HAOCONG</t>
  </si>
  <si>
    <t>13874979</t>
  </si>
  <si>
    <t>07015879</t>
  </si>
  <si>
    <t>11-Jun-04</t>
  </si>
  <si>
    <t>CHAN HIO IN</t>
  </si>
  <si>
    <t>曾梓謙</t>
  </si>
  <si>
    <t>14164891</t>
  </si>
  <si>
    <t>08004846</t>
  </si>
  <si>
    <t>02-Oct-05</t>
  </si>
  <si>
    <t>CHANG CHI HIM</t>
  </si>
  <si>
    <t>周裕庭</t>
  </si>
  <si>
    <t>13841341</t>
  </si>
  <si>
    <t>07015917</t>
  </si>
  <si>
    <t>08-May-04</t>
  </si>
  <si>
    <t>CHAO U TENG</t>
  </si>
  <si>
    <t>14130231</t>
  </si>
  <si>
    <t>07037007</t>
  </si>
  <si>
    <t>CHENG, YU TUNG</t>
  </si>
  <si>
    <t>卓詠霖</t>
  </si>
  <si>
    <t>13997069</t>
  </si>
  <si>
    <t>08629927</t>
  </si>
  <si>
    <t>22-Jan-05</t>
  </si>
  <si>
    <t>CHEOC, WENG LAM</t>
  </si>
  <si>
    <t>13965215</t>
  </si>
  <si>
    <t>08646600</t>
  </si>
  <si>
    <t>31-Dec-04</t>
  </si>
  <si>
    <t>CHIO, SIO NGA</t>
  </si>
  <si>
    <t>14067029</t>
  </si>
  <si>
    <t>08647607</t>
  </si>
  <si>
    <t>CHONG, IOI LAM</t>
  </si>
  <si>
    <t>14050538</t>
  </si>
  <si>
    <t>08648220</t>
  </si>
  <si>
    <t>12-Apr-05</t>
  </si>
  <si>
    <t>HO, KAI PONG</t>
  </si>
  <si>
    <t>何倩宇</t>
  </si>
  <si>
    <t>14047617</t>
  </si>
  <si>
    <t>08646627</t>
  </si>
  <si>
    <t>16-Mar-05</t>
  </si>
  <si>
    <t>HO, SIN U</t>
  </si>
  <si>
    <t>黃怡媗</t>
  </si>
  <si>
    <t>14401806</t>
  </si>
  <si>
    <t>15577848</t>
  </si>
  <si>
    <t>11-Mar-04</t>
  </si>
  <si>
    <t>HUANG YI HSUAN</t>
  </si>
  <si>
    <t>李莎莎</t>
  </si>
  <si>
    <t>14224075</t>
  </si>
  <si>
    <t>0864666X</t>
  </si>
  <si>
    <t>13-Nov-05</t>
  </si>
  <si>
    <t>KAM RIBEIRO, VANESSA</t>
  </si>
  <si>
    <t>賴嘉誠</t>
  </si>
  <si>
    <t>13824909</t>
  </si>
  <si>
    <t>07016964</t>
  </si>
  <si>
    <t>14-Jan-04</t>
  </si>
  <si>
    <t>LAI KA SENG</t>
  </si>
  <si>
    <t>14220586</t>
  </si>
  <si>
    <t>08010633</t>
  </si>
  <si>
    <t>LAU, WENG HEI</t>
  </si>
  <si>
    <t>李嘉權</t>
  </si>
  <si>
    <t>14090526</t>
  </si>
  <si>
    <t>08630445</t>
  </si>
  <si>
    <t>07-Aug-05</t>
  </si>
  <si>
    <t>LEI, KA KUN</t>
  </si>
  <si>
    <t>梁浠文</t>
  </si>
  <si>
    <t>13877444</t>
  </si>
  <si>
    <t>07016220</t>
  </si>
  <si>
    <t>05-Jun-04</t>
  </si>
  <si>
    <t>LEUNG HEI MAN</t>
  </si>
  <si>
    <t>黎皓昇</t>
  </si>
  <si>
    <t>13890728</t>
  </si>
  <si>
    <t>1757904X</t>
  </si>
  <si>
    <t>31-Aug-04</t>
  </si>
  <si>
    <t>LI HOU SENG</t>
  </si>
  <si>
    <t>14020861</t>
  </si>
  <si>
    <t>08647925</t>
  </si>
  <si>
    <t>19-Mar-05</t>
  </si>
  <si>
    <t>LOK, CHI MENG</t>
  </si>
  <si>
    <t>13673496</t>
  </si>
  <si>
    <t>05037166</t>
  </si>
  <si>
    <t>17-Nov-02</t>
  </si>
  <si>
    <t>PANG, MAN NOK</t>
  </si>
  <si>
    <t>13993472</t>
  </si>
  <si>
    <t>08648506</t>
  </si>
  <si>
    <t>06-Feb-05</t>
  </si>
  <si>
    <t>SI TOU, WENG SI</t>
  </si>
  <si>
    <t>14020671</t>
  </si>
  <si>
    <t>08647445</t>
  </si>
  <si>
    <t>18-Jan-05</t>
  </si>
  <si>
    <t>TAI, HOI KEI</t>
  </si>
  <si>
    <t>14013023</t>
  </si>
  <si>
    <t>08014221</t>
  </si>
  <si>
    <t>TAM KA IOI</t>
  </si>
  <si>
    <t>陶錦華</t>
  </si>
  <si>
    <t>14033906</t>
  </si>
  <si>
    <t>08647461</t>
  </si>
  <si>
    <t>27-Apr-05</t>
  </si>
  <si>
    <t>TAO, KAM WA</t>
  </si>
  <si>
    <t>13992136</t>
  </si>
  <si>
    <t>08648565</t>
  </si>
  <si>
    <t>TENG, EVELYN</t>
  </si>
  <si>
    <t>屈仲轅</t>
  </si>
  <si>
    <t>14012835</t>
  </si>
  <si>
    <t>08649103</t>
  </si>
  <si>
    <t>22-Mar-05</t>
  </si>
  <si>
    <t>VAT, CHONG UN</t>
  </si>
  <si>
    <t>13961016</t>
  </si>
  <si>
    <t>08647526</t>
  </si>
  <si>
    <t>12-Nov-04</t>
  </si>
  <si>
    <t>VONG, CHI KEI</t>
  </si>
  <si>
    <t>14172290</t>
  </si>
  <si>
    <t>08648603</t>
  </si>
  <si>
    <t>WONG, CHEOK TONG</t>
  </si>
  <si>
    <t>S6</t>
  </si>
  <si>
    <t>13881016</t>
  </si>
  <si>
    <t>07015445</t>
  </si>
  <si>
    <t>10-Jun-04</t>
  </si>
  <si>
    <t>陳彦宜</t>
  </si>
  <si>
    <t>14080428</t>
  </si>
  <si>
    <t>14000946</t>
  </si>
  <si>
    <t>27-Nov-03</t>
  </si>
  <si>
    <t>CHAN IN I</t>
  </si>
  <si>
    <t>13911748</t>
  </si>
  <si>
    <t>07016409</t>
  </si>
  <si>
    <t>06-Aug-04</t>
  </si>
  <si>
    <t>CHEANG CHI WENG</t>
  </si>
  <si>
    <t>張婧澄</t>
  </si>
  <si>
    <t>13838834</t>
  </si>
  <si>
    <t>07015453</t>
  </si>
  <si>
    <t>01-May-04</t>
  </si>
  <si>
    <t>CHEONG CHENG CHENG</t>
  </si>
  <si>
    <t>張梓穎</t>
  </si>
  <si>
    <t>13734835</t>
  </si>
  <si>
    <t>06010024</t>
  </si>
  <si>
    <t>28-Jul-03</t>
  </si>
  <si>
    <t>CHEUNG, CHI WENG</t>
  </si>
  <si>
    <t>詹娉娉</t>
  </si>
  <si>
    <t>13842364</t>
  </si>
  <si>
    <t>09020381</t>
  </si>
  <si>
    <t>24-May-04</t>
  </si>
  <si>
    <t>CHIM PENG PENG</t>
  </si>
  <si>
    <t>鍾思敏</t>
  </si>
  <si>
    <t>13871140</t>
  </si>
  <si>
    <t>07017529</t>
  </si>
  <si>
    <t>21-Jul-04</t>
  </si>
  <si>
    <t>CHONG SI MAN</t>
  </si>
  <si>
    <t>容樂怡</t>
  </si>
  <si>
    <t>13919360</t>
  </si>
  <si>
    <t>07016085</t>
  </si>
  <si>
    <t>08-Aug-04</t>
  </si>
  <si>
    <t>IONG LOK I</t>
  </si>
  <si>
    <t>葉凱汶</t>
  </si>
  <si>
    <t>13982558</t>
  </si>
  <si>
    <t>07015542</t>
  </si>
  <si>
    <t>01-Feb-04</t>
  </si>
  <si>
    <t>IP HOI MAN</t>
  </si>
  <si>
    <t>袁梓豪</t>
  </si>
  <si>
    <t>13772082</t>
  </si>
  <si>
    <t>06009662</t>
  </si>
  <si>
    <t>19-Dec-03</t>
  </si>
  <si>
    <t>IUN, CHI HOU</t>
  </si>
  <si>
    <t>林浩雄</t>
  </si>
  <si>
    <t>13832746</t>
  </si>
  <si>
    <t>07016123</t>
  </si>
  <si>
    <t>22-May-04</t>
  </si>
  <si>
    <t>LAM HOU HONG</t>
  </si>
  <si>
    <t>林諾堯</t>
  </si>
  <si>
    <t>13766456</t>
  </si>
  <si>
    <t>07017006</t>
  </si>
  <si>
    <t>05-Nov-03</t>
  </si>
  <si>
    <t>LAM NOK IO</t>
  </si>
  <si>
    <t>李子謙</t>
  </si>
  <si>
    <t>13798137</t>
  </si>
  <si>
    <t>07017030</t>
  </si>
  <si>
    <t>06-Feb-04</t>
  </si>
  <si>
    <t>梁喜媛</t>
  </si>
  <si>
    <t>13792650</t>
  </si>
  <si>
    <t>07016638</t>
  </si>
  <si>
    <t>07-Jan-04</t>
  </si>
  <si>
    <t>LEONG HEI WUN</t>
  </si>
  <si>
    <t>梁潁君</t>
  </si>
  <si>
    <t>14554570</t>
  </si>
  <si>
    <t>07017162</t>
  </si>
  <si>
    <t>16-Jul-04</t>
  </si>
  <si>
    <t>LEUNG WENG KUAN</t>
  </si>
  <si>
    <t>羅樂兒</t>
  </si>
  <si>
    <t>13694070</t>
  </si>
  <si>
    <t>06000304</t>
  </si>
  <si>
    <t>28-Feb-03</t>
  </si>
  <si>
    <t>LOH, LOK I</t>
  </si>
  <si>
    <t>雷煒灝</t>
  </si>
  <si>
    <t>13817838</t>
  </si>
  <si>
    <t>07016255</t>
  </si>
  <si>
    <t>01-Mar-04</t>
  </si>
  <si>
    <t>LOI, WAI HOU RAFAEL</t>
  </si>
  <si>
    <t>龍烯彤</t>
  </si>
  <si>
    <t>13780226</t>
  </si>
  <si>
    <t>06026575</t>
  </si>
  <si>
    <t>30-Nov-03</t>
  </si>
  <si>
    <t>LONG HEI TONG</t>
  </si>
  <si>
    <t>盧珈穎</t>
  </si>
  <si>
    <t>13863170</t>
  </si>
  <si>
    <t>07017219</t>
  </si>
  <si>
    <t>LOU KA WENG</t>
  </si>
  <si>
    <t>林慧慈</t>
  </si>
  <si>
    <t>13835863</t>
  </si>
  <si>
    <t>07017243</t>
  </si>
  <si>
    <t>MACHADO, VERONICA</t>
  </si>
  <si>
    <t>13763818</t>
  </si>
  <si>
    <t>07017685</t>
  </si>
  <si>
    <t>NG CHI HIN</t>
  </si>
  <si>
    <t>吳祉穎</t>
  </si>
  <si>
    <t>13843198</t>
  </si>
  <si>
    <t>07017715</t>
  </si>
  <si>
    <t>14-May-04</t>
  </si>
  <si>
    <t>NG CHI WENG</t>
  </si>
  <si>
    <t>唐穎詩</t>
  </si>
  <si>
    <t>13792668</t>
  </si>
  <si>
    <t>07017294</t>
  </si>
  <si>
    <t>27-Jan-04</t>
  </si>
  <si>
    <t>TONG WENG SI</t>
  </si>
  <si>
    <t>杜卓藍</t>
  </si>
  <si>
    <t>13927090</t>
  </si>
  <si>
    <t>07019238</t>
  </si>
  <si>
    <t>26-Jul-04</t>
  </si>
  <si>
    <t>TOU, CHEOK LAM</t>
  </si>
  <si>
    <t>黃稚媛</t>
  </si>
  <si>
    <t>13816467</t>
  </si>
  <si>
    <t>07017359</t>
  </si>
  <si>
    <t>21-Mar-04</t>
  </si>
  <si>
    <t>VONG CHI WUN</t>
  </si>
  <si>
    <t>黃凱晴</t>
  </si>
  <si>
    <t>13825278</t>
  </si>
  <si>
    <t>07016336</t>
  </si>
  <si>
    <t>22-Apr-04</t>
  </si>
  <si>
    <t>WONG HOI CHING KYRIE</t>
  </si>
  <si>
    <t>朱可怡</t>
  </si>
  <si>
    <t>13933080</t>
  </si>
  <si>
    <t>19598149</t>
  </si>
  <si>
    <t>ZHU HO I</t>
  </si>
  <si>
    <t>陳嘉穎</t>
  </si>
  <si>
    <t>16216525</t>
  </si>
  <si>
    <t>15011992</t>
  </si>
  <si>
    <t>28-Nov-03</t>
  </si>
  <si>
    <t>CHAN KA WENG</t>
  </si>
  <si>
    <t>陳敏怡</t>
  </si>
  <si>
    <t>16269227</t>
  </si>
  <si>
    <t>16591968</t>
  </si>
  <si>
    <t>30-May-04</t>
  </si>
  <si>
    <t>CHAN MAN I</t>
  </si>
  <si>
    <t>鄭穎俊</t>
  </si>
  <si>
    <t>13752811</t>
  </si>
  <si>
    <t>06009387</t>
  </si>
  <si>
    <t>CHIANG WENG CHON</t>
  </si>
  <si>
    <t>詹晶晶</t>
  </si>
  <si>
    <t>13838933</t>
  </si>
  <si>
    <t>09020411</t>
  </si>
  <si>
    <t>CHIM CHENG CHENG</t>
  </si>
  <si>
    <t>梁欣桐</t>
  </si>
  <si>
    <t>13880968</t>
  </si>
  <si>
    <t>07016883</t>
  </si>
  <si>
    <t>05-Aug-04</t>
  </si>
  <si>
    <t>CORDOVA LEONG, EUNICE</t>
  </si>
  <si>
    <t>蘇奧妮</t>
  </si>
  <si>
    <t>13703939</t>
  </si>
  <si>
    <t>06010245</t>
  </si>
  <si>
    <t>14-Mar-03</t>
  </si>
  <si>
    <t>DE SOUZA, OLIVIA</t>
  </si>
  <si>
    <t>許穎芯</t>
  </si>
  <si>
    <t>13658695</t>
  </si>
  <si>
    <t>05036356</t>
  </si>
  <si>
    <t>01-Oct-02</t>
  </si>
  <si>
    <t>HOI WENG SAM</t>
  </si>
  <si>
    <t>14496939</t>
  </si>
  <si>
    <t>16591992</t>
  </si>
  <si>
    <t>24-Sep-04</t>
  </si>
  <si>
    <t>HONG YUTING</t>
  </si>
  <si>
    <t>易宇濠</t>
  </si>
  <si>
    <t>13970850</t>
  </si>
  <si>
    <t>07015526</t>
  </si>
  <si>
    <t>08-Nov-04</t>
  </si>
  <si>
    <t xml:space="preserve">IEK U HOU_x000D_
</t>
  </si>
  <si>
    <t>楊祈恩</t>
  </si>
  <si>
    <t>13898879</t>
  </si>
  <si>
    <t>07016913</t>
  </si>
  <si>
    <t>14-Jun-04</t>
  </si>
  <si>
    <t>IEONG KEI IAN</t>
  </si>
  <si>
    <t>郭淳昕</t>
  </si>
  <si>
    <t>13983242</t>
  </si>
  <si>
    <t>07019424</t>
  </si>
  <si>
    <t>KOK, SON IAN</t>
  </si>
  <si>
    <t>龔諾思</t>
  </si>
  <si>
    <t>13894787</t>
  </si>
  <si>
    <t>07016948</t>
  </si>
  <si>
    <t>18-Aug-04</t>
  </si>
  <si>
    <t>KONG LOK SI</t>
  </si>
  <si>
    <t>劉咏珮</t>
  </si>
  <si>
    <t>13774179</t>
  </si>
  <si>
    <t>06007546</t>
  </si>
  <si>
    <t>11-Dec-03</t>
  </si>
  <si>
    <t>LAU WENG PUI</t>
  </si>
  <si>
    <t>梁朗溢</t>
  </si>
  <si>
    <t>13874326</t>
  </si>
  <si>
    <t>07017634</t>
  </si>
  <si>
    <t>10-Jul-04</t>
  </si>
  <si>
    <t>LEONG LONG IAT</t>
  </si>
  <si>
    <t>梁晃銘</t>
  </si>
  <si>
    <t>13677604</t>
  </si>
  <si>
    <t>05036844</t>
  </si>
  <si>
    <t>29-Nov-02</t>
  </si>
  <si>
    <t>LEONG, FONG MENG</t>
  </si>
  <si>
    <t>梁海文</t>
  </si>
  <si>
    <t>13877121</t>
  </si>
  <si>
    <t>07016700</t>
  </si>
  <si>
    <t>LEUNG HOI MAN</t>
  </si>
  <si>
    <t>14058788</t>
  </si>
  <si>
    <t>06010482</t>
  </si>
  <si>
    <t>11-Jul-03</t>
  </si>
  <si>
    <t>LIN, WAI CHAK</t>
  </si>
  <si>
    <t>13817341</t>
  </si>
  <si>
    <t>07016751</t>
  </si>
  <si>
    <t>23-Mar-04</t>
  </si>
  <si>
    <t>LOU PAK HEI</t>
  </si>
  <si>
    <t>13700273</t>
  </si>
  <si>
    <t>06010369</t>
  </si>
  <si>
    <t>06-Feb-03</t>
  </si>
  <si>
    <t>NG, WENG IAN</t>
  </si>
  <si>
    <t>龔珈詠</t>
  </si>
  <si>
    <t>13787684</t>
  </si>
  <si>
    <t>07015682</t>
  </si>
  <si>
    <t>20-Oct-03</t>
  </si>
  <si>
    <t>PINTO SOARES, AMANDA</t>
  </si>
  <si>
    <t>14625388</t>
  </si>
  <si>
    <t>16591976</t>
  </si>
  <si>
    <t>03-Jun-04</t>
  </si>
  <si>
    <t>SHI ZHUANGHAO</t>
  </si>
  <si>
    <t>司徒子欣</t>
  </si>
  <si>
    <t>13932769</t>
  </si>
  <si>
    <t>07016298</t>
  </si>
  <si>
    <t>19-Sep-04</t>
  </si>
  <si>
    <t>SI TOU CHI IAN</t>
  </si>
  <si>
    <t>蕭沛然</t>
  </si>
  <si>
    <t>13803515</t>
  </si>
  <si>
    <t>07009003</t>
  </si>
  <si>
    <t>08-Mar-04</t>
  </si>
  <si>
    <t>SIU PUI IN</t>
  </si>
  <si>
    <t>13982715</t>
  </si>
  <si>
    <t>0762994X</t>
  </si>
  <si>
    <t>07-Dec-04</t>
  </si>
  <si>
    <t>TSANG NGA WUN</t>
  </si>
  <si>
    <t>黃思言</t>
  </si>
  <si>
    <t>13934385</t>
  </si>
  <si>
    <t>07016352</t>
  </si>
  <si>
    <t>25-Aug-04</t>
  </si>
  <si>
    <t>WONG SI IN</t>
  </si>
  <si>
    <t>曾子洋</t>
  </si>
  <si>
    <t>14342927</t>
  </si>
  <si>
    <t>15020452</t>
  </si>
  <si>
    <t>15-Nov-03</t>
  </si>
  <si>
    <t>ZENG ZIYANG</t>
  </si>
  <si>
    <t>郭松毅</t>
  </si>
  <si>
    <t>Y8214784</t>
  </si>
  <si>
    <t>13610066</t>
  </si>
  <si>
    <t>18-May-01</t>
  </si>
  <si>
    <t>KWOK, CHUNG NGAI</t>
    <phoneticPr fontId="3" type="noConversion"/>
  </si>
  <si>
    <t>陳雯恩</t>
  </si>
  <si>
    <t>13925490</t>
  </si>
  <si>
    <t>07017464</t>
  </si>
  <si>
    <t>15-Jul-04</t>
  </si>
  <si>
    <t>CHAN MAN IAN</t>
  </si>
  <si>
    <t>13828223</t>
  </si>
  <si>
    <t>07015461</t>
  </si>
  <si>
    <t>15-Apr-04</t>
  </si>
  <si>
    <t>CHEUNG CHON HEI</t>
  </si>
  <si>
    <t>趙文希</t>
  </si>
  <si>
    <t>16193443</t>
  </si>
  <si>
    <t>1501049X</t>
  </si>
  <si>
    <t>31-Aug-03</t>
  </si>
  <si>
    <t>CHIO MAN HEI</t>
  </si>
  <si>
    <t>13960372</t>
  </si>
  <si>
    <t>07015984</t>
  </si>
  <si>
    <t>18-Oct-04</t>
  </si>
  <si>
    <t>CHONG KA SIN</t>
  </si>
  <si>
    <t>石家銘</t>
  </si>
  <si>
    <t>13858725</t>
  </si>
  <si>
    <t>07015496</t>
  </si>
  <si>
    <t>02-Jul-04</t>
  </si>
  <si>
    <t>DA COSTA PEDRO, SENIO BEBIANO</t>
  </si>
  <si>
    <t>何恩霖</t>
  </si>
  <si>
    <t>13930359</t>
  </si>
  <si>
    <t>07017545</t>
  </si>
  <si>
    <t>04-Oct-04</t>
  </si>
  <si>
    <t>HO IAN LAM</t>
  </si>
  <si>
    <t>楊祈天</t>
  </si>
  <si>
    <t>13898861</t>
  </si>
  <si>
    <t>07017588</t>
  </si>
  <si>
    <t>IEONG KEI TIN</t>
  </si>
  <si>
    <t>13943634</t>
  </si>
  <si>
    <t>07000995</t>
  </si>
  <si>
    <t>15-Nov-04</t>
  </si>
  <si>
    <t>IP, MAN HIN</t>
  </si>
  <si>
    <t>江梓立</t>
  </si>
  <si>
    <t>13927470</t>
  </si>
  <si>
    <t>07016921</t>
  </si>
  <si>
    <t>22-Sep-04</t>
  </si>
  <si>
    <t>KONG CHI LAP</t>
  </si>
  <si>
    <t>13871223</t>
  </si>
  <si>
    <t>07016514</t>
  </si>
  <si>
    <t>KU KA HOU</t>
  </si>
  <si>
    <t>13798145</t>
  </si>
  <si>
    <t>07015585</t>
  </si>
  <si>
    <t>29-Feb-04</t>
  </si>
  <si>
    <t>梁梓維</t>
  </si>
  <si>
    <t>13805106</t>
  </si>
  <si>
    <t>07016611</t>
  </si>
  <si>
    <t>30-Dec-03</t>
  </si>
  <si>
    <t>LEONG CHI WAI</t>
  </si>
  <si>
    <t>13810759</t>
  </si>
  <si>
    <t>07017626</t>
  </si>
  <si>
    <t>03-Mar-04</t>
  </si>
  <si>
    <t>LEONG CHI WANG</t>
  </si>
  <si>
    <t>13815956</t>
  </si>
  <si>
    <t>07017081</t>
  </si>
  <si>
    <t>15-Feb-04</t>
  </si>
  <si>
    <t>LEONG CHONG WAI</t>
  </si>
  <si>
    <t>梁紀萱</t>
  </si>
  <si>
    <t>13906748</t>
  </si>
  <si>
    <t>07016697</t>
  </si>
  <si>
    <t>LEONG KEI HUN</t>
  </si>
  <si>
    <t>14049506</t>
  </si>
  <si>
    <t>07016727</t>
  </si>
  <si>
    <t>20-Jan-04</t>
  </si>
  <si>
    <t>LIU ZHIXI</t>
  </si>
  <si>
    <t>13952254</t>
  </si>
  <si>
    <t>07016735</t>
  </si>
  <si>
    <t>31-Oct-04</t>
  </si>
  <si>
    <t>LO CHON HOU</t>
  </si>
  <si>
    <t>吳祖賢</t>
  </si>
  <si>
    <t>13780283</t>
  </si>
  <si>
    <t>06009824</t>
  </si>
  <si>
    <t>LOPES MONTEIRO UNG, ASCENDINO</t>
  </si>
  <si>
    <t>鄧月明</t>
  </si>
  <si>
    <t>13988282</t>
  </si>
  <si>
    <t>07016301</t>
  </si>
  <si>
    <t>19-Nov-04</t>
  </si>
  <si>
    <t>TANG UT MENG</t>
  </si>
  <si>
    <t>13784632</t>
  </si>
  <si>
    <t>06007635</t>
  </si>
  <si>
    <t>29-Dec-03</t>
  </si>
  <si>
    <t>TING CHEOK IN</t>
  </si>
  <si>
    <t>13813324</t>
  </si>
  <si>
    <t>07016778</t>
  </si>
  <si>
    <t>16-Feb-04</t>
  </si>
  <si>
    <t>VONG UN TONG</t>
  </si>
  <si>
    <t>14085492</t>
  </si>
  <si>
    <t>13610007</t>
  </si>
  <si>
    <t>XIE, MAGGIE</t>
  </si>
  <si>
    <t>尹金蕙</t>
  </si>
  <si>
    <t>13785753</t>
  </si>
  <si>
    <t>07015798</t>
  </si>
  <si>
    <t>04-Jan-04</t>
  </si>
  <si>
    <t>YIN KAM WAI</t>
  </si>
  <si>
    <t>13909296</t>
  </si>
  <si>
    <t>07015852</t>
  </si>
  <si>
    <t>23-Aug-04</t>
  </si>
  <si>
    <t>陳穎桐</t>
  </si>
  <si>
    <t>13801527</t>
  </si>
  <si>
    <t>06007821</t>
  </si>
  <si>
    <t>24-Dec-03</t>
  </si>
  <si>
    <t>CHAN WENG TONG</t>
  </si>
  <si>
    <t>13946488</t>
  </si>
  <si>
    <t>07015887</t>
  </si>
  <si>
    <t>16-Nov-04</t>
  </si>
  <si>
    <t>CHANG CHAN CHONG</t>
  </si>
  <si>
    <t>13791678</t>
  </si>
  <si>
    <t>07016867</t>
  </si>
  <si>
    <t>08-Jan-04</t>
  </si>
  <si>
    <t>CHEANG WAI LAM</t>
  </si>
  <si>
    <t>曹希謾</t>
  </si>
  <si>
    <t>13851324</t>
  </si>
  <si>
    <t>07016425</t>
  </si>
  <si>
    <t>15-Jun-04</t>
  </si>
  <si>
    <t>CHOU HEI MAN</t>
  </si>
  <si>
    <t>13754130</t>
  </si>
  <si>
    <t>0701550X</t>
  </si>
  <si>
    <t>07-Oct-03</t>
  </si>
  <si>
    <t>FONG CHI WENG</t>
  </si>
  <si>
    <t>馮迦藍</t>
  </si>
  <si>
    <t>14013049</t>
  </si>
  <si>
    <t>07016891</t>
  </si>
  <si>
    <t>13888722</t>
  </si>
  <si>
    <t>07015518</t>
  </si>
  <si>
    <t>HOI HOI LAM</t>
  </si>
  <si>
    <t>13811849</t>
  </si>
  <si>
    <t>07017596</t>
  </si>
  <si>
    <t xml:space="preserve">LAI HOU IN_x000D_
</t>
  </si>
  <si>
    <t>13835889</t>
  </si>
  <si>
    <t>07016107</t>
  </si>
  <si>
    <t>16-Apr-04</t>
  </si>
  <si>
    <t>LAM HOU HEI</t>
  </si>
  <si>
    <t>林晉賢</t>
  </si>
  <si>
    <t>13696844</t>
  </si>
  <si>
    <t>06010164</t>
  </si>
  <si>
    <t>18-Mar-03</t>
  </si>
  <si>
    <t>LAM, CHON IN</t>
  </si>
  <si>
    <t>14000277</t>
  </si>
  <si>
    <t>07015631</t>
  </si>
  <si>
    <t>28-Apr-04</t>
  </si>
  <si>
    <t>LENG KA HEI</t>
  </si>
  <si>
    <t>梁皓滇</t>
  </si>
  <si>
    <t>14912810</t>
  </si>
  <si>
    <t>09015620</t>
  </si>
  <si>
    <t>12-Apr-04</t>
  </si>
  <si>
    <t>LEONG MCKINLEY</t>
  </si>
  <si>
    <t>13784681</t>
  </si>
  <si>
    <t>0701564X</t>
  </si>
  <si>
    <t>24-Jan-04</t>
  </si>
  <si>
    <t>LEONG SI SAM</t>
  </si>
  <si>
    <t>吳文希</t>
  </si>
  <si>
    <t>13782263</t>
  </si>
  <si>
    <t>06036716</t>
  </si>
  <si>
    <t>26-Dec-03</t>
  </si>
  <si>
    <t>NG MAN HEI</t>
  </si>
  <si>
    <t>林嘉豪</t>
  </si>
  <si>
    <t>13697321</t>
  </si>
  <si>
    <t>06010555</t>
  </si>
  <si>
    <t>17-Mar-03</t>
  </si>
  <si>
    <t>PEREIRA LAM, MARCO</t>
  </si>
  <si>
    <t>何俊軒</t>
  </si>
  <si>
    <t>13827266</t>
  </si>
  <si>
    <t>0701726X</t>
  </si>
  <si>
    <t>21-Apr-04</t>
  </si>
  <si>
    <t>RODRIGUES HO, MARCELO</t>
  </si>
  <si>
    <t>Y9895025</t>
  </si>
  <si>
    <t>17579082</t>
  </si>
  <si>
    <t>06-Dec-04</t>
  </si>
  <si>
    <t>SIT CHO LAM</t>
  </si>
  <si>
    <t>13890918</t>
  </si>
  <si>
    <t>07015704</t>
  </si>
  <si>
    <t>24-Aug-04</t>
  </si>
  <si>
    <t>SUN KA IENG</t>
  </si>
  <si>
    <t>譚穎薇</t>
  </si>
  <si>
    <t>13772462</t>
  </si>
  <si>
    <t>06031927</t>
  </si>
  <si>
    <t>TAM WENG MEI</t>
  </si>
  <si>
    <t>13785720</t>
  </si>
  <si>
    <t>07017790</t>
  </si>
  <si>
    <t>VU WENG IAN</t>
  </si>
  <si>
    <t>溫潁妍</t>
  </si>
  <si>
    <t>13796420</t>
  </si>
  <si>
    <t>07624867</t>
  </si>
  <si>
    <t>05-Feb-04</t>
  </si>
  <si>
    <t>WAN WENG IN</t>
  </si>
  <si>
    <t>13786702</t>
  </si>
  <si>
    <t>07015739</t>
  </si>
  <si>
    <t>09-Feb-04</t>
  </si>
  <si>
    <t xml:space="preserve">WANG KA KUAN_x000D_
</t>
  </si>
  <si>
    <t>13798491</t>
  </si>
  <si>
    <t>07037872</t>
  </si>
  <si>
    <t>WONG WENG IO</t>
  </si>
  <si>
    <t>胡俊謙</t>
  </si>
  <si>
    <t>13917711</t>
  </si>
  <si>
    <t>07017839</t>
  </si>
  <si>
    <t>21-Sep-04</t>
  </si>
  <si>
    <t>WU CHON HIM</t>
  </si>
  <si>
    <t>波蘭世界發明智慧財產聯盟總會(WIIPA) 、
國際發明聯盟協會（IFIA）、
世界發明智慧財產聯盟總會（WIIPA）</t>
    <phoneticPr fontId="3" type="noConversion"/>
  </si>
  <si>
    <t>中華傅統文化推廣計劃「二十四節氣貼圖設計比賽」</t>
    <phoneticPr fontId="3" type="noConversion"/>
  </si>
  <si>
    <r>
      <t>S2C</t>
    </r>
    <r>
      <rPr>
        <sz val="12"/>
        <color theme="1"/>
        <rFont val="細明體"/>
        <family val="3"/>
        <charset val="136"/>
      </rPr>
      <t/>
    </r>
    <phoneticPr fontId="3" type="noConversion"/>
  </si>
  <si>
    <r>
      <t>S4B</t>
    </r>
    <r>
      <rPr>
        <sz val="12"/>
        <color theme="1"/>
        <rFont val="細明體"/>
        <family val="3"/>
        <charset val="136"/>
      </rPr>
      <t/>
    </r>
    <phoneticPr fontId="3" type="noConversion"/>
  </si>
  <si>
    <t>女子B組 4x100公尺接力</t>
    <phoneticPr fontId="3" type="noConversion"/>
  </si>
  <si>
    <t>第六屆香港國際青少年表演藝術節 
國際總決賽</t>
    <phoneticPr fontId="3" type="noConversion"/>
  </si>
  <si>
    <t>2020第四屆《蓮花盃》澳門青少年鋼琴大賽</t>
    <phoneticPr fontId="3" type="noConversion"/>
  </si>
  <si>
    <t>男子D組跳高</t>
  </si>
  <si>
    <t>2022年澳門短池分齡漩泳比賽</t>
    <phoneticPr fontId="3" type="noConversion"/>
  </si>
  <si>
    <t>女子 9-10歲組 
50米蝶泳</t>
    <phoneticPr fontId="3" type="noConversion"/>
  </si>
  <si>
    <t>女子D組
100公尺自由泳</t>
    <phoneticPr fontId="3" type="noConversion"/>
  </si>
  <si>
    <t>儒蓮教科文機構、
國際電氣與電子工程師學會(IEEE亞太)</t>
    <phoneticPr fontId="3" type="noConversion"/>
  </si>
  <si>
    <t>快腿</t>
  </si>
  <si>
    <t>公認品勢</t>
  </si>
  <si>
    <t>男子少兒初級二組B組</t>
  </si>
  <si>
    <t>男子少兒初級二組F組</t>
  </si>
  <si>
    <t>男子兒童初級二組B組</t>
  </si>
  <si>
    <t>男子兒童中級組A組</t>
  </si>
  <si>
    <t>男子兒童中級組D組</t>
  </si>
  <si>
    <t>男子兒童高級組A組</t>
  </si>
  <si>
    <t>女子青年中級組</t>
  </si>
  <si>
    <t>男子少兒初級一組B組</t>
  </si>
  <si>
    <t>第三名</t>
    <phoneticPr fontId="3" type="noConversion"/>
  </si>
  <si>
    <t>第一名</t>
    <phoneticPr fontId="3" type="noConversion"/>
  </si>
  <si>
    <t>男子少兒初級一組G組</t>
  </si>
  <si>
    <t>男子少兒初級二級F組</t>
  </si>
  <si>
    <t>男子兒童初級二組A組</t>
  </si>
  <si>
    <t>P3D</t>
  </si>
  <si>
    <t>P3F</t>
  </si>
  <si>
    <t>P4D</t>
  </si>
  <si>
    <t>P6A</t>
  </si>
  <si>
    <t>女子兒童中級組B組</t>
    <phoneticPr fontId="3" type="noConversion"/>
  </si>
  <si>
    <t>男子兒童中級組B組</t>
    <phoneticPr fontId="3" type="noConversion"/>
  </si>
  <si>
    <t>男子兒童高級組B組</t>
    <phoneticPr fontId="3" type="noConversion"/>
  </si>
  <si>
    <t>公認品勢-女子青年中級組</t>
  </si>
  <si>
    <t>本地</t>
    <phoneticPr fontId="3" type="noConversion"/>
  </si>
  <si>
    <t>2021澳門跆拳道俱樂部品勢及快腿比賽</t>
    <phoneticPr fontId="3" type="noConversion"/>
  </si>
  <si>
    <t>公認品勢-男子少兒初級一組B組</t>
    <phoneticPr fontId="3" type="noConversion"/>
  </si>
  <si>
    <t>何昊謙</t>
    <phoneticPr fontId="3" type="noConversion"/>
  </si>
  <si>
    <t>P3D</t>
    <phoneticPr fontId="3" type="noConversion"/>
  </si>
  <si>
    <t>/</t>
    <phoneticPr fontId="3" type="noConversion"/>
  </si>
  <si>
    <t>澳門跆拳道俱樂部</t>
    <phoneticPr fontId="3" type="noConversion"/>
  </si>
  <si>
    <t>公認品勢-男子少兒初級二組B組</t>
    <phoneticPr fontId="3" type="noConversion"/>
  </si>
  <si>
    <t>李浩正</t>
    <phoneticPr fontId="3" type="noConversion"/>
  </si>
  <si>
    <t>P1C</t>
    <phoneticPr fontId="3" type="noConversion"/>
  </si>
  <si>
    <t>公認品勢-男子少兒初級二組F組</t>
    <phoneticPr fontId="3" type="noConversion"/>
  </si>
  <si>
    <t>第四名</t>
    <phoneticPr fontId="3" type="noConversion"/>
  </si>
  <si>
    <t>梁銘軒</t>
    <phoneticPr fontId="3" type="noConversion"/>
  </si>
  <si>
    <t>P3F</t>
    <phoneticPr fontId="3" type="noConversion"/>
  </si>
  <si>
    <t>公認品勢-男子兒童初級二組B組</t>
    <phoneticPr fontId="3" type="noConversion"/>
  </si>
  <si>
    <t>何浚鋒</t>
    <phoneticPr fontId="3" type="noConversion"/>
  </si>
  <si>
    <t>P4D</t>
    <phoneticPr fontId="3" type="noConversion"/>
  </si>
  <si>
    <t>公認品勢-男子兒童中級組A組</t>
    <phoneticPr fontId="3" type="noConversion"/>
  </si>
  <si>
    <t>方顯朗</t>
    <phoneticPr fontId="3" type="noConversion"/>
  </si>
  <si>
    <t>P6D</t>
    <phoneticPr fontId="3" type="noConversion"/>
  </si>
  <si>
    <t>公認品勢-男子兒童中級組D組</t>
    <phoneticPr fontId="3" type="noConversion"/>
  </si>
  <si>
    <t>第二名</t>
    <phoneticPr fontId="3" type="noConversion"/>
  </si>
  <si>
    <t>蔡泓澤</t>
    <phoneticPr fontId="3" type="noConversion"/>
  </si>
  <si>
    <t>P6A</t>
    <phoneticPr fontId="3" type="noConversion"/>
  </si>
  <si>
    <t>公認品勢-男子兒童高級組A組</t>
    <phoneticPr fontId="3" type="noConversion"/>
  </si>
  <si>
    <t>李宗羲</t>
    <phoneticPr fontId="3" type="noConversion"/>
  </si>
  <si>
    <t>快腿-女子兒童中級組B組</t>
    <phoneticPr fontId="3" type="noConversion"/>
  </si>
  <si>
    <t>布倩琳</t>
    <phoneticPr fontId="3" type="noConversion"/>
  </si>
  <si>
    <t>P4F</t>
    <phoneticPr fontId="3" type="noConversion"/>
  </si>
  <si>
    <t>快腿-男子少兒初級一組G組</t>
    <phoneticPr fontId="3" type="noConversion"/>
  </si>
  <si>
    <t>快腿-男子少兒初級二組B組</t>
    <phoneticPr fontId="3" type="noConversion"/>
  </si>
  <si>
    <t>快腿-男子少兒初級二級F組</t>
    <phoneticPr fontId="3" type="noConversion"/>
  </si>
  <si>
    <t>黃子一</t>
    <phoneticPr fontId="3" type="noConversion"/>
  </si>
  <si>
    <t>快腿-男子兒童初級二組A組</t>
    <phoneticPr fontId="3" type="noConversion"/>
  </si>
  <si>
    <t>快腿-男子兒童中級組B組</t>
    <phoneticPr fontId="3" type="noConversion"/>
  </si>
  <si>
    <t>快腿-男子兒童高級組B組</t>
    <phoneticPr fontId="3" type="noConversion"/>
  </si>
  <si>
    <t>P1C</t>
    <phoneticPr fontId="3" type="noConversion"/>
  </si>
  <si>
    <t>/</t>
    <phoneticPr fontId="3" type="noConversion"/>
  </si>
  <si>
    <t>「永利盃——第六屆全澳小學生國情繪畫大賽」</t>
  </si>
  <si>
    <t>低年級組</t>
  </si>
  <si>
    <t>國情教育(澳門)協會</t>
    <phoneticPr fontId="3" type="noConversion"/>
  </si>
  <si>
    <t>P2E</t>
    <phoneticPr fontId="3" type="noConversion"/>
  </si>
  <si>
    <t>最佳色彩獎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2"/>
      <color theme="1"/>
      <name val="新細明體"/>
      <family val="2"/>
      <charset val="136"/>
      <scheme val="minor"/>
    </font>
    <font>
      <sz val="12"/>
      <color theme="1"/>
      <name val="新細明體"/>
      <family val="2"/>
      <charset val="136"/>
      <scheme val="minor"/>
    </font>
    <font>
      <sz val="12"/>
      <color theme="1"/>
      <name val="新細明體"/>
      <family val="2"/>
      <scheme val="minor"/>
    </font>
    <font>
      <sz val="9"/>
      <name val="新細明體"/>
      <family val="2"/>
      <charset val="136"/>
      <scheme val="minor"/>
    </font>
    <font>
      <sz val="12"/>
      <color theme="1"/>
      <name val="新細明體"/>
      <family val="1"/>
      <charset val="136"/>
      <scheme val="minor"/>
    </font>
    <font>
      <sz val="12"/>
      <color rgb="FF000000"/>
      <name val="新細明體"/>
      <family val="1"/>
      <charset val="136"/>
      <scheme val="minor"/>
    </font>
    <font>
      <sz val="12"/>
      <color theme="1"/>
      <name val="新細明體"/>
      <family val="1"/>
      <charset val="136"/>
    </font>
    <font>
      <sz val="9"/>
      <name val="新細明體"/>
      <family val="3"/>
      <charset val="136"/>
      <scheme val="minor"/>
    </font>
    <font>
      <sz val="12"/>
      <color theme="1"/>
      <name val="Calibri"/>
      <family val="2"/>
    </font>
    <font>
      <sz val="12"/>
      <color theme="1"/>
      <name val="細明體"/>
      <family val="3"/>
      <charset val="136"/>
    </font>
    <font>
      <sz val="12"/>
      <color theme="1"/>
      <name val="微軟正黑體"/>
      <family val="2"/>
      <charset val="136"/>
    </font>
    <font>
      <b/>
      <i/>
      <sz val="12"/>
      <color rgb="FFFF0000"/>
      <name val="新細明體"/>
      <family val="1"/>
      <charset val="136"/>
      <scheme val="minor"/>
    </font>
    <font>
      <sz val="12"/>
      <color rgb="FF000000"/>
      <name val="微軟正黑體"/>
      <family val="2"/>
      <charset val="136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51">
    <xf numFmtId="0" fontId="0" fillId="0" borderId="0">
      <alignment vertical="center"/>
    </xf>
    <xf numFmtId="0" fontId="2" fillId="0" borderId="0"/>
    <xf numFmtId="0" fontId="1" fillId="0" borderId="0">
      <alignment vertical="center"/>
    </xf>
    <xf numFmtId="0" fontId="1" fillId="0" borderId="0"/>
    <xf numFmtId="0" fontId="1" fillId="0" borderId="0"/>
    <xf numFmtId="0" fontId="2" fillId="0" borderId="0"/>
    <xf numFmtId="0" fontId="1" fillId="0" borderId="0">
      <alignment vertical="center"/>
    </xf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</cellStyleXfs>
  <cellXfs count="72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10" fillId="0" borderId="1" xfId="0" applyFont="1" applyBorder="1" applyAlignment="1">
      <alignment horizontal="center" vertical="center" wrapText="1"/>
    </xf>
    <xf numFmtId="0" fontId="10" fillId="0" borderId="1" xfId="1" applyFont="1" applyBorder="1" applyAlignment="1">
      <alignment horizontal="center" vertical="center" wrapText="1"/>
    </xf>
    <xf numFmtId="0" fontId="10" fillId="0" borderId="1" xfId="24" applyFont="1" applyBorder="1" applyAlignment="1">
      <alignment horizontal="center" vertical="center"/>
    </xf>
    <xf numFmtId="0" fontId="10" fillId="0" borderId="0" xfId="0" applyFont="1" applyAlignment="1">
      <alignment horizontal="center" vertical="center" wrapText="1"/>
    </xf>
    <xf numFmtId="0" fontId="10" fillId="2" borderId="0" xfId="1" applyFont="1" applyFill="1" applyBorder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10" fillId="0" borderId="0" xfId="0" applyFont="1">
      <alignment vertical="center"/>
    </xf>
    <xf numFmtId="0" fontId="10" fillId="2" borderId="1" xfId="1" applyFont="1" applyFill="1" applyBorder="1" applyAlignment="1">
      <alignment horizontal="center" vertical="center" wrapText="1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Alignment="1">
      <alignment horizontal="center" vertical="center"/>
    </xf>
    <xf numFmtId="0" fontId="0" fillId="0" borderId="0" xfId="0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0" fillId="0" borderId="0" xfId="0" applyNumberFormat="1" applyAlignment="1">
      <alignment horizontal="center" vertical="center"/>
    </xf>
    <xf numFmtId="0" fontId="11" fillId="0" borderId="0" xfId="0" applyNumberFormat="1" applyFont="1" applyAlignment="1">
      <alignment horizontal="center" vertical="center"/>
    </xf>
    <xf numFmtId="0" fontId="0" fillId="0" borderId="0" xfId="0" applyFill="1" applyBorder="1" applyAlignment="1">
      <alignment horizontal="left" vertical="center"/>
    </xf>
    <xf numFmtId="0" fontId="10" fillId="0" borderId="1" xfId="0" applyFont="1" applyBorder="1" applyAlignment="1">
      <alignment horizontal="center" vertical="center"/>
    </xf>
    <xf numFmtId="0" fontId="10" fillId="0" borderId="1" xfId="0" applyFont="1" applyFill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/>
    </xf>
    <xf numFmtId="0" fontId="12" fillId="0" borderId="6" xfId="0" applyFont="1" applyBorder="1" applyAlignment="1">
      <alignment horizontal="center" vertical="center" wrapText="1"/>
    </xf>
    <xf numFmtId="0" fontId="10" fillId="0" borderId="0" xfId="0" applyFont="1" applyFill="1" applyBorder="1" applyAlignment="1">
      <alignment horizontal="center" vertical="center" wrapText="1"/>
    </xf>
    <xf numFmtId="0" fontId="10" fillId="0" borderId="0" xfId="0" applyFont="1" applyBorder="1">
      <alignment vertical="center"/>
    </xf>
    <xf numFmtId="0" fontId="10" fillId="0" borderId="0" xfId="0" applyFont="1" applyFill="1" applyBorder="1" applyAlignment="1">
      <alignment horizontal="center" vertical="center"/>
    </xf>
    <xf numFmtId="0" fontId="10" fillId="0" borderId="0" xfId="0" applyFont="1" applyBorder="1" applyAlignment="1">
      <alignment horizontal="center" vertical="center" wrapText="1"/>
    </xf>
    <xf numFmtId="0" fontId="10" fillId="0" borderId="5" xfId="1" applyFont="1" applyBorder="1" applyAlignment="1">
      <alignment horizontal="center" vertical="center" wrapText="1"/>
    </xf>
    <xf numFmtId="0" fontId="10" fillId="0" borderId="5" xfId="1" applyFont="1" applyFill="1" applyBorder="1" applyAlignment="1">
      <alignment horizontal="center" vertical="center" wrapText="1"/>
    </xf>
    <xf numFmtId="0" fontId="10" fillId="0" borderId="1" xfId="0" applyFont="1" applyBorder="1">
      <alignment vertical="center"/>
    </xf>
    <xf numFmtId="0" fontId="10" fillId="0" borderId="1" xfId="0" applyFont="1" applyFill="1" applyBorder="1" applyAlignment="1">
      <alignment horizontal="center" vertical="center"/>
    </xf>
    <xf numFmtId="0" fontId="10" fillId="0" borderId="4" xfId="0" applyFont="1" applyBorder="1" applyAlignment="1">
      <alignment horizontal="center" vertical="center"/>
    </xf>
    <xf numFmtId="49" fontId="10" fillId="0" borderId="1" xfId="0" applyNumberFormat="1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center" wrapText="1"/>
    </xf>
    <xf numFmtId="0" fontId="10" fillId="0" borderId="5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center" vertical="center" wrapText="1"/>
    </xf>
    <xf numFmtId="0" fontId="10" fillId="0" borderId="1" xfId="6" applyFont="1" applyBorder="1" applyAlignment="1">
      <alignment horizontal="center" vertical="center"/>
    </xf>
    <xf numFmtId="0" fontId="10" fillId="0" borderId="1" xfId="6" applyFont="1" applyBorder="1" applyAlignment="1">
      <alignment horizontal="center" vertical="center" wrapText="1"/>
    </xf>
    <xf numFmtId="0" fontId="10" fillId="0" borderId="1" xfId="6" applyFont="1" applyFill="1" applyBorder="1" applyAlignment="1">
      <alignment horizontal="center" vertical="center"/>
    </xf>
    <xf numFmtId="0" fontId="10" fillId="0" borderId="8" xfId="0" applyFont="1" applyBorder="1" applyAlignment="1">
      <alignment horizontal="center" vertical="center" wrapText="1"/>
    </xf>
    <xf numFmtId="0" fontId="10" fillId="0" borderId="5" xfId="0" applyFont="1" applyBorder="1" applyAlignment="1">
      <alignment horizontal="center" vertical="center" wrapText="1"/>
    </xf>
    <xf numFmtId="0" fontId="10" fillId="0" borderId="5" xfId="6" applyFont="1" applyFill="1" applyBorder="1" applyAlignment="1">
      <alignment horizontal="center" vertical="center"/>
    </xf>
    <xf numFmtId="0" fontId="10" fillId="0" borderId="5" xfId="6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/>
    </xf>
    <xf numFmtId="0" fontId="10" fillId="2" borderId="5" xfId="1" applyFont="1" applyFill="1" applyBorder="1" applyAlignment="1">
      <alignment horizontal="center" vertical="center" wrapText="1"/>
    </xf>
    <xf numFmtId="0" fontId="12" fillId="0" borderId="6" xfId="0" applyFont="1" applyBorder="1" applyAlignment="1">
      <alignment horizontal="center" vertical="top"/>
    </xf>
    <xf numFmtId="0" fontId="12" fillId="0" borderId="6" xfId="0" applyFont="1" applyBorder="1" applyAlignment="1">
      <alignment horizontal="center"/>
    </xf>
    <xf numFmtId="0" fontId="4" fillId="0" borderId="0" xfId="0" applyFont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10" fillId="2" borderId="3" xfId="1" applyFont="1" applyFill="1" applyBorder="1" applyAlignment="1">
      <alignment horizontal="center" vertical="center" wrapText="1"/>
    </xf>
    <xf numFmtId="0" fontId="10" fillId="0" borderId="0" xfId="1" applyFont="1" applyFill="1" applyBorder="1" applyAlignment="1">
      <alignment horizontal="center" vertical="center" wrapText="1"/>
    </xf>
    <xf numFmtId="0" fontId="10" fillId="0" borderId="0" xfId="29" applyFont="1" applyFill="1" applyBorder="1" applyAlignment="1">
      <alignment horizontal="center" vertical="center"/>
    </xf>
    <xf numFmtId="0" fontId="10" fillId="0" borderId="0" xfId="0" applyFont="1" applyFill="1" applyAlignment="1">
      <alignment horizontal="center" vertical="center"/>
    </xf>
    <xf numFmtId="0" fontId="10" fillId="0" borderId="1" xfId="1" applyFont="1" applyFill="1" applyBorder="1" applyAlignment="1">
      <alignment horizontal="center" vertical="center" wrapText="1"/>
    </xf>
    <xf numFmtId="0" fontId="10" fillId="0" borderId="0" xfId="29" applyFont="1" applyFill="1" applyBorder="1" applyAlignment="1">
      <alignment horizontal="center"/>
    </xf>
    <xf numFmtId="0" fontId="10" fillId="0" borderId="3" xfId="24" applyFont="1" applyBorder="1" applyAlignment="1">
      <alignment horizontal="center" vertical="center"/>
    </xf>
    <xf numFmtId="0" fontId="10" fillId="2" borderId="1" xfId="1" applyFont="1" applyFill="1" applyBorder="1" applyAlignment="1">
      <alignment horizontal="center" vertical="center" wrapText="1"/>
    </xf>
    <xf numFmtId="0" fontId="10" fillId="0" borderId="1" xfId="1" applyFont="1" applyFill="1" applyBorder="1" applyAlignment="1">
      <alignment horizontal="center" vertical="center" wrapText="1"/>
    </xf>
    <xf numFmtId="0" fontId="10" fillId="2" borderId="9" xfId="1" applyFont="1" applyFill="1" applyBorder="1" applyAlignment="1">
      <alignment horizontal="center" vertical="center" wrapText="1"/>
    </xf>
    <xf numFmtId="0" fontId="10" fillId="2" borderId="10" xfId="1" applyFont="1" applyFill="1" applyBorder="1" applyAlignment="1">
      <alignment horizontal="center" vertical="center" wrapText="1"/>
    </xf>
    <xf numFmtId="0" fontId="10" fillId="0" borderId="10" xfId="0" applyFont="1" applyBorder="1" applyAlignment="1">
      <alignment horizontal="center" vertical="center"/>
    </xf>
  </cellXfs>
  <cellStyles count="51">
    <cellStyle name="一般" xfId="0" builtinId="0"/>
    <cellStyle name="一般 10" xfId="12"/>
    <cellStyle name="一般 11" xfId="13"/>
    <cellStyle name="一般 12" xfId="14"/>
    <cellStyle name="一般 13" xfId="15"/>
    <cellStyle name="一般 14" xfId="16"/>
    <cellStyle name="一般 15" xfId="17"/>
    <cellStyle name="一般 16" xfId="18"/>
    <cellStyle name="一般 17" xfId="19"/>
    <cellStyle name="一般 18" xfId="2"/>
    <cellStyle name="一般 19" xfId="20"/>
    <cellStyle name="一般 2" xfId="5"/>
    <cellStyle name="一般 20" xfId="21"/>
    <cellStyle name="一般 21" xfId="22"/>
    <cellStyle name="一般 22" xfId="23"/>
    <cellStyle name="一般 23" xfId="24"/>
    <cellStyle name="一般 24" xfId="3"/>
    <cellStyle name="一般 25" xfId="4"/>
    <cellStyle name="一般 26" xfId="25"/>
    <cellStyle name="一般 27" xfId="26"/>
    <cellStyle name="一般 28" xfId="27"/>
    <cellStyle name="一般 29" xfId="28"/>
    <cellStyle name="一般 3" xfId="1"/>
    <cellStyle name="一般 30" xfId="29"/>
    <cellStyle name="一般 31" xfId="30"/>
    <cellStyle name="一般 32" xfId="31"/>
    <cellStyle name="一般 33" xfId="32"/>
    <cellStyle name="一般 34" xfId="33"/>
    <cellStyle name="一般 35" xfId="34"/>
    <cellStyle name="一般 36" xfId="35"/>
    <cellStyle name="一般 37" xfId="36"/>
    <cellStyle name="一般 38" xfId="37"/>
    <cellStyle name="一般 39" xfId="38"/>
    <cellStyle name="一般 4" xfId="7"/>
    <cellStyle name="一般 40" xfId="39"/>
    <cellStyle name="一般 41" xfId="40"/>
    <cellStyle name="一般 42" xfId="41"/>
    <cellStyle name="一般 43" xfId="42"/>
    <cellStyle name="一般 44" xfId="43"/>
    <cellStyle name="一般 45" xfId="44"/>
    <cellStyle name="一般 46" xfId="45"/>
    <cellStyle name="一般 47" xfId="46"/>
    <cellStyle name="一般 48" xfId="47"/>
    <cellStyle name="一般 49" xfId="48"/>
    <cellStyle name="一般 5" xfId="8"/>
    <cellStyle name="一般 50" xfId="49"/>
    <cellStyle name="一般 51" xfId="50"/>
    <cellStyle name="一般 6" xfId="6"/>
    <cellStyle name="一般 7" xfId="9"/>
    <cellStyle name="一般 8" xfId="10"/>
    <cellStyle name="一般 9" xfId="11"/>
  </cellStyles>
  <dxfs count="1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ill>
        <patternFill patternType="solid">
          <fgColor rgb="FFFFC7CE"/>
          <bgColor rgb="FF00000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externalLink" Target="externalLinks/externalLink1.xml"/><Relationship Id="rId8" Type="http://schemas.openxmlformats.org/officeDocument/2006/relationships/worksheet" Target="worksheets/sheet8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60\Desktop\&#21704;\&#22892;&#38917;&#36664;&#20837;%20(&#31532;&#19968;&#27573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使用說明"/>
      <sheetName val="獎項填入"/>
      <sheetName val="學生名單"/>
      <sheetName val="請勿打開"/>
    </sheetNames>
    <sheetDataSet>
      <sheetData sheetId="0"/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7"/>
  <dimension ref="A1:J5"/>
  <sheetViews>
    <sheetView tabSelected="1" workbookViewId="0">
      <selection activeCell="F9" sqref="F9"/>
    </sheetView>
  </sheetViews>
  <sheetFormatPr defaultRowHeight="15.75" x14ac:dyDescent="0.25"/>
  <cols>
    <col min="1" max="2" width="9" style="10"/>
    <col min="3" max="3" width="18" style="10" customWidth="1"/>
    <col min="4" max="9" width="9" style="10"/>
    <col min="10" max="10" width="13.875" style="10" bestFit="1" customWidth="1"/>
    <col min="11" max="16384" width="9" style="10"/>
  </cols>
  <sheetData>
    <row r="1" spans="1:10" x14ac:dyDescent="0.25">
      <c r="A1" s="4" t="s">
        <v>893</v>
      </c>
      <c r="B1" s="4" t="s">
        <v>51</v>
      </c>
      <c r="C1" s="11" t="s">
        <v>0</v>
      </c>
      <c r="D1" s="11" t="s">
        <v>1</v>
      </c>
      <c r="E1" s="11" t="s">
        <v>2</v>
      </c>
      <c r="F1" s="11" t="s">
        <v>3</v>
      </c>
      <c r="G1" s="11" t="s">
        <v>4</v>
      </c>
      <c r="H1" s="11" t="s">
        <v>1316</v>
      </c>
      <c r="I1" s="11" t="s">
        <v>5</v>
      </c>
      <c r="J1" s="11" t="s">
        <v>6</v>
      </c>
    </row>
    <row r="2" spans="1:10" ht="47.25" x14ac:dyDescent="0.25">
      <c r="A2" s="4" t="s">
        <v>905</v>
      </c>
      <c r="B2" s="11" t="s">
        <v>109</v>
      </c>
      <c r="C2" s="11" t="s">
        <v>867</v>
      </c>
      <c r="D2" s="11" t="s">
        <v>901</v>
      </c>
      <c r="E2" s="11" t="s">
        <v>358</v>
      </c>
      <c r="F2" s="11" t="s">
        <v>894</v>
      </c>
      <c r="G2" s="11" t="s">
        <v>895</v>
      </c>
      <c r="H2" s="11">
        <v>29</v>
      </c>
      <c r="I2" s="11" t="s">
        <v>904</v>
      </c>
      <c r="J2" s="5" t="s">
        <v>868</v>
      </c>
    </row>
    <row r="3" spans="1:10" ht="47.25" x14ac:dyDescent="0.25">
      <c r="A3" s="4" t="s">
        <v>905</v>
      </c>
      <c r="B3" s="11" t="s">
        <v>109</v>
      </c>
      <c r="C3" s="11" t="s">
        <v>896</v>
      </c>
      <c r="D3" s="11" t="s">
        <v>300</v>
      </c>
      <c r="E3" s="11" t="s">
        <v>869</v>
      </c>
      <c r="F3" s="11" t="s">
        <v>894</v>
      </c>
      <c r="G3" s="11" t="s">
        <v>895</v>
      </c>
      <c r="H3" s="11">
        <v>29</v>
      </c>
      <c r="I3" s="11" t="s">
        <v>904</v>
      </c>
      <c r="J3" s="5" t="s">
        <v>899</v>
      </c>
    </row>
    <row r="4" spans="1:10" ht="47.25" x14ac:dyDescent="0.25">
      <c r="A4" s="4" t="s">
        <v>905</v>
      </c>
      <c r="B4" s="11" t="s">
        <v>55</v>
      </c>
      <c r="C4" s="11" t="s">
        <v>897</v>
      </c>
      <c r="D4" s="11" t="s">
        <v>902</v>
      </c>
      <c r="E4" s="11" t="s">
        <v>903</v>
      </c>
      <c r="F4" s="11" t="s">
        <v>894</v>
      </c>
      <c r="G4" s="11" t="s">
        <v>895</v>
      </c>
      <c r="H4" s="11">
        <v>29</v>
      </c>
      <c r="I4" s="11" t="s">
        <v>904</v>
      </c>
      <c r="J4" s="5" t="s">
        <v>900</v>
      </c>
    </row>
    <row r="5" spans="1:10" ht="47.25" x14ac:dyDescent="0.25">
      <c r="A5" s="4" t="s">
        <v>905</v>
      </c>
      <c r="B5" s="11" t="s">
        <v>55</v>
      </c>
      <c r="C5" s="11" t="s">
        <v>898</v>
      </c>
      <c r="D5" s="11" t="s">
        <v>902</v>
      </c>
      <c r="E5" s="11" t="s">
        <v>903</v>
      </c>
      <c r="F5" s="11" t="s">
        <v>894</v>
      </c>
      <c r="G5" s="11" t="s">
        <v>895</v>
      </c>
      <c r="H5" s="11">
        <v>29</v>
      </c>
      <c r="I5" s="11" t="s">
        <v>904</v>
      </c>
      <c r="J5" s="5" t="s">
        <v>900</v>
      </c>
    </row>
  </sheetData>
  <phoneticPr fontId="3" type="noConversion"/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9"/>
  <dimension ref="A1:I48"/>
  <sheetViews>
    <sheetView topLeftCell="C1" zoomScale="85" zoomScaleNormal="85" workbookViewId="0">
      <selection activeCell="H37" sqref="H37"/>
    </sheetView>
  </sheetViews>
  <sheetFormatPr defaultRowHeight="15.75" x14ac:dyDescent="0.25"/>
  <cols>
    <col min="1" max="1" width="9" style="10"/>
    <col min="2" max="2" width="60.875" style="9" bestFit="1" customWidth="1"/>
    <col min="3" max="3" width="27.875" style="9" bestFit="1" customWidth="1"/>
    <col min="4" max="4" width="14" style="9" bestFit="1" customWidth="1"/>
    <col min="5" max="8" width="9" style="9"/>
    <col min="9" max="9" width="58.625" style="9" bestFit="1" customWidth="1"/>
    <col min="10" max="16384" width="9" style="9"/>
  </cols>
  <sheetData>
    <row r="1" spans="1:9" x14ac:dyDescent="0.25">
      <c r="A1" s="7"/>
      <c r="B1" s="67" t="s">
        <v>9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21" t="s">
        <v>52</v>
      </c>
      <c r="B3" s="4" t="s">
        <v>24</v>
      </c>
      <c r="C3" s="4" t="s">
        <v>25</v>
      </c>
      <c r="D3" s="21" t="s">
        <v>26</v>
      </c>
      <c r="E3" s="21" t="s">
        <v>27</v>
      </c>
      <c r="F3" s="21" t="s">
        <v>28</v>
      </c>
      <c r="G3" s="11" t="str">
        <f>VLOOKUP(E3,'學生資料(不要打開)'!$A$2:$I$1769,4,FALSE)</f>
        <v xml:space="preserve"> 25</v>
      </c>
      <c r="H3" s="21" t="s">
        <v>29</v>
      </c>
      <c r="I3" s="11" t="s">
        <v>58</v>
      </c>
    </row>
    <row r="4" spans="1:9" x14ac:dyDescent="0.25">
      <c r="A4" s="21" t="s">
        <v>53</v>
      </c>
      <c r="B4" s="21" t="s">
        <v>30</v>
      </c>
      <c r="C4" s="4" t="s">
        <v>32</v>
      </c>
      <c r="D4" s="21" t="s">
        <v>31</v>
      </c>
      <c r="E4" s="21" t="s">
        <v>27</v>
      </c>
      <c r="F4" s="21" t="s">
        <v>28</v>
      </c>
      <c r="G4" s="11" t="str">
        <f>VLOOKUP(E4,'學生資料(不要打開)'!$A$2:$I$1769,4,FALSE)</f>
        <v xml:space="preserve"> 25</v>
      </c>
      <c r="H4" s="21" t="s">
        <v>29</v>
      </c>
      <c r="I4" s="21" t="s">
        <v>57</v>
      </c>
    </row>
    <row r="5" spans="1:9" x14ac:dyDescent="0.25">
      <c r="A5" s="21" t="s">
        <v>53</v>
      </c>
      <c r="B5" s="21" t="s">
        <v>30</v>
      </c>
      <c r="C5" s="4" t="s">
        <v>33</v>
      </c>
      <c r="D5" s="21" t="s">
        <v>31</v>
      </c>
      <c r="E5" s="21" t="s">
        <v>27</v>
      </c>
      <c r="F5" s="21" t="s">
        <v>28</v>
      </c>
      <c r="G5" s="11" t="str">
        <f>VLOOKUP(E5,'學生資料(不要打開)'!$A$2:$I$1769,4,FALSE)</f>
        <v xml:space="preserve"> 25</v>
      </c>
      <c r="H5" s="21" t="s">
        <v>29</v>
      </c>
      <c r="I5" s="21" t="s">
        <v>57</v>
      </c>
    </row>
    <row r="6" spans="1:9" x14ac:dyDescent="0.25">
      <c r="A6" s="21" t="s">
        <v>52</v>
      </c>
      <c r="B6" s="21" t="s">
        <v>9742</v>
      </c>
      <c r="C6" s="21" t="s">
        <v>34</v>
      </c>
      <c r="D6" s="21" t="s">
        <v>35</v>
      </c>
      <c r="E6" s="21" t="s">
        <v>27</v>
      </c>
      <c r="F6" s="21" t="s">
        <v>28</v>
      </c>
      <c r="G6" s="11" t="str">
        <f>VLOOKUP(E6,'學生資料(不要打開)'!$A$2:$I$1769,4,FALSE)</f>
        <v xml:space="preserve"> 25</v>
      </c>
      <c r="H6" s="21" t="s">
        <v>29</v>
      </c>
      <c r="I6" s="21" t="s">
        <v>56</v>
      </c>
    </row>
    <row r="7" spans="1:9" ht="31.5" x14ac:dyDescent="0.25">
      <c r="A7" s="21" t="s">
        <v>52</v>
      </c>
      <c r="B7" s="4" t="s">
        <v>36</v>
      </c>
      <c r="C7" s="21" t="s">
        <v>32</v>
      </c>
      <c r="D7" s="21" t="s">
        <v>37</v>
      </c>
      <c r="E7" s="21" t="s">
        <v>38</v>
      </c>
      <c r="F7" s="21" t="s">
        <v>39</v>
      </c>
      <c r="G7" s="11" t="str">
        <f>VLOOKUP(E7,'學生資料(不要打開)'!$A$2:$I$1769,4,FALSE)</f>
        <v xml:space="preserve"> 28</v>
      </c>
      <c r="H7" s="21" t="s">
        <v>29</v>
      </c>
      <c r="I7" s="21" t="s">
        <v>59</v>
      </c>
    </row>
    <row r="8" spans="1:9" x14ac:dyDescent="0.25">
      <c r="A8" s="21" t="s">
        <v>53</v>
      </c>
      <c r="B8" s="21" t="s">
        <v>40</v>
      </c>
      <c r="C8" s="21" t="s">
        <v>32</v>
      </c>
      <c r="D8" s="21" t="s">
        <v>37</v>
      </c>
      <c r="E8" s="21" t="s">
        <v>38</v>
      </c>
      <c r="F8" s="21" t="s">
        <v>39</v>
      </c>
      <c r="G8" s="11" t="str">
        <f>VLOOKUP(E8,'學生資料(不要打開)'!$A$2:$I$1769,4,FALSE)</f>
        <v xml:space="preserve"> 28</v>
      </c>
      <c r="H8" s="21" t="s">
        <v>29</v>
      </c>
      <c r="I8" s="21" t="s">
        <v>57</v>
      </c>
    </row>
    <row r="9" spans="1:9" ht="31.5" x14ac:dyDescent="0.25">
      <c r="A9" s="21" t="s">
        <v>52</v>
      </c>
      <c r="B9" s="4" t="s">
        <v>41</v>
      </c>
      <c r="C9" s="21" t="s">
        <v>32</v>
      </c>
      <c r="D9" s="21" t="s">
        <v>42</v>
      </c>
      <c r="E9" s="21" t="s">
        <v>38</v>
      </c>
      <c r="F9" s="21" t="s">
        <v>39</v>
      </c>
      <c r="G9" s="11" t="str">
        <f>VLOOKUP(E9,'學生資料(不要打開)'!$A$2:$I$1769,4,FALSE)</f>
        <v xml:space="preserve"> 28</v>
      </c>
      <c r="H9" s="21" t="s">
        <v>29</v>
      </c>
      <c r="I9" s="21" t="s">
        <v>59</v>
      </c>
    </row>
    <row r="10" spans="1:9" ht="31.5" x14ac:dyDescent="0.25">
      <c r="A10" s="21" t="s">
        <v>52</v>
      </c>
      <c r="B10" s="4" t="s">
        <v>41</v>
      </c>
      <c r="C10" s="4" t="s">
        <v>43</v>
      </c>
      <c r="D10" s="21" t="s">
        <v>42</v>
      </c>
      <c r="E10" s="21" t="s">
        <v>38</v>
      </c>
      <c r="F10" s="21" t="s">
        <v>39</v>
      </c>
      <c r="G10" s="11" t="str">
        <f>VLOOKUP(E10,'學生資料(不要打開)'!$A$2:$I$1769,4,FALSE)</f>
        <v xml:space="preserve"> 28</v>
      </c>
      <c r="H10" s="21" t="s">
        <v>29</v>
      </c>
      <c r="I10" s="21" t="s">
        <v>59</v>
      </c>
    </row>
    <row r="11" spans="1:9" ht="31.5" x14ac:dyDescent="0.25">
      <c r="A11" s="21" t="s">
        <v>52</v>
      </c>
      <c r="B11" s="49" t="s">
        <v>44</v>
      </c>
      <c r="C11" s="4" t="s">
        <v>43</v>
      </c>
      <c r="D11" s="21" t="s">
        <v>37</v>
      </c>
      <c r="E11" s="21" t="s">
        <v>38</v>
      </c>
      <c r="F11" s="21" t="s">
        <v>39</v>
      </c>
      <c r="G11" s="11" t="str">
        <f>VLOOKUP(E11,'學生資料(不要打開)'!$A$2:$I$1769,4,FALSE)</f>
        <v xml:space="preserve"> 28</v>
      </c>
      <c r="H11" s="21" t="s">
        <v>29</v>
      </c>
      <c r="I11" s="21" t="s">
        <v>59</v>
      </c>
    </row>
    <row r="12" spans="1:9" ht="31.5" x14ac:dyDescent="0.25">
      <c r="A12" s="21" t="s">
        <v>52</v>
      </c>
      <c r="B12" s="49" t="s">
        <v>44</v>
      </c>
      <c r="C12" s="21" t="s">
        <v>32</v>
      </c>
      <c r="D12" s="21" t="s">
        <v>45</v>
      </c>
      <c r="E12" s="21" t="s">
        <v>38</v>
      </c>
      <c r="F12" s="21" t="s">
        <v>39</v>
      </c>
      <c r="G12" s="11" t="str">
        <f>VLOOKUP(E12,'學生資料(不要打開)'!$A$2:$I$1769,4,FALSE)</f>
        <v xml:space="preserve"> 28</v>
      </c>
      <c r="H12" s="21" t="s">
        <v>29</v>
      </c>
      <c r="I12" s="21" t="s">
        <v>59</v>
      </c>
    </row>
    <row r="13" spans="1:9" ht="31.5" x14ac:dyDescent="0.25">
      <c r="A13" s="21" t="s">
        <v>55</v>
      </c>
      <c r="B13" s="49" t="s">
        <v>54</v>
      </c>
      <c r="C13" s="4" t="s">
        <v>43</v>
      </c>
      <c r="D13" s="21" t="s">
        <v>37</v>
      </c>
      <c r="E13" s="21" t="s">
        <v>38</v>
      </c>
      <c r="F13" s="21" t="s">
        <v>39</v>
      </c>
      <c r="G13" s="11" t="str">
        <f>VLOOKUP(E13,'學生資料(不要打開)'!$A$2:$I$1769,4,FALSE)</f>
        <v xml:space="preserve"> 28</v>
      </c>
      <c r="H13" s="21" t="s">
        <v>29</v>
      </c>
      <c r="I13" s="21" t="s">
        <v>59</v>
      </c>
    </row>
    <row r="14" spans="1:9" x14ac:dyDescent="0.25">
      <c r="A14" s="49" t="s">
        <v>287</v>
      </c>
      <c r="B14" s="49" t="s">
        <v>288</v>
      </c>
      <c r="C14" s="49" t="s">
        <v>289</v>
      </c>
      <c r="D14" s="49" t="s">
        <v>290</v>
      </c>
      <c r="E14" s="49" t="s">
        <v>291</v>
      </c>
      <c r="F14" s="49" t="s">
        <v>292</v>
      </c>
      <c r="G14" s="11" t="str">
        <f>VLOOKUP(E14,'學生資料(不要打開)'!$A$2:$I$1769,4,FALSE)</f>
        <v xml:space="preserve"> 28</v>
      </c>
      <c r="H14" s="49" t="s">
        <v>293</v>
      </c>
      <c r="I14" s="49" t="s">
        <v>294</v>
      </c>
    </row>
    <row r="15" spans="1:9" x14ac:dyDescent="0.25">
      <c r="A15" s="4" t="s">
        <v>311</v>
      </c>
      <c r="B15" s="4" t="s">
        <v>312</v>
      </c>
      <c r="C15" s="4" t="s">
        <v>313</v>
      </c>
      <c r="D15" s="4" t="s">
        <v>314</v>
      </c>
      <c r="E15" s="4" t="s">
        <v>315</v>
      </c>
      <c r="F15" s="4" t="s">
        <v>316</v>
      </c>
      <c r="G15" s="11" t="str">
        <f>VLOOKUP(E15,'學生資料(不要打開)'!$A$2:$I$1769,4,FALSE)</f>
        <v xml:space="preserve"> 28</v>
      </c>
      <c r="H15" s="4" t="s">
        <v>317</v>
      </c>
      <c r="I15" s="4" t="s">
        <v>318</v>
      </c>
    </row>
    <row r="16" spans="1:9" x14ac:dyDescent="0.25">
      <c r="A16" s="4" t="s">
        <v>311</v>
      </c>
      <c r="B16" s="4" t="s">
        <v>312</v>
      </c>
      <c r="C16" s="4" t="s">
        <v>319</v>
      </c>
      <c r="D16" s="4" t="s">
        <v>314</v>
      </c>
      <c r="E16" s="4" t="s">
        <v>315</v>
      </c>
      <c r="F16" s="4" t="s">
        <v>316</v>
      </c>
      <c r="G16" s="11" t="str">
        <f>VLOOKUP(E16,'學生資料(不要打開)'!$A$2:$I$1769,4,FALSE)</f>
        <v xml:space="preserve"> 28</v>
      </c>
      <c r="H16" s="4" t="s">
        <v>317</v>
      </c>
      <c r="I16" s="4" t="s">
        <v>318</v>
      </c>
    </row>
    <row r="17" spans="1:9" x14ac:dyDescent="0.25">
      <c r="A17" s="4" t="s">
        <v>320</v>
      </c>
      <c r="B17" s="4" t="s">
        <v>321</v>
      </c>
      <c r="C17" s="4" t="s">
        <v>322</v>
      </c>
      <c r="D17" s="4" t="s">
        <v>323</v>
      </c>
      <c r="E17" s="4" t="s">
        <v>324</v>
      </c>
      <c r="F17" s="4" t="s">
        <v>325</v>
      </c>
      <c r="G17" s="11" t="str">
        <f>VLOOKUP(E17,'學生資料(不要打開)'!$A$2:$I$1769,4,FALSE)</f>
        <v xml:space="preserve"> 28</v>
      </c>
      <c r="H17" s="4" t="s">
        <v>326</v>
      </c>
      <c r="I17" s="4" t="s">
        <v>327</v>
      </c>
    </row>
    <row r="18" spans="1:9" ht="47.25" x14ac:dyDescent="0.25">
      <c r="A18" s="4" t="s">
        <v>571</v>
      </c>
      <c r="B18" s="4" t="s">
        <v>572</v>
      </c>
      <c r="C18" s="4" t="s">
        <v>573</v>
      </c>
      <c r="D18" s="4" t="s">
        <v>574</v>
      </c>
      <c r="E18" s="4" t="s">
        <v>575</v>
      </c>
      <c r="F18" s="4" t="s">
        <v>576</v>
      </c>
      <c r="G18" s="11" t="str">
        <f>VLOOKUP(E18,'學生資料(不要打開)'!$A$2:$I$1769,4,FALSE)</f>
        <v xml:space="preserve"> 27</v>
      </c>
      <c r="H18" s="4" t="s">
        <v>577</v>
      </c>
      <c r="I18" s="4" t="s">
        <v>578</v>
      </c>
    </row>
    <row r="19" spans="1:9" ht="47.25" x14ac:dyDescent="0.25">
      <c r="A19" s="4" t="s">
        <v>571</v>
      </c>
      <c r="B19" s="4" t="s">
        <v>572</v>
      </c>
      <c r="C19" s="4" t="s">
        <v>579</v>
      </c>
      <c r="D19" s="4" t="s">
        <v>574</v>
      </c>
      <c r="E19" s="4" t="s">
        <v>580</v>
      </c>
      <c r="F19" s="4" t="s">
        <v>581</v>
      </c>
      <c r="G19" s="11" t="str">
        <f>VLOOKUP(E19,'學生資料(不要打開)'!$A$2:$I$1769,4,FALSE)</f>
        <v xml:space="preserve"> 27</v>
      </c>
      <c r="H19" s="4" t="s">
        <v>577</v>
      </c>
      <c r="I19" s="4" t="s">
        <v>582</v>
      </c>
    </row>
    <row r="20" spans="1:9" x14ac:dyDescent="0.25">
      <c r="A20" s="4" t="s">
        <v>583</v>
      </c>
      <c r="B20" s="4" t="s">
        <v>584</v>
      </c>
      <c r="C20" s="4" t="s">
        <v>585</v>
      </c>
      <c r="D20" s="4" t="s">
        <v>586</v>
      </c>
      <c r="E20" s="4" t="s">
        <v>587</v>
      </c>
      <c r="F20" s="4" t="s">
        <v>588</v>
      </c>
      <c r="G20" s="11" t="str">
        <f>VLOOKUP(E20,'學生資料(不要打開)'!$A$2:$I$1769,4,FALSE)</f>
        <v xml:space="preserve"> 27</v>
      </c>
      <c r="H20" s="4" t="s">
        <v>589</v>
      </c>
      <c r="I20" s="4" t="s">
        <v>590</v>
      </c>
    </row>
    <row r="21" spans="1:9" x14ac:dyDescent="0.25">
      <c r="A21" s="4" t="s">
        <v>583</v>
      </c>
      <c r="B21" s="4" t="s">
        <v>584</v>
      </c>
      <c r="C21" s="4" t="s">
        <v>591</v>
      </c>
      <c r="D21" s="4" t="s">
        <v>586</v>
      </c>
      <c r="E21" s="4" t="s">
        <v>587</v>
      </c>
      <c r="F21" s="4" t="s">
        <v>588</v>
      </c>
      <c r="G21" s="11" t="str">
        <f>VLOOKUP(E21,'學生資料(不要打開)'!$A$2:$I$1769,4,FALSE)</f>
        <v xml:space="preserve"> 27</v>
      </c>
      <c r="H21" s="4" t="s">
        <v>589</v>
      </c>
      <c r="I21" s="4" t="s">
        <v>590</v>
      </c>
    </row>
    <row r="22" spans="1:9" x14ac:dyDescent="0.25">
      <c r="A22" s="4" t="s">
        <v>583</v>
      </c>
      <c r="B22" s="4" t="s">
        <v>584</v>
      </c>
      <c r="C22" s="4" t="s">
        <v>592</v>
      </c>
      <c r="D22" s="4" t="s">
        <v>586</v>
      </c>
      <c r="E22" s="4" t="s">
        <v>587</v>
      </c>
      <c r="F22" s="4" t="s">
        <v>588</v>
      </c>
      <c r="G22" s="11" t="str">
        <f>VLOOKUP(E22,'學生資料(不要打開)'!$A$2:$I$1769,4,FALSE)</f>
        <v xml:space="preserve"> 27</v>
      </c>
      <c r="H22" s="4" t="s">
        <v>589</v>
      </c>
      <c r="I22" s="4" t="s">
        <v>590</v>
      </c>
    </row>
    <row r="23" spans="1:9" x14ac:dyDescent="0.25">
      <c r="A23" s="4" t="s">
        <v>583</v>
      </c>
      <c r="B23" s="4" t="s">
        <v>584</v>
      </c>
      <c r="C23" s="4" t="s">
        <v>593</v>
      </c>
      <c r="D23" s="4" t="s">
        <v>586</v>
      </c>
      <c r="E23" s="4" t="s">
        <v>587</v>
      </c>
      <c r="F23" s="4" t="s">
        <v>588</v>
      </c>
      <c r="G23" s="11" t="str">
        <f>VLOOKUP(E23,'學生資料(不要打開)'!$A$2:$I$1769,4,FALSE)</f>
        <v xml:space="preserve"> 27</v>
      </c>
      <c r="H23" s="4" t="s">
        <v>589</v>
      </c>
      <c r="I23" s="4" t="s">
        <v>590</v>
      </c>
    </row>
    <row r="24" spans="1:9" x14ac:dyDescent="0.25">
      <c r="A24" s="4" t="s">
        <v>583</v>
      </c>
      <c r="B24" s="4" t="s">
        <v>584</v>
      </c>
      <c r="C24" s="4" t="s">
        <v>585</v>
      </c>
      <c r="D24" s="4" t="s">
        <v>594</v>
      </c>
      <c r="E24" s="4" t="s">
        <v>595</v>
      </c>
      <c r="F24" s="4" t="s">
        <v>596</v>
      </c>
      <c r="G24" s="11" t="str">
        <f>VLOOKUP(E24,'學生資料(不要打開)'!$A$2:$I$1769,4,FALSE)</f>
        <v xml:space="preserve"> 27</v>
      </c>
      <c r="H24" s="4" t="s">
        <v>589</v>
      </c>
      <c r="I24" s="4" t="s">
        <v>590</v>
      </c>
    </row>
    <row r="25" spans="1:9" x14ac:dyDescent="0.25">
      <c r="A25" s="4" t="s">
        <v>583</v>
      </c>
      <c r="B25" s="4" t="s">
        <v>584</v>
      </c>
      <c r="C25" s="4" t="s">
        <v>597</v>
      </c>
      <c r="D25" s="4" t="s">
        <v>598</v>
      </c>
      <c r="E25" s="4" t="s">
        <v>595</v>
      </c>
      <c r="F25" s="4" t="s">
        <v>596</v>
      </c>
      <c r="G25" s="11" t="str">
        <f>VLOOKUP(E25,'學生資料(不要打開)'!$A$2:$I$1769,4,FALSE)</f>
        <v xml:space="preserve"> 27</v>
      </c>
      <c r="H25" s="4" t="s">
        <v>589</v>
      </c>
      <c r="I25" s="4" t="s">
        <v>590</v>
      </c>
    </row>
    <row r="26" spans="1:9" x14ac:dyDescent="0.25">
      <c r="A26" s="4" t="s">
        <v>583</v>
      </c>
      <c r="B26" s="4" t="s">
        <v>584</v>
      </c>
      <c r="C26" s="4" t="s">
        <v>593</v>
      </c>
      <c r="D26" s="4" t="s">
        <v>586</v>
      </c>
      <c r="E26" s="4" t="s">
        <v>595</v>
      </c>
      <c r="F26" s="4" t="s">
        <v>596</v>
      </c>
      <c r="G26" s="11" t="str">
        <f>VLOOKUP(E26,'學生資料(不要打開)'!$A$2:$I$1769,4,FALSE)</f>
        <v xml:space="preserve"> 27</v>
      </c>
      <c r="H26" s="4" t="s">
        <v>589</v>
      </c>
      <c r="I26" s="4" t="s">
        <v>590</v>
      </c>
    </row>
    <row r="27" spans="1:9" ht="31.5" x14ac:dyDescent="0.25">
      <c r="A27" s="4" t="s">
        <v>642</v>
      </c>
      <c r="B27" s="4" t="s">
        <v>643</v>
      </c>
      <c r="C27" s="4" t="s">
        <v>644</v>
      </c>
      <c r="D27" s="4" t="s">
        <v>645</v>
      </c>
      <c r="E27" s="4" t="s">
        <v>646</v>
      </c>
      <c r="F27" s="4" t="s">
        <v>647</v>
      </c>
      <c r="G27" s="11" t="str">
        <f>VLOOKUP(E27,'學生資料(不要打開)'!$A$2:$I$1769,4,FALSE)</f>
        <v xml:space="preserve"> 28</v>
      </c>
      <c r="H27" s="4" t="s">
        <v>648</v>
      </c>
      <c r="I27" s="4" t="s">
        <v>649</v>
      </c>
    </row>
    <row r="28" spans="1:9" x14ac:dyDescent="0.25">
      <c r="A28" s="4" t="s">
        <v>650</v>
      </c>
      <c r="B28" s="4" t="s">
        <v>651</v>
      </c>
      <c r="C28" s="4" t="s">
        <v>652</v>
      </c>
      <c r="D28" s="4" t="s">
        <v>653</v>
      </c>
      <c r="E28" s="4" t="s">
        <v>654</v>
      </c>
      <c r="F28" s="4" t="s">
        <v>655</v>
      </c>
      <c r="G28" s="11" t="str">
        <f>VLOOKUP(E28,'學生資料(不要打開)'!$A$2:$I$1769,4,FALSE)</f>
        <v xml:space="preserve"> 28</v>
      </c>
      <c r="H28" s="4" t="s">
        <v>656</v>
      </c>
      <c r="I28" s="4" t="s">
        <v>657</v>
      </c>
    </row>
    <row r="29" spans="1:9" x14ac:dyDescent="0.25">
      <c r="A29" s="4" t="s">
        <v>650</v>
      </c>
      <c r="B29" s="4" t="s">
        <v>651</v>
      </c>
      <c r="C29" s="4" t="s">
        <v>658</v>
      </c>
      <c r="D29" s="4" t="s">
        <v>653</v>
      </c>
      <c r="E29" s="4" t="s">
        <v>654</v>
      </c>
      <c r="F29" s="4" t="s">
        <v>655</v>
      </c>
      <c r="G29" s="11" t="str">
        <f>VLOOKUP(E29,'學生資料(不要打開)'!$A$2:$I$1769,4,FALSE)</f>
        <v xml:space="preserve"> 28</v>
      </c>
      <c r="H29" s="4" t="s">
        <v>656</v>
      </c>
      <c r="I29" s="4" t="s">
        <v>657</v>
      </c>
    </row>
    <row r="30" spans="1:9" x14ac:dyDescent="0.25">
      <c r="A30" s="4" t="s">
        <v>659</v>
      </c>
      <c r="B30" s="4" t="s">
        <v>660</v>
      </c>
      <c r="C30" s="4" t="s">
        <v>661</v>
      </c>
      <c r="D30" s="4" t="s">
        <v>662</v>
      </c>
      <c r="E30" s="4" t="s">
        <v>663</v>
      </c>
      <c r="F30" s="4" t="s">
        <v>664</v>
      </c>
      <c r="G30" s="11" t="str">
        <f>VLOOKUP(E30,'學生資料(不要打開)'!$A$2:$I$1769,4,FALSE)</f>
        <v xml:space="preserve"> 28</v>
      </c>
      <c r="H30" s="4" t="s">
        <v>665</v>
      </c>
      <c r="I30" s="4" t="s">
        <v>666</v>
      </c>
    </row>
    <row r="31" spans="1:9" x14ac:dyDescent="0.25">
      <c r="A31" s="4" t="s">
        <v>659</v>
      </c>
      <c r="B31" s="4" t="s">
        <v>667</v>
      </c>
      <c r="C31" s="4" t="s">
        <v>668</v>
      </c>
      <c r="D31" s="4" t="s">
        <v>662</v>
      </c>
      <c r="E31" s="4" t="s">
        <v>663</v>
      </c>
      <c r="F31" s="4" t="s">
        <v>664</v>
      </c>
      <c r="G31" s="11" t="str">
        <f>VLOOKUP(E31,'學生資料(不要打開)'!$A$2:$I$1769,4,FALSE)</f>
        <v xml:space="preserve"> 28</v>
      </c>
      <c r="H31" s="4" t="s">
        <v>665</v>
      </c>
      <c r="I31" s="4" t="s">
        <v>666</v>
      </c>
    </row>
    <row r="32" spans="1:9" x14ac:dyDescent="0.25">
      <c r="A32" s="4" t="s">
        <v>659</v>
      </c>
      <c r="B32" s="4" t="s">
        <v>669</v>
      </c>
      <c r="C32" s="4" t="s">
        <v>652</v>
      </c>
      <c r="D32" s="4" t="s">
        <v>645</v>
      </c>
      <c r="E32" s="4" t="s">
        <v>663</v>
      </c>
      <c r="F32" s="4" t="s">
        <v>664</v>
      </c>
      <c r="G32" s="11" t="str">
        <f>VLOOKUP(E32,'學生資料(不要打開)'!$A$2:$I$1769,4,FALSE)</f>
        <v xml:space="preserve"> 28</v>
      </c>
      <c r="H32" s="4" t="s">
        <v>665</v>
      </c>
      <c r="I32" s="4" t="s">
        <v>670</v>
      </c>
    </row>
    <row r="33" spans="1:9" x14ac:dyDescent="0.25">
      <c r="A33" s="4" t="s">
        <v>659</v>
      </c>
      <c r="B33" s="4" t="s">
        <v>671</v>
      </c>
      <c r="C33" s="4" t="s">
        <v>672</v>
      </c>
      <c r="D33" s="4" t="s">
        <v>673</v>
      </c>
      <c r="E33" s="4" t="s">
        <v>663</v>
      </c>
      <c r="F33" s="4" t="s">
        <v>664</v>
      </c>
      <c r="G33" s="11" t="str">
        <f>VLOOKUP(E33,'學生資料(不要打開)'!$A$2:$I$1769,4,FALSE)</f>
        <v xml:space="preserve"> 28</v>
      </c>
      <c r="H33" s="4" t="s">
        <v>665</v>
      </c>
      <c r="I33" s="4" t="s">
        <v>670</v>
      </c>
    </row>
    <row r="34" spans="1:9" x14ac:dyDescent="0.25">
      <c r="A34" s="4" t="s">
        <v>659</v>
      </c>
      <c r="B34" s="4" t="s">
        <v>674</v>
      </c>
      <c r="C34" s="4" t="s">
        <v>675</v>
      </c>
      <c r="D34" s="4" t="s">
        <v>653</v>
      </c>
      <c r="E34" s="4" t="s">
        <v>663</v>
      </c>
      <c r="F34" s="4" t="s">
        <v>664</v>
      </c>
      <c r="G34" s="11" t="str">
        <f>VLOOKUP(E34,'學生資料(不要打開)'!$A$2:$I$1769,4,FALSE)</f>
        <v xml:space="preserve"> 28</v>
      </c>
      <c r="H34" s="4" t="s">
        <v>665</v>
      </c>
      <c r="I34" s="4" t="s">
        <v>676</v>
      </c>
    </row>
    <row r="35" spans="1:9" x14ac:dyDescent="0.25">
      <c r="A35" s="21" t="s">
        <v>53</v>
      </c>
      <c r="B35" s="4" t="s">
        <v>736</v>
      </c>
      <c r="C35" s="4" t="s">
        <v>737</v>
      </c>
      <c r="D35" s="4" t="s">
        <v>238</v>
      </c>
      <c r="E35" s="4" t="s">
        <v>646</v>
      </c>
      <c r="F35" s="4" t="s">
        <v>647</v>
      </c>
      <c r="G35" s="11" t="str">
        <f>VLOOKUP(E35,'學生資料(不要打開)'!$A$2:$I$1769,4,FALSE)</f>
        <v xml:space="preserve"> 28</v>
      </c>
      <c r="H35" s="4" t="s">
        <v>65</v>
      </c>
      <c r="I35" s="4" t="s">
        <v>740</v>
      </c>
    </row>
    <row r="36" spans="1:9" x14ac:dyDescent="0.25">
      <c r="A36" s="21" t="s">
        <v>53</v>
      </c>
      <c r="B36" s="4" t="s">
        <v>736</v>
      </c>
      <c r="C36" s="4" t="s">
        <v>738</v>
      </c>
      <c r="D36" s="4" t="s">
        <v>238</v>
      </c>
      <c r="E36" s="4" t="s">
        <v>646</v>
      </c>
      <c r="F36" s="4" t="s">
        <v>647</v>
      </c>
      <c r="G36" s="11" t="str">
        <f>VLOOKUP(E36,'學生資料(不要打開)'!$A$2:$I$1769,4,FALSE)</f>
        <v xml:space="preserve"> 28</v>
      </c>
      <c r="H36" s="4" t="s">
        <v>65</v>
      </c>
      <c r="I36" s="4" t="s">
        <v>740</v>
      </c>
    </row>
    <row r="37" spans="1:9" x14ac:dyDescent="0.25">
      <c r="A37" s="21" t="s">
        <v>53</v>
      </c>
      <c r="B37" s="4" t="s">
        <v>736</v>
      </c>
      <c r="C37" s="4" t="s">
        <v>739</v>
      </c>
      <c r="D37" s="4" t="s">
        <v>238</v>
      </c>
      <c r="E37" s="4" t="s">
        <v>646</v>
      </c>
      <c r="F37" s="4" t="s">
        <v>647</v>
      </c>
      <c r="G37" s="11" t="str">
        <f>VLOOKUP(E37,'學生資料(不要打開)'!$A$2:$I$1769,4,FALSE)</f>
        <v xml:space="preserve"> 28</v>
      </c>
      <c r="H37" s="4" t="s">
        <v>65</v>
      </c>
      <c r="I37" s="4" t="s">
        <v>740</v>
      </c>
    </row>
    <row r="38" spans="1:9" x14ac:dyDescent="0.25">
      <c r="A38" s="4" t="s">
        <v>742</v>
      </c>
      <c r="B38" s="4" t="s">
        <v>743</v>
      </c>
      <c r="C38" s="21" t="s">
        <v>748</v>
      </c>
      <c r="D38" s="4" t="s">
        <v>744</v>
      </c>
      <c r="E38" s="4" t="s">
        <v>745</v>
      </c>
      <c r="F38" s="4" t="s">
        <v>746</v>
      </c>
      <c r="G38" s="11" t="str">
        <f>VLOOKUP(E38,'學生資料(不要打開)'!$A$2:$I$1769,4,FALSE)</f>
        <v xml:space="preserve"> 29</v>
      </c>
      <c r="H38" s="4" t="s">
        <v>747</v>
      </c>
      <c r="I38" s="4" t="s">
        <v>740</v>
      </c>
    </row>
    <row r="39" spans="1:9" x14ac:dyDescent="0.25">
      <c r="A39" s="4" t="s">
        <v>765</v>
      </c>
      <c r="B39" s="4" t="s">
        <v>766</v>
      </c>
      <c r="C39" s="21" t="s">
        <v>767</v>
      </c>
      <c r="D39" s="4" t="s">
        <v>768</v>
      </c>
      <c r="E39" s="4" t="s">
        <v>769</v>
      </c>
      <c r="F39" s="4" t="s">
        <v>770</v>
      </c>
      <c r="G39" s="11" t="str">
        <f>VLOOKUP(E39,'學生資料(不要打開)'!$A$2:$I$1769,4,FALSE)</f>
        <v xml:space="preserve"> 29</v>
      </c>
      <c r="H39" s="4" t="s">
        <v>771</v>
      </c>
      <c r="I39" s="4" t="s">
        <v>772</v>
      </c>
    </row>
    <row r="40" spans="1:9" x14ac:dyDescent="0.25">
      <c r="A40" s="4" t="s">
        <v>765</v>
      </c>
      <c r="B40" s="4" t="s">
        <v>773</v>
      </c>
      <c r="C40" s="21" t="s">
        <v>774</v>
      </c>
      <c r="D40" s="4" t="s">
        <v>775</v>
      </c>
      <c r="E40" s="4" t="s">
        <v>769</v>
      </c>
      <c r="F40" s="4" t="s">
        <v>770</v>
      </c>
      <c r="G40" s="11" t="str">
        <f>VLOOKUP(E40,'學生資料(不要打開)'!$A$2:$I$1769,4,FALSE)</f>
        <v xml:space="preserve"> 29</v>
      </c>
      <c r="H40" s="4" t="s">
        <v>771</v>
      </c>
      <c r="I40" s="4" t="s">
        <v>776</v>
      </c>
    </row>
    <row r="41" spans="1:9" x14ac:dyDescent="0.25">
      <c r="A41" s="4" t="s">
        <v>870</v>
      </c>
      <c r="B41" s="4" t="s">
        <v>871</v>
      </c>
      <c r="C41" s="21" t="s">
        <v>872</v>
      </c>
      <c r="D41" s="4" t="s">
        <v>873</v>
      </c>
      <c r="E41" s="4" t="s">
        <v>874</v>
      </c>
      <c r="F41" s="4" t="s">
        <v>875</v>
      </c>
      <c r="G41" s="11" t="str">
        <f>VLOOKUP(E41,'學生資料(不要打開)'!$A$2:$I$1769,4,FALSE)</f>
        <v xml:space="preserve">  3</v>
      </c>
      <c r="H41" s="4" t="s">
        <v>876</v>
      </c>
      <c r="I41" s="4" t="s">
        <v>877</v>
      </c>
    </row>
    <row r="42" spans="1:9" x14ac:dyDescent="0.25">
      <c r="A42" s="4" t="s">
        <v>870</v>
      </c>
      <c r="B42" s="4" t="s">
        <v>878</v>
      </c>
      <c r="C42" s="21" t="s">
        <v>879</v>
      </c>
      <c r="D42" s="4" t="s">
        <v>873</v>
      </c>
      <c r="E42" s="4" t="s">
        <v>880</v>
      </c>
      <c r="F42" s="4" t="s">
        <v>881</v>
      </c>
      <c r="G42" s="11" t="str">
        <f>VLOOKUP(E42,'學生資料(不要打開)'!$A$2:$I$1769,4,FALSE)</f>
        <v xml:space="preserve"> 28</v>
      </c>
      <c r="H42" s="4" t="s">
        <v>876</v>
      </c>
      <c r="I42" s="4" t="s">
        <v>877</v>
      </c>
    </row>
    <row r="43" spans="1:9" x14ac:dyDescent="0.25">
      <c r="A43" s="4" t="s">
        <v>870</v>
      </c>
      <c r="B43" s="4" t="s">
        <v>878</v>
      </c>
      <c r="C43" s="21" t="s">
        <v>882</v>
      </c>
      <c r="D43" s="4" t="s">
        <v>883</v>
      </c>
      <c r="E43" s="4" t="s">
        <v>880</v>
      </c>
      <c r="F43" s="4" t="s">
        <v>881</v>
      </c>
      <c r="G43" s="11" t="str">
        <f>VLOOKUP(E43,'學生資料(不要打開)'!$A$2:$I$1769,4,FALSE)</f>
        <v xml:space="preserve"> 28</v>
      </c>
      <c r="H43" s="4" t="s">
        <v>876</v>
      </c>
      <c r="I43" s="4" t="s">
        <v>877</v>
      </c>
    </row>
    <row r="44" spans="1:9" x14ac:dyDescent="0.25">
      <c r="A44" s="4" t="s">
        <v>870</v>
      </c>
      <c r="B44" s="4" t="s">
        <v>878</v>
      </c>
      <c r="C44" s="21" t="s">
        <v>884</v>
      </c>
      <c r="D44" s="4" t="s">
        <v>885</v>
      </c>
      <c r="E44" s="4" t="s">
        <v>880</v>
      </c>
      <c r="F44" s="4" t="s">
        <v>881</v>
      </c>
      <c r="G44" s="11" t="str">
        <f>VLOOKUP(E44,'學生資料(不要打開)'!$A$2:$I$1769,4,FALSE)</f>
        <v xml:space="preserve"> 28</v>
      </c>
      <c r="H44" s="4" t="s">
        <v>876</v>
      </c>
      <c r="I44" s="4" t="s">
        <v>877</v>
      </c>
    </row>
    <row r="45" spans="1:9" x14ac:dyDescent="0.25">
      <c r="A45" s="4" t="s">
        <v>870</v>
      </c>
      <c r="B45" s="4" t="s">
        <v>871</v>
      </c>
      <c r="C45" s="21" t="s">
        <v>882</v>
      </c>
      <c r="D45" s="4" t="s">
        <v>883</v>
      </c>
      <c r="E45" s="4" t="s">
        <v>880</v>
      </c>
      <c r="F45" s="4" t="s">
        <v>881</v>
      </c>
      <c r="G45" s="11" t="str">
        <f>VLOOKUP(E45,'學生資料(不要打開)'!$A$2:$I$1769,4,FALSE)</f>
        <v xml:space="preserve"> 28</v>
      </c>
      <c r="H45" s="4" t="s">
        <v>876</v>
      </c>
      <c r="I45" s="4" t="s">
        <v>877</v>
      </c>
    </row>
    <row r="46" spans="1:9" x14ac:dyDescent="0.25">
      <c r="A46" s="4" t="s">
        <v>870</v>
      </c>
      <c r="B46" s="4" t="s">
        <v>871</v>
      </c>
      <c r="C46" s="21" t="s">
        <v>886</v>
      </c>
      <c r="D46" s="4" t="s">
        <v>873</v>
      </c>
      <c r="E46" s="4" t="s">
        <v>880</v>
      </c>
      <c r="F46" s="4" t="s">
        <v>881</v>
      </c>
      <c r="G46" s="11" t="str">
        <f>VLOOKUP(E46,'學生資料(不要打開)'!$A$2:$I$1769,4,FALSE)</f>
        <v xml:space="preserve"> 28</v>
      </c>
      <c r="H46" s="4" t="s">
        <v>876</v>
      </c>
      <c r="I46" s="4" t="s">
        <v>877</v>
      </c>
    </row>
    <row r="47" spans="1:9" x14ac:dyDescent="0.25">
      <c r="A47" s="4" t="s">
        <v>870</v>
      </c>
      <c r="B47" s="4" t="s">
        <v>887</v>
      </c>
      <c r="C47" s="21" t="s">
        <v>876</v>
      </c>
      <c r="D47" s="4" t="s">
        <v>888</v>
      </c>
      <c r="E47" s="4" t="s">
        <v>889</v>
      </c>
      <c r="F47" s="4" t="s">
        <v>890</v>
      </c>
      <c r="G47" s="11" t="str">
        <f>VLOOKUP(E47,'學生資料(不要打開)'!$A$2:$I$1769,4,FALSE)</f>
        <v xml:space="preserve"> 32</v>
      </c>
      <c r="H47" s="4" t="s">
        <v>876</v>
      </c>
      <c r="I47" s="4" t="s">
        <v>891</v>
      </c>
    </row>
    <row r="48" spans="1:9" x14ac:dyDescent="0.25">
      <c r="A48" s="4" t="s">
        <v>870</v>
      </c>
      <c r="B48" s="4" t="s">
        <v>871</v>
      </c>
      <c r="C48" s="21" t="s">
        <v>892</v>
      </c>
      <c r="D48" s="4" t="s">
        <v>885</v>
      </c>
      <c r="E48" s="4" t="s">
        <v>880</v>
      </c>
      <c r="F48" s="4" t="s">
        <v>881</v>
      </c>
      <c r="G48" s="11" t="str">
        <f>VLOOKUP(E48,'學生資料(不要打開)'!$A$2:$I$1769,4,FALSE)</f>
        <v xml:space="preserve"> 28</v>
      </c>
      <c r="H48" s="4" t="s">
        <v>876</v>
      </c>
      <c r="I48" s="4" t="s">
        <v>877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0"/>
  <dimension ref="A1:I19"/>
  <sheetViews>
    <sheetView topLeftCell="A4" workbookViewId="0">
      <selection activeCell="H37" sqref="H37"/>
    </sheetView>
  </sheetViews>
  <sheetFormatPr defaultRowHeight="15.75" x14ac:dyDescent="0.25"/>
  <cols>
    <col min="1" max="1" width="7.5" style="27" bestFit="1" customWidth="1"/>
    <col min="2" max="2" width="38.25" style="29" bestFit="1" customWidth="1"/>
    <col min="3" max="3" width="23.25" style="29" bestFit="1" customWidth="1"/>
    <col min="4" max="4" width="18.375" style="29" bestFit="1" customWidth="1"/>
    <col min="5" max="5" width="9.5" style="29" bestFit="1" customWidth="1"/>
    <col min="6" max="6" width="5.5" style="29" bestFit="1" customWidth="1"/>
    <col min="7" max="7" width="5.5" style="29" customWidth="1"/>
    <col min="8" max="8" width="9.5" style="29" bestFit="1" customWidth="1"/>
    <col min="9" max="9" width="33.875" style="29" bestFit="1" customWidth="1"/>
    <col min="10" max="16384" width="9" style="29"/>
  </cols>
  <sheetData>
    <row r="1" spans="1:9" x14ac:dyDescent="0.25">
      <c r="A1" s="4"/>
      <c r="B1" s="4" t="s">
        <v>9</v>
      </c>
      <c r="C1" s="4"/>
      <c r="D1" s="4"/>
      <c r="E1" s="4"/>
      <c r="F1" s="4"/>
      <c r="G1" s="4"/>
      <c r="H1" s="4"/>
      <c r="I1" s="4"/>
    </row>
    <row r="2" spans="1:9" x14ac:dyDescent="0.25">
      <c r="A2" s="4" t="s">
        <v>51</v>
      </c>
      <c r="B2" s="4" t="s">
        <v>0</v>
      </c>
      <c r="C2" s="4" t="s">
        <v>1</v>
      </c>
      <c r="D2" s="4" t="s">
        <v>2</v>
      </c>
      <c r="E2" s="4" t="s">
        <v>3</v>
      </c>
      <c r="F2" s="4" t="s">
        <v>4</v>
      </c>
      <c r="G2" s="4" t="s">
        <v>1315</v>
      </c>
      <c r="H2" s="4" t="s">
        <v>5</v>
      </c>
      <c r="I2" s="4" t="s">
        <v>6</v>
      </c>
    </row>
    <row r="3" spans="1:9" x14ac:dyDescent="0.25">
      <c r="A3" s="4" t="s">
        <v>109</v>
      </c>
      <c r="B3" s="4" t="s">
        <v>271</v>
      </c>
      <c r="C3" s="4" t="s">
        <v>286</v>
      </c>
      <c r="D3" s="4" t="s">
        <v>273</v>
      </c>
      <c r="E3" s="4" t="s">
        <v>276</v>
      </c>
      <c r="F3" s="4" t="s">
        <v>282</v>
      </c>
      <c r="G3" s="11">
        <f>VLOOKUP(E3,'學生資料(不要打開)'!$A$2:$I$1769,4,FALSE)</f>
        <v>14</v>
      </c>
      <c r="H3" s="4" t="s">
        <v>285</v>
      </c>
      <c r="I3" s="4" t="s">
        <v>272</v>
      </c>
    </row>
    <row r="4" spans="1:9" x14ac:dyDescent="0.25">
      <c r="A4" s="4" t="s">
        <v>109</v>
      </c>
      <c r="B4" s="4" t="s">
        <v>271</v>
      </c>
      <c r="C4" s="4" t="s">
        <v>286</v>
      </c>
      <c r="D4" s="4" t="s">
        <v>273</v>
      </c>
      <c r="E4" s="4" t="s">
        <v>277</v>
      </c>
      <c r="F4" s="4" t="s">
        <v>282</v>
      </c>
      <c r="G4" s="11">
        <f>VLOOKUP(E4,'學生資料(不要打開)'!$A$2:$I$1769,4,FALSE)</f>
        <v>4</v>
      </c>
      <c r="H4" s="4" t="s">
        <v>285</v>
      </c>
      <c r="I4" s="4" t="s">
        <v>272</v>
      </c>
    </row>
    <row r="5" spans="1:9" x14ac:dyDescent="0.25">
      <c r="A5" s="4" t="s">
        <v>109</v>
      </c>
      <c r="B5" s="4" t="s">
        <v>271</v>
      </c>
      <c r="C5" s="4" t="s">
        <v>286</v>
      </c>
      <c r="D5" s="4" t="s">
        <v>273</v>
      </c>
      <c r="E5" s="4" t="s">
        <v>278</v>
      </c>
      <c r="F5" s="4" t="s">
        <v>283</v>
      </c>
      <c r="G5" s="11">
        <f>VLOOKUP(E5,'學生資料(不要打開)'!$A$2:$I$1769,4,FALSE)</f>
        <v>8</v>
      </c>
      <c r="H5" s="4" t="s">
        <v>285</v>
      </c>
      <c r="I5" s="4" t="s">
        <v>272</v>
      </c>
    </row>
    <row r="6" spans="1:9" x14ac:dyDescent="0.25">
      <c r="A6" s="4" t="s">
        <v>109</v>
      </c>
      <c r="B6" s="4" t="s">
        <v>271</v>
      </c>
      <c r="C6" s="4" t="s">
        <v>286</v>
      </c>
      <c r="D6" s="4" t="s">
        <v>273</v>
      </c>
      <c r="E6" s="4" t="s">
        <v>279</v>
      </c>
      <c r="F6" s="4" t="s">
        <v>77</v>
      </c>
      <c r="G6" s="11">
        <f>VLOOKUP(E6,'學生資料(不要打開)'!$A$2:$I$1769,4,FALSE)</f>
        <v>20</v>
      </c>
      <c r="H6" s="4" t="s">
        <v>285</v>
      </c>
      <c r="I6" s="4" t="s">
        <v>272</v>
      </c>
    </row>
    <row r="7" spans="1:9" x14ac:dyDescent="0.25">
      <c r="A7" s="4" t="s">
        <v>109</v>
      </c>
      <c r="B7" s="4" t="s">
        <v>271</v>
      </c>
      <c r="C7" s="4" t="s">
        <v>286</v>
      </c>
      <c r="D7" s="4" t="s">
        <v>273</v>
      </c>
      <c r="E7" s="4" t="s">
        <v>280</v>
      </c>
      <c r="F7" s="4" t="s">
        <v>82</v>
      </c>
      <c r="G7" s="11">
        <f>VLOOKUP(E7,'學生資料(不要打開)'!$A$2:$I$1769,4,FALSE)</f>
        <v>21</v>
      </c>
      <c r="H7" s="4" t="s">
        <v>285</v>
      </c>
      <c r="I7" s="4" t="s">
        <v>272</v>
      </c>
    </row>
    <row r="8" spans="1:9" s="23" customFormat="1" x14ac:dyDescent="0.25">
      <c r="A8" s="4" t="s">
        <v>109</v>
      </c>
      <c r="B8" s="4" t="s">
        <v>271</v>
      </c>
      <c r="C8" s="4" t="s">
        <v>286</v>
      </c>
      <c r="D8" s="4" t="s">
        <v>274</v>
      </c>
      <c r="E8" s="4" t="s">
        <v>281</v>
      </c>
      <c r="F8" s="4" t="s">
        <v>284</v>
      </c>
      <c r="G8" s="11">
        <f>VLOOKUP(E8,'學生資料(不要打開)'!$A$2:$I$1769,4,FALSE)</f>
        <v>33</v>
      </c>
      <c r="H8" s="4" t="s">
        <v>285</v>
      </c>
      <c r="I8" s="4" t="s">
        <v>272</v>
      </c>
    </row>
    <row r="9" spans="1:9" x14ac:dyDescent="0.25">
      <c r="A9" s="4" t="s">
        <v>109</v>
      </c>
      <c r="B9" s="4" t="s">
        <v>271</v>
      </c>
      <c r="C9" s="4" t="s">
        <v>286</v>
      </c>
      <c r="D9" s="4" t="s">
        <v>275</v>
      </c>
      <c r="E9" s="4" t="s">
        <v>83</v>
      </c>
      <c r="F9" s="4" t="s">
        <v>103</v>
      </c>
      <c r="G9" s="11">
        <f>VLOOKUP(E9,'學生資料(不要打開)'!$A$2:$I$1769,4,FALSE)</f>
        <v>12</v>
      </c>
      <c r="H9" s="4" t="s">
        <v>285</v>
      </c>
      <c r="I9" s="4" t="s">
        <v>272</v>
      </c>
    </row>
    <row r="10" spans="1:9" x14ac:dyDescent="0.25">
      <c r="A10" s="4" t="s">
        <v>513</v>
      </c>
      <c r="B10" s="4" t="s">
        <v>1255</v>
      </c>
      <c r="C10" s="4" t="s">
        <v>1256</v>
      </c>
      <c r="D10" s="4" t="s">
        <v>161</v>
      </c>
      <c r="E10" s="4" t="s">
        <v>533</v>
      </c>
      <c r="F10" s="4" t="s">
        <v>78</v>
      </c>
      <c r="G10" s="11">
        <f>VLOOKUP(E10,'學生資料(不要打開)'!$A$2:$I$1769,4,FALSE)</f>
        <v>8</v>
      </c>
      <c r="H10" s="4" t="s">
        <v>1258</v>
      </c>
      <c r="I10" s="4" t="s">
        <v>1257</v>
      </c>
    </row>
    <row r="11" spans="1:9" s="23" customFormat="1" x14ac:dyDescent="0.25">
      <c r="A11" s="4" t="s">
        <v>109</v>
      </c>
      <c r="B11" s="4" t="s">
        <v>1269</v>
      </c>
      <c r="C11" s="4" t="s">
        <v>1282</v>
      </c>
      <c r="D11" s="4" t="s">
        <v>144</v>
      </c>
      <c r="E11" s="4" t="s">
        <v>533</v>
      </c>
      <c r="F11" s="4" t="s">
        <v>78</v>
      </c>
      <c r="G11" s="11">
        <f>VLOOKUP(E11,'學生資料(不要打開)'!$A$2:$I$1769,4,FALSE)</f>
        <v>8</v>
      </c>
      <c r="H11" s="4" t="s">
        <v>29</v>
      </c>
      <c r="I11" s="4" t="s">
        <v>1277</v>
      </c>
    </row>
    <row r="12" spans="1:9" x14ac:dyDescent="0.25">
      <c r="A12" s="4" t="s">
        <v>109</v>
      </c>
      <c r="B12" s="4" t="s">
        <v>1270</v>
      </c>
      <c r="C12" s="4" t="s">
        <v>1283</v>
      </c>
      <c r="D12" s="4" t="s">
        <v>120</v>
      </c>
      <c r="E12" s="4" t="s">
        <v>533</v>
      </c>
      <c r="F12" s="4" t="s">
        <v>78</v>
      </c>
      <c r="G12" s="11">
        <f>VLOOKUP(E12,'學生資料(不要打開)'!$A$2:$I$1769,4,FALSE)</f>
        <v>8</v>
      </c>
      <c r="H12" s="4" t="s">
        <v>29</v>
      </c>
      <c r="I12" s="4" t="s">
        <v>1278</v>
      </c>
    </row>
    <row r="13" spans="1:9" x14ac:dyDescent="0.25">
      <c r="A13" s="4" t="s">
        <v>55</v>
      </c>
      <c r="B13" s="4" t="s">
        <v>1271</v>
      </c>
      <c r="C13" s="4" t="s">
        <v>1284</v>
      </c>
      <c r="D13" s="4" t="s">
        <v>1289</v>
      </c>
      <c r="E13" s="4" t="s">
        <v>533</v>
      </c>
      <c r="F13" s="4" t="s">
        <v>78</v>
      </c>
      <c r="G13" s="11">
        <f>VLOOKUP(E13,'學生資料(不要打開)'!$A$2:$I$1769,4,FALSE)</f>
        <v>8</v>
      </c>
      <c r="H13" s="4" t="s">
        <v>29</v>
      </c>
      <c r="I13" s="4" t="s">
        <v>1277</v>
      </c>
    </row>
    <row r="14" spans="1:9" x14ac:dyDescent="0.25">
      <c r="A14" s="4" t="s">
        <v>55</v>
      </c>
      <c r="B14" s="4" t="s">
        <v>1272</v>
      </c>
      <c r="C14" s="4" t="s">
        <v>1283</v>
      </c>
      <c r="D14" s="4" t="s">
        <v>1289</v>
      </c>
      <c r="E14" s="4" t="s">
        <v>533</v>
      </c>
      <c r="F14" s="4" t="s">
        <v>78</v>
      </c>
      <c r="G14" s="11">
        <f>VLOOKUP(E14,'學生資料(不要打開)'!$A$2:$I$1769,4,FALSE)</f>
        <v>8</v>
      </c>
      <c r="H14" s="4" t="s">
        <v>29</v>
      </c>
      <c r="I14" s="4" t="s">
        <v>1277</v>
      </c>
    </row>
    <row r="15" spans="1:9" x14ac:dyDescent="0.25">
      <c r="A15" s="4" t="s">
        <v>109</v>
      </c>
      <c r="B15" s="4" t="s">
        <v>1273</v>
      </c>
      <c r="C15" s="4" t="s">
        <v>1285</v>
      </c>
      <c r="D15" s="4" t="s">
        <v>120</v>
      </c>
      <c r="E15" s="4" t="s">
        <v>533</v>
      </c>
      <c r="F15" s="4" t="s">
        <v>78</v>
      </c>
      <c r="G15" s="11">
        <f>VLOOKUP(E15,'學生資料(不要打開)'!$A$2:$I$1769,4,FALSE)</f>
        <v>8</v>
      </c>
      <c r="H15" s="4" t="s">
        <v>29</v>
      </c>
      <c r="I15" s="4" t="s">
        <v>1279</v>
      </c>
    </row>
    <row r="16" spans="1:9" x14ac:dyDescent="0.25">
      <c r="A16" s="4" t="s">
        <v>109</v>
      </c>
      <c r="B16" s="4" t="s">
        <v>1274</v>
      </c>
      <c r="C16" s="4" t="s">
        <v>1286</v>
      </c>
      <c r="D16" s="4" t="s">
        <v>120</v>
      </c>
      <c r="E16" s="4" t="s">
        <v>533</v>
      </c>
      <c r="F16" s="4" t="s">
        <v>78</v>
      </c>
      <c r="G16" s="11">
        <f>VLOOKUP(E16,'學生資料(不要打開)'!$A$2:$I$1769,4,FALSE)</f>
        <v>8</v>
      </c>
      <c r="H16" s="4" t="s">
        <v>29</v>
      </c>
      <c r="I16" s="4" t="s">
        <v>1280</v>
      </c>
    </row>
    <row r="17" spans="1:9" x14ac:dyDescent="0.25">
      <c r="A17" s="4" t="s">
        <v>109</v>
      </c>
      <c r="B17" s="4" t="s">
        <v>1275</v>
      </c>
      <c r="C17" s="4" t="s">
        <v>1287</v>
      </c>
      <c r="D17" s="4" t="s">
        <v>374</v>
      </c>
      <c r="E17" s="4" t="s">
        <v>533</v>
      </c>
      <c r="F17" s="4" t="s">
        <v>78</v>
      </c>
      <c r="G17" s="11">
        <f>VLOOKUP(E17,'學生資料(不要打開)'!$A$2:$I$1769,4,FALSE)</f>
        <v>8</v>
      </c>
      <c r="H17" s="4" t="s">
        <v>29</v>
      </c>
      <c r="I17" s="4" t="s">
        <v>1281</v>
      </c>
    </row>
    <row r="18" spans="1:9" x14ac:dyDescent="0.25">
      <c r="A18" s="4" t="s">
        <v>109</v>
      </c>
      <c r="B18" s="4" t="s">
        <v>1276</v>
      </c>
      <c r="C18" s="4" t="s">
        <v>1288</v>
      </c>
      <c r="D18" s="4" t="s">
        <v>302</v>
      </c>
      <c r="E18" s="4" t="s">
        <v>533</v>
      </c>
      <c r="F18" s="4" t="s">
        <v>78</v>
      </c>
      <c r="G18" s="11">
        <f>VLOOKUP(E18,'學生資料(不要打開)'!$A$2:$I$1769,4,FALSE)</f>
        <v>8</v>
      </c>
      <c r="H18" s="4" t="s">
        <v>29</v>
      </c>
      <c r="I18" s="4" t="s">
        <v>1281</v>
      </c>
    </row>
    <row r="19" spans="1:9" ht="31.5" x14ac:dyDescent="0.25">
      <c r="A19" s="4" t="s">
        <v>55</v>
      </c>
      <c r="B19" s="4" t="s">
        <v>9741</v>
      </c>
      <c r="C19" s="4" t="s">
        <v>1307</v>
      </c>
      <c r="D19" s="4" t="s">
        <v>161</v>
      </c>
      <c r="E19" s="4" t="s">
        <v>533</v>
      </c>
      <c r="F19" s="4" t="s">
        <v>78</v>
      </c>
      <c r="G19" s="11">
        <f>VLOOKUP(E19,'學生資料(不要打開)'!$A$2:$I$1769,4,FALSE)</f>
        <v>8</v>
      </c>
      <c r="H19" s="4" t="s">
        <v>29</v>
      </c>
      <c r="I19" s="4" t="s">
        <v>1277</v>
      </c>
    </row>
  </sheetData>
  <phoneticPr fontId="3" type="noConversion"/>
  <pageMargins left="0.7" right="0.7" top="0.75" bottom="0.75" header="0.3" footer="0.3"/>
  <pageSetup paperSize="9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1"/>
  <dimension ref="A1:I32"/>
  <sheetViews>
    <sheetView zoomScale="80" zoomScaleNormal="80" workbookViewId="0">
      <selection activeCell="D30" sqref="D30"/>
    </sheetView>
  </sheetViews>
  <sheetFormatPr defaultRowHeight="15.75" x14ac:dyDescent="0.25"/>
  <cols>
    <col min="1" max="1" width="9" style="10"/>
    <col min="2" max="2" width="38.875" style="9" bestFit="1" customWidth="1"/>
    <col min="3" max="3" width="9" style="9"/>
    <col min="4" max="4" width="11.625" style="9" bestFit="1" customWidth="1"/>
    <col min="5" max="16384" width="9" style="9"/>
  </cols>
  <sheetData>
    <row r="1" spans="1:9" x14ac:dyDescent="0.25">
      <c r="A1" s="7"/>
      <c r="B1" s="67" t="s">
        <v>7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23"/>
      <c r="B3" s="23"/>
      <c r="C3" s="23"/>
      <c r="D3" s="23"/>
      <c r="E3" s="23"/>
      <c r="F3" s="23"/>
      <c r="G3" s="23"/>
      <c r="H3" s="23"/>
      <c r="I3" s="23"/>
    </row>
    <row r="4" spans="1:9" x14ac:dyDescent="0.25">
      <c r="A4" s="23"/>
      <c r="B4" s="23"/>
      <c r="C4" s="23"/>
      <c r="D4" s="23"/>
      <c r="E4" s="23"/>
      <c r="F4" s="23"/>
      <c r="G4" s="23"/>
      <c r="H4" s="23"/>
      <c r="I4" s="23"/>
    </row>
    <row r="5" spans="1:9" x14ac:dyDescent="0.25">
      <c r="A5" s="23"/>
      <c r="B5" s="23"/>
      <c r="C5" s="23"/>
      <c r="D5" s="23"/>
      <c r="E5" s="23"/>
      <c r="F5" s="23"/>
      <c r="G5" s="23"/>
      <c r="H5" s="23"/>
      <c r="I5" s="23"/>
    </row>
    <row r="6" spans="1:9" x14ac:dyDescent="0.25">
      <c r="A6" s="23"/>
      <c r="B6" s="23"/>
      <c r="C6" s="23"/>
      <c r="D6" s="23"/>
      <c r="E6" s="23"/>
      <c r="F6" s="23"/>
      <c r="G6" s="23"/>
      <c r="H6" s="23"/>
      <c r="I6" s="23"/>
    </row>
    <row r="7" spans="1:9" x14ac:dyDescent="0.25">
      <c r="A7" s="23"/>
      <c r="B7" s="23"/>
      <c r="C7" s="23"/>
      <c r="D7" s="23"/>
      <c r="E7" s="23"/>
      <c r="F7" s="23"/>
      <c r="G7" s="23"/>
      <c r="H7" s="23"/>
      <c r="I7" s="23"/>
    </row>
    <row r="8" spans="1:9" x14ac:dyDescent="0.25">
      <c r="A8" s="23"/>
      <c r="B8" s="23"/>
      <c r="C8" s="23"/>
      <c r="D8" s="23"/>
      <c r="E8" s="23"/>
      <c r="F8" s="23"/>
      <c r="G8" s="23"/>
      <c r="H8" s="23"/>
      <c r="I8" s="23"/>
    </row>
    <row r="9" spans="1:9" x14ac:dyDescent="0.25">
      <c r="A9" s="23"/>
      <c r="B9" s="23"/>
      <c r="C9" s="23"/>
      <c r="D9" s="23"/>
      <c r="E9" s="23"/>
      <c r="F9" s="23"/>
      <c r="G9" s="23"/>
      <c r="H9" s="23"/>
      <c r="I9" s="23"/>
    </row>
    <row r="10" spans="1:9" x14ac:dyDescent="0.25">
      <c r="A10" s="23"/>
      <c r="B10" s="23"/>
      <c r="C10" s="23"/>
      <c r="D10" s="23"/>
      <c r="E10" s="23"/>
      <c r="F10" s="23"/>
      <c r="G10" s="23"/>
      <c r="H10" s="23"/>
      <c r="I10" s="23"/>
    </row>
    <row r="11" spans="1:9" x14ac:dyDescent="0.25">
      <c r="A11" s="23"/>
      <c r="B11" s="23"/>
      <c r="C11" s="23"/>
      <c r="D11" s="23"/>
      <c r="E11" s="23"/>
      <c r="F11" s="23"/>
      <c r="G11" s="23"/>
      <c r="H11" s="23"/>
      <c r="I11" s="23"/>
    </row>
    <row r="12" spans="1:9" x14ac:dyDescent="0.25">
      <c r="A12" s="23"/>
      <c r="B12" s="23"/>
      <c r="C12" s="23"/>
      <c r="D12" s="23"/>
      <c r="E12" s="23"/>
      <c r="F12" s="23"/>
      <c r="G12" s="23"/>
      <c r="H12" s="23"/>
      <c r="I12" s="23"/>
    </row>
    <row r="13" spans="1:9" x14ac:dyDescent="0.25">
      <c r="A13" s="23"/>
      <c r="B13" s="23"/>
      <c r="C13" s="23"/>
      <c r="D13" s="23"/>
      <c r="E13" s="23"/>
      <c r="F13" s="23"/>
      <c r="G13" s="23"/>
      <c r="H13" s="23"/>
      <c r="I13" s="23"/>
    </row>
    <row r="14" spans="1:9" x14ac:dyDescent="0.25">
      <c r="A14" s="23"/>
      <c r="B14" s="23"/>
      <c r="C14" s="23"/>
      <c r="D14" s="23"/>
      <c r="E14" s="23"/>
      <c r="F14" s="23"/>
      <c r="G14" s="23"/>
      <c r="H14" s="23"/>
      <c r="I14" s="23"/>
    </row>
    <row r="15" spans="1:9" x14ac:dyDescent="0.25">
      <c r="A15" s="23"/>
      <c r="B15" s="23"/>
      <c r="C15" s="23"/>
      <c r="D15" s="23"/>
      <c r="E15" s="23"/>
      <c r="F15" s="23"/>
      <c r="G15" s="23"/>
      <c r="H15" s="23"/>
      <c r="I15" s="23"/>
    </row>
    <row r="16" spans="1:9" x14ac:dyDescent="0.25">
      <c r="A16" s="23"/>
      <c r="B16" s="23"/>
      <c r="C16" s="23"/>
      <c r="D16" s="23"/>
      <c r="E16" s="23"/>
      <c r="F16" s="23"/>
      <c r="G16" s="23"/>
      <c r="H16" s="23"/>
      <c r="I16" s="23"/>
    </row>
    <row r="17" spans="1:9" x14ac:dyDescent="0.25">
      <c r="A17" s="23"/>
      <c r="B17" s="23"/>
      <c r="C17" s="23"/>
      <c r="D17" s="23"/>
      <c r="E17" s="23"/>
      <c r="F17" s="23"/>
      <c r="G17" s="23"/>
      <c r="H17" s="23"/>
      <c r="I17" s="23"/>
    </row>
    <row r="18" spans="1:9" x14ac:dyDescent="0.25">
      <c r="A18" s="23"/>
      <c r="B18" s="23"/>
      <c r="C18" s="23"/>
      <c r="D18" s="23"/>
      <c r="E18" s="23"/>
      <c r="F18" s="23"/>
      <c r="G18" s="23"/>
      <c r="H18" s="23"/>
      <c r="I18" s="23"/>
    </row>
    <row r="19" spans="1:9" x14ac:dyDescent="0.25">
      <c r="A19" s="23"/>
      <c r="B19" s="23"/>
      <c r="C19" s="23"/>
      <c r="D19" s="23"/>
      <c r="E19" s="23"/>
      <c r="F19" s="23"/>
      <c r="G19" s="23"/>
      <c r="H19" s="23"/>
      <c r="I19" s="23"/>
    </row>
    <row r="20" spans="1:9" x14ac:dyDescent="0.25">
      <c r="A20" s="23"/>
      <c r="B20" s="23"/>
      <c r="C20" s="23"/>
      <c r="D20" s="23"/>
      <c r="E20" s="23"/>
      <c r="F20" s="23"/>
      <c r="G20" s="23"/>
      <c r="H20" s="23"/>
      <c r="I20" s="23"/>
    </row>
    <row r="21" spans="1:9" x14ac:dyDescent="0.25">
      <c r="A21" s="23"/>
      <c r="B21" s="23"/>
      <c r="C21" s="23"/>
      <c r="D21" s="23"/>
      <c r="E21" s="23"/>
      <c r="F21" s="23"/>
      <c r="G21" s="23"/>
      <c r="H21" s="23"/>
      <c r="I21" s="23"/>
    </row>
    <row r="22" spans="1:9" x14ac:dyDescent="0.25">
      <c r="A22" s="23"/>
      <c r="B22" s="23"/>
      <c r="C22" s="23"/>
      <c r="D22" s="23"/>
      <c r="E22" s="23"/>
      <c r="F22" s="23"/>
      <c r="G22" s="23"/>
      <c r="H22" s="23"/>
      <c r="I22" s="23"/>
    </row>
    <row r="23" spans="1:9" x14ac:dyDescent="0.25">
      <c r="A23" s="23"/>
      <c r="B23" s="23"/>
      <c r="C23" s="23"/>
      <c r="D23" s="23"/>
      <c r="E23" s="23"/>
      <c r="F23" s="23"/>
      <c r="G23" s="23"/>
      <c r="H23" s="23"/>
      <c r="I23" s="23"/>
    </row>
    <row r="24" spans="1:9" x14ac:dyDescent="0.25">
      <c r="A24" s="23"/>
      <c r="B24" s="23"/>
      <c r="C24" s="23"/>
      <c r="D24" s="23"/>
      <c r="E24" s="23"/>
      <c r="F24" s="23"/>
      <c r="G24" s="23"/>
      <c r="H24" s="23"/>
      <c r="I24" s="23"/>
    </row>
    <row r="25" spans="1:9" x14ac:dyDescent="0.25">
      <c r="A25" s="23"/>
      <c r="B25" s="23"/>
      <c r="C25" s="23"/>
      <c r="D25" s="23"/>
      <c r="E25" s="23"/>
      <c r="F25" s="23"/>
      <c r="G25" s="23"/>
      <c r="H25" s="23"/>
      <c r="I25" s="23"/>
    </row>
    <row r="26" spans="1:9" x14ac:dyDescent="0.25">
      <c r="A26" s="23"/>
      <c r="B26" s="23"/>
      <c r="C26" s="23"/>
      <c r="D26" s="23"/>
      <c r="E26" s="23"/>
      <c r="F26" s="23"/>
      <c r="G26" s="23"/>
      <c r="H26" s="23"/>
      <c r="I26" s="23"/>
    </row>
    <row r="27" spans="1:9" x14ac:dyDescent="0.25">
      <c r="A27" s="23"/>
      <c r="B27" s="23"/>
      <c r="C27" s="23"/>
      <c r="D27" s="23"/>
      <c r="E27" s="23"/>
      <c r="F27" s="23"/>
      <c r="G27" s="23"/>
      <c r="H27" s="23"/>
      <c r="I27" s="23"/>
    </row>
    <row r="28" spans="1:9" x14ac:dyDescent="0.25">
      <c r="A28" s="23"/>
      <c r="B28" s="23"/>
      <c r="C28" s="23"/>
      <c r="D28" s="23"/>
      <c r="E28" s="23"/>
      <c r="F28" s="23"/>
      <c r="G28" s="23"/>
      <c r="H28" s="23"/>
      <c r="I28" s="23"/>
    </row>
    <row r="29" spans="1:9" x14ac:dyDescent="0.25">
      <c r="A29" s="23"/>
      <c r="B29" s="23"/>
      <c r="C29" s="23"/>
      <c r="D29" s="23"/>
      <c r="E29" s="23"/>
      <c r="F29" s="23"/>
      <c r="G29" s="23"/>
      <c r="H29" s="23"/>
      <c r="I29" s="23"/>
    </row>
    <row r="30" spans="1:9" x14ac:dyDescent="0.25">
      <c r="A30" s="23"/>
      <c r="B30" s="23"/>
      <c r="C30" s="23"/>
      <c r="D30" s="23"/>
      <c r="E30" s="23"/>
      <c r="F30" s="23"/>
      <c r="G30" s="23"/>
      <c r="H30" s="23"/>
      <c r="I30" s="23"/>
    </row>
    <row r="31" spans="1:9" x14ac:dyDescent="0.25">
      <c r="A31" s="23"/>
      <c r="B31" s="23"/>
      <c r="C31" s="23"/>
      <c r="D31" s="23"/>
      <c r="E31" s="23"/>
      <c r="F31" s="23"/>
      <c r="G31" s="23"/>
      <c r="H31" s="23"/>
      <c r="I31" s="23"/>
    </row>
    <row r="32" spans="1:9" x14ac:dyDescent="0.25">
      <c r="A32" s="23"/>
      <c r="B32" s="23"/>
      <c r="C32" s="23"/>
      <c r="D32" s="23"/>
      <c r="E32" s="23"/>
      <c r="F32" s="23"/>
      <c r="G32" s="23"/>
      <c r="H32" s="23"/>
      <c r="I32" s="23"/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2"/>
  <dimension ref="A1:I70"/>
  <sheetViews>
    <sheetView topLeftCell="A52" zoomScale="80" zoomScaleNormal="80" workbookViewId="0">
      <selection activeCell="I75" sqref="I75"/>
    </sheetView>
  </sheetViews>
  <sheetFormatPr defaultRowHeight="15.75" x14ac:dyDescent="0.25"/>
  <cols>
    <col min="1" max="1" width="9" style="10"/>
    <col min="2" max="2" width="47.625" style="7" bestFit="1" customWidth="1"/>
    <col min="3" max="3" width="29.75" style="7" bestFit="1" customWidth="1"/>
    <col min="4" max="4" width="21.5" style="7" bestFit="1" customWidth="1"/>
    <col min="5" max="8" width="9" style="7"/>
    <col min="9" max="9" width="35.375" style="7" bestFit="1" customWidth="1"/>
    <col min="10" max="16384" width="9" style="7"/>
  </cols>
  <sheetData>
    <row r="1" spans="1:9" x14ac:dyDescent="0.25">
      <c r="A1" s="7"/>
      <c r="B1" s="67" t="s">
        <v>8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4" t="s">
        <v>52</v>
      </c>
      <c r="B3" s="4" t="s">
        <v>750</v>
      </c>
      <c r="C3" s="4" t="s">
        <v>754</v>
      </c>
      <c r="D3" s="4" t="s">
        <v>562</v>
      </c>
      <c r="E3" s="4" t="s">
        <v>755</v>
      </c>
      <c r="F3" s="41" t="s">
        <v>82</v>
      </c>
      <c r="G3" s="11">
        <f>VLOOKUP(E3,'學生資料(不要打開)'!$A$2:$I$1769,4,FALSE)</f>
        <v>13</v>
      </c>
      <c r="H3" s="4" t="s">
        <v>565</v>
      </c>
      <c r="I3" s="4" t="s">
        <v>388</v>
      </c>
    </row>
    <row r="4" spans="1:9" x14ac:dyDescent="0.25">
      <c r="A4" s="4" t="s">
        <v>52</v>
      </c>
      <c r="B4" s="4" t="s">
        <v>750</v>
      </c>
      <c r="C4" s="4" t="s">
        <v>754</v>
      </c>
      <c r="D4" s="4" t="s">
        <v>562</v>
      </c>
      <c r="E4" s="4" t="s">
        <v>756</v>
      </c>
      <c r="F4" s="41" t="s">
        <v>609</v>
      </c>
      <c r="G4" s="11">
        <f>VLOOKUP(E4,'學生資料(不要打開)'!$A$2:$I$1769,4,FALSE)</f>
        <v>17</v>
      </c>
      <c r="H4" s="4" t="s">
        <v>565</v>
      </c>
      <c r="I4" s="4" t="s">
        <v>388</v>
      </c>
    </row>
    <row r="5" spans="1:9" x14ac:dyDescent="0.25">
      <c r="A5" s="4" t="s">
        <v>52</v>
      </c>
      <c r="B5" s="4" t="s">
        <v>750</v>
      </c>
      <c r="C5" s="4" t="s">
        <v>754</v>
      </c>
      <c r="D5" s="4" t="s">
        <v>562</v>
      </c>
      <c r="E5" s="4" t="s">
        <v>757</v>
      </c>
      <c r="F5" s="21" t="s">
        <v>751</v>
      </c>
      <c r="G5" s="11">
        <f>VLOOKUP(E5,'學生資料(不要打開)'!$A$2:$I$1769,4,FALSE)</f>
        <v>24</v>
      </c>
      <c r="H5" s="4" t="s">
        <v>565</v>
      </c>
      <c r="I5" s="4" t="s">
        <v>388</v>
      </c>
    </row>
    <row r="6" spans="1:9" x14ac:dyDescent="0.25">
      <c r="A6" s="4" t="s">
        <v>52</v>
      </c>
      <c r="B6" s="4" t="s">
        <v>750</v>
      </c>
      <c r="C6" s="4" t="s">
        <v>754</v>
      </c>
      <c r="D6" s="4" t="s">
        <v>562</v>
      </c>
      <c r="E6" s="4" t="s">
        <v>758</v>
      </c>
      <c r="F6" s="21" t="s">
        <v>752</v>
      </c>
      <c r="G6" s="11">
        <f>VLOOKUP(E6,'學生資料(不要打開)'!$A$2:$I$1769,4,FALSE)</f>
        <v>28</v>
      </c>
      <c r="H6" s="4" t="s">
        <v>565</v>
      </c>
      <c r="I6" s="4" t="s">
        <v>388</v>
      </c>
    </row>
    <row r="7" spans="1:9" x14ac:dyDescent="0.25">
      <c r="A7" s="4" t="s">
        <v>52</v>
      </c>
      <c r="B7" s="4" t="s">
        <v>750</v>
      </c>
      <c r="C7" s="4" t="s">
        <v>754</v>
      </c>
      <c r="D7" s="4" t="s">
        <v>562</v>
      </c>
      <c r="E7" s="4" t="s">
        <v>759</v>
      </c>
      <c r="F7" s="21" t="s">
        <v>283</v>
      </c>
      <c r="G7" s="11">
        <f>VLOOKUP(E7,'學生資料(不要打開)'!$A$2:$I$1769,4,FALSE)</f>
        <v>4</v>
      </c>
      <c r="H7" s="4" t="s">
        <v>565</v>
      </c>
      <c r="I7" s="4" t="s">
        <v>388</v>
      </c>
    </row>
    <row r="8" spans="1:9" x14ac:dyDescent="0.25">
      <c r="A8" s="4" t="s">
        <v>52</v>
      </c>
      <c r="B8" s="4" t="s">
        <v>750</v>
      </c>
      <c r="C8" s="4" t="s">
        <v>754</v>
      </c>
      <c r="D8" s="4" t="s">
        <v>562</v>
      </c>
      <c r="E8" s="4" t="s">
        <v>760</v>
      </c>
      <c r="F8" s="21" t="s">
        <v>105</v>
      </c>
      <c r="G8" s="11">
        <f>VLOOKUP(E8,'學生資料(不要打開)'!$A$2:$I$1769,4,FALSE)</f>
        <v>14</v>
      </c>
      <c r="H8" s="4" t="s">
        <v>565</v>
      </c>
      <c r="I8" s="4" t="s">
        <v>388</v>
      </c>
    </row>
    <row r="9" spans="1:9" x14ac:dyDescent="0.25">
      <c r="A9" s="4" t="s">
        <v>52</v>
      </c>
      <c r="B9" s="4" t="s">
        <v>750</v>
      </c>
      <c r="C9" s="4" t="s">
        <v>754</v>
      </c>
      <c r="D9" s="4" t="s">
        <v>562</v>
      </c>
      <c r="E9" s="4" t="s">
        <v>761</v>
      </c>
      <c r="F9" s="21" t="s">
        <v>752</v>
      </c>
      <c r="G9" s="11">
        <f>VLOOKUP(E9,'學生資料(不要打開)'!$A$2:$I$1769,4,FALSE)</f>
        <v>4</v>
      </c>
      <c r="H9" s="4" t="s">
        <v>565</v>
      </c>
      <c r="I9" s="4" t="s">
        <v>388</v>
      </c>
    </row>
    <row r="10" spans="1:9" x14ac:dyDescent="0.25">
      <c r="A10" s="4" t="s">
        <v>52</v>
      </c>
      <c r="B10" s="4" t="s">
        <v>750</v>
      </c>
      <c r="C10" s="4" t="s">
        <v>754</v>
      </c>
      <c r="D10" s="4" t="s">
        <v>562</v>
      </c>
      <c r="E10" s="4" t="s">
        <v>762</v>
      </c>
      <c r="F10" s="42" t="s">
        <v>78</v>
      </c>
      <c r="G10" s="11">
        <f>VLOOKUP(E10,'學生資料(不要打開)'!$A$2:$I$1769,4,FALSE)</f>
        <v>2</v>
      </c>
      <c r="H10" s="4" t="s">
        <v>565</v>
      </c>
      <c r="I10" s="4" t="s">
        <v>388</v>
      </c>
    </row>
    <row r="11" spans="1:9" x14ac:dyDescent="0.25">
      <c r="A11" s="4" t="s">
        <v>52</v>
      </c>
      <c r="B11" s="4" t="s">
        <v>750</v>
      </c>
      <c r="C11" s="4" t="s">
        <v>754</v>
      </c>
      <c r="D11" s="4" t="s">
        <v>562</v>
      </c>
      <c r="E11" s="4" t="s">
        <v>763</v>
      </c>
      <c r="F11" s="42" t="s">
        <v>753</v>
      </c>
      <c r="G11" s="11">
        <f>VLOOKUP(E11,'學生資料(不要打開)'!$A$2:$I$1769,4,FALSE)</f>
        <v>12</v>
      </c>
      <c r="H11" s="4" t="s">
        <v>565</v>
      </c>
      <c r="I11" s="4" t="s">
        <v>388</v>
      </c>
    </row>
    <row r="12" spans="1:9" x14ac:dyDescent="0.25">
      <c r="A12" s="4" t="s">
        <v>52</v>
      </c>
      <c r="B12" s="4" t="s">
        <v>750</v>
      </c>
      <c r="C12" s="4" t="s">
        <v>754</v>
      </c>
      <c r="D12" s="4" t="s">
        <v>562</v>
      </c>
      <c r="E12" s="4" t="s">
        <v>764</v>
      </c>
      <c r="F12" s="42" t="s">
        <v>104</v>
      </c>
      <c r="G12" s="11">
        <f>VLOOKUP(E12,'學生資料(不要打開)'!$A$2:$I$1769,4,FALSE)</f>
        <v>9</v>
      </c>
      <c r="H12" s="4" t="s">
        <v>565</v>
      </c>
      <c r="I12" s="4" t="s">
        <v>388</v>
      </c>
    </row>
    <row r="13" spans="1:9" ht="31.5" x14ac:dyDescent="0.25">
      <c r="A13" s="21" t="s">
        <v>52</v>
      </c>
      <c r="B13" s="4" t="s">
        <v>60</v>
      </c>
      <c r="C13" s="4" t="s">
        <v>61</v>
      </c>
      <c r="D13" s="4" t="s">
        <v>37</v>
      </c>
      <c r="E13" s="4" t="s">
        <v>48</v>
      </c>
      <c r="F13" s="4" t="s">
        <v>49</v>
      </c>
      <c r="G13" s="11">
        <f>VLOOKUP(E13,'學生資料(不要打開)'!$A$2:$I$1769,4,FALSE)</f>
        <v>24</v>
      </c>
      <c r="H13" s="4" t="s">
        <v>29</v>
      </c>
      <c r="I13" s="4" t="s">
        <v>62</v>
      </c>
    </row>
    <row r="14" spans="1:9" x14ac:dyDescent="0.25">
      <c r="A14" s="21" t="s">
        <v>52</v>
      </c>
      <c r="B14" s="4" t="s">
        <v>63</v>
      </c>
      <c r="C14" s="4" t="s">
        <v>47</v>
      </c>
      <c r="D14" s="4" t="s">
        <v>46</v>
      </c>
      <c r="E14" s="4" t="s">
        <v>48</v>
      </c>
      <c r="F14" s="4" t="s">
        <v>49</v>
      </c>
      <c r="G14" s="11">
        <f>VLOOKUP(E14,'學生資料(不要打開)'!$A$2:$I$1769,4,FALSE)</f>
        <v>24</v>
      </c>
      <c r="H14" s="4" t="s">
        <v>50</v>
      </c>
      <c r="I14" s="4" t="s">
        <v>62</v>
      </c>
    </row>
    <row r="15" spans="1:9" ht="31.5" x14ac:dyDescent="0.25">
      <c r="A15" s="4" t="s">
        <v>109</v>
      </c>
      <c r="B15" s="4" t="s">
        <v>1099</v>
      </c>
      <c r="C15" s="4" t="s">
        <v>1112</v>
      </c>
      <c r="D15" s="4" t="s">
        <v>121</v>
      </c>
      <c r="E15" s="4" t="s">
        <v>1088</v>
      </c>
      <c r="F15" s="4" t="s">
        <v>1089</v>
      </c>
      <c r="G15" s="11">
        <f>VLOOKUP(E15,'學生資料(不要打開)'!$A$2:$I$1769,4,FALSE)</f>
        <v>37</v>
      </c>
      <c r="H15" s="42" t="s">
        <v>29</v>
      </c>
      <c r="I15" s="4" t="s">
        <v>1090</v>
      </c>
    </row>
    <row r="16" spans="1:9" ht="31.5" x14ac:dyDescent="0.25">
      <c r="A16" s="4" t="s">
        <v>109</v>
      </c>
      <c r="B16" s="4" t="s">
        <v>1099</v>
      </c>
      <c r="C16" s="4" t="s">
        <v>1113</v>
      </c>
      <c r="D16" s="4" t="s">
        <v>144</v>
      </c>
      <c r="E16" s="4" t="s">
        <v>1088</v>
      </c>
      <c r="F16" s="4" t="s">
        <v>1089</v>
      </c>
      <c r="G16" s="11">
        <f>VLOOKUP(E16,'學生資料(不要打開)'!$A$2:$I$1769,4,FALSE)</f>
        <v>37</v>
      </c>
      <c r="H16" s="42" t="s">
        <v>29</v>
      </c>
      <c r="I16" s="4" t="s">
        <v>1090</v>
      </c>
    </row>
    <row r="17" spans="1:9" x14ac:dyDescent="0.25">
      <c r="A17" s="4" t="s">
        <v>778</v>
      </c>
      <c r="B17" s="4" t="s">
        <v>779</v>
      </c>
      <c r="C17" s="4" t="s">
        <v>780</v>
      </c>
      <c r="D17" s="4" t="s">
        <v>781</v>
      </c>
      <c r="E17" s="4" t="s">
        <v>782</v>
      </c>
      <c r="F17" s="42" t="s">
        <v>78</v>
      </c>
      <c r="G17" s="11">
        <f>VLOOKUP(E17,'學生資料(不要打開)'!$A$2:$I$1769,4,FALSE)</f>
        <v>15</v>
      </c>
      <c r="H17" s="4" t="s">
        <v>565</v>
      </c>
      <c r="I17" s="4" t="s">
        <v>777</v>
      </c>
    </row>
    <row r="18" spans="1:9" x14ac:dyDescent="0.25">
      <c r="A18" s="4" t="s">
        <v>778</v>
      </c>
      <c r="B18" s="4" t="s">
        <v>779</v>
      </c>
      <c r="C18" s="4" t="s">
        <v>780</v>
      </c>
      <c r="D18" s="4" t="s">
        <v>781</v>
      </c>
      <c r="E18" s="4" t="s">
        <v>783</v>
      </c>
      <c r="F18" s="42" t="s">
        <v>105</v>
      </c>
      <c r="G18" s="11">
        <f>VLOOKUP(E18,'學生資料(不要打開)'!$A$2:$I$1769,4,FALSE)</f>
        <v>16</v>
      </c>
      <c r="H18" s="4" t="s">
        <v>565</v>
      </c>
      <c r="I18" s="4" t="s">
        <v>777</v>
      </c>
    </row>
    <row r="19" spans="1:9" x14ac:dyDescent="0.25">
      <c r="A19" s="4" t="s">
        <v>778</v>
      </c>
      <c r="B19" s="4" t="s">
        <v>779</v>
      </c>
      <c r="C19" s="4" t="s">
        <v>780</v>
      </c>
      <c r="D19" s="4" t="s">
        <v>781</v>
      </c>
      <c r="E19" s="4" t="s">
        <v>784</v>
      </c>
      <c r="F19" s="42" t="s">
        <v>1127</v>
      </c>
      <c r="G19" s="11">
        <f>VLOOKUP(E19,'學生資料(不要打開)'!$A$2:$I$1769,4,FALSE)</f>
        <v>16</v>
      </c>
      <c r="H19" s="4" t="s">
        <v>565</v>
      </c>
      <c r="I19" s="4" t="s">
        <v>777</v>
      </c>
    </row>
    <row r="20" spans="1:9" x14ac:dyDescent="0.25">
      <c r="A20" s="4" t="s">
        <v>778</v>
      </c>
      <c r="B20" s="4" t="s">
        <v>779</v>
      </c>
      <c r="C20" s="4" t="s">
        <v>780</v>
      </c>
      <c r="D20" s="4" t="s">
        <v>781</v>
      </c>
      <c r="E20" s="4" t="s">
        <v>785</v>
      </c>
      <c r="F20" s="42" t="s">
        <v>117</v>
      </c>
      <c r="G20" s="11">
        <f>VLOOKUP(E20,'學生資料(不要打開)'!$A$2:$I$1769,4,FALSE)</f>
        <v>1</v>
      </c>
      <c r="H20" s="4" t="s">
        <v>565</v>
      </c>
      <c r="I20" s="4" t="s">
        <v>777</v>
      </c>
    </row>
    <row r="21" spans="1:9" x14ac:dyDescent="0.25">
      <c r="A21" s="4" t="s">
        <v>778</v>
      </c>
      <c r="B21" s="4" t="s">
        <v>779</v>
      </c>
      <c r="C21" s="4" t="s">
        <v>780</v>
      </c>
      <c r="D21" s="4" t="s">
        <v>781</v>
      </c>
      <c r="E21" s="4" t="s">
        <v>786</v>
      </c>
      <c r="F21" s="42" t="s">
        <v>753</v>
      </c>
      <c r="G21" s="11">
        <f>VLOOKUP(E21,'學生資料(不要打開)'!$A$2:$I$1769,4,FALSE)</f>
        <v>3</v>
      </c>
      <c r="H21" s="4" t="s">
        <v>565</v>
      </c>
      <c r="I21" s="4" t="s">
        <v>777</v>
      </c>
    </row>
    <row r="22" spans="1:9" x14ac:dyDescent="0.25">
      <c r="A22" s="4" t="s">
        <v>559</v>
      </c>
      <c r="B22" s="4" t="s">
        <v>560</v>
      </c>
      <c r="C22" s="4" t="s">
        <v>561</v>
      </c>
      <c r="D22" s="4" t="s">
        <v>562</v>
      </c>
      <c r="E22" s="4" t="s">
        <v>563</v>
      </c>
      <c r="F22" s="4" t="s">
        <v>564</v>
      </c>
      <c r="G22" s="11">
        <f>VLOOKUP(E22,'學生資料(不要打開)'!$A$2:$I$1769,4,FALSE)</f>
        <v>24</v>
      </c>
      <c r="H22" s="4" t="s">
        <v>565</v>
      </c>
      <c r="I22" s="4" t="s">
        <v>558</v>
      </c>
    </row>
    <row r="23" spans="1:9" x14ac:dyDescent="0.25">
      <c r="A23" s="4" t="s">
        <v>559</v>
      </c>
      <c r="B23" s="4" t="s">
        <v>566</v>
      </c>
      <c r="C23" s="4" t="s">
        <v>567</v>
      </c>
      <c r="D23" s="4" t="s">
        <v>568</v>
      </c>
      <c r="E23" s="4" t="s">
        <v>569</v>
      </c>
      <c r="F23" s="4" t="s">
        <v>570</v>
      </c>
      <c r="G23" s="11">
        <f>VLOOKUP(E23,'學生資料(不要打開)'!$A$2:$I$1769,4,FALSE)</f>
        <v>24</v>
      </c>
      <c r="H23" s="4" t="s">
        <v>565</v>
      </c>
      <c r="I23" s="4" t="s">
        <v>558</v>
      </c>
    </row>
    <row r="24" spans="1:9" x14ac:dyDescent="0.25">
      <c r="A24" s="4" t="s">
        <v>378</v>
      </c>
      <c r="B24" s="4" t="s">
        <v>383</v>
      </c>
      <c r="C24" s="4" t="s">
        <v>640</v>
      </c>
      <c r="D24" s="4" t="s">
        <v>396</v>
      </c>
      <c r="E24" s="4" t="s">
        <v>400</v>
      </c>
      <c r="F24" s="4" t="s">
        <v>404</v>
      </c>
      <c r="G24" s="11">
        <f>VLOOKUP(E24,'學生資料(不要打開)'!$A$2:$I$1769,4,FALSE)</f>
        <v>19</v>
      </c>
      <c r="H24" s="4" t="s">
        <v>387</v>
      </c>
      <c r="I24" s="4" t="s">
        <v>388</v>
      </c>
    </row>
    <row r="25" spans="1:9" x14ac:dyDescent="0.25">
      <c r="A25" s="4" t="s">
        <v>410</v>
      </c>
      <c r="B25" s="4" t="s">
        <v>411</v>
      </c>
      <c r="C25" s="4" t="s">
        <v>412</v>
      </c>
      <c r="D25" s="4" t="s">
        <v>413</v>
      </c>
      <c r="E25" s="4" t="s">
        <v>414</v>
      </c>
      <c r="F25" s="4" t="s">
        <v>415</v>
      </c>
      <c r="G25" s="11">
        <f>VLOOKUP(E25,'學生資料(不要打開)'!$A$2:$I$1769,4,FALSE)</f>
        <v>19</v>
      </c>
      <c r="H25" s="4" t="s">
        <v>387</v>
      </c>
      <c r="I25" s="4" t="s">
        <v>639</v>
      </c>
    </row>
    <row r="26" spans="1:9" x14ac:dyDescent="0.25">
      <c r="A26" s="4" t="s">
        <v>378</v>
      </c>
      <c r="B26" s="4" t="s">
        <v>383</v>
      </c>
      <c r="C26" s="4" t="s">
        <v>391</v>
      </c>
      <c r="D26" s="4" t="s">
        <v>392</v>
      </c>
      <c r="E26" s="4" t="s">
        <v>393</v>
      </c>
      <c r="F26" s="4" t="s">
        <v>403</v>
      </c>
      <c r="G26" s="11">
        <f>VLOOKUP(E26,'學生資料(不要打開)'!$A$2:$I$1769,4,FALSE)</f>
        <v>4</v>
      </c>
      <c r="H26" s="4" t="s">
        <v>387</v>
      </c>
      <c r="I26" s="4" t="s">
        <v>388</v>
      </c>
    </row>
    <row r="27" spans="1:9" x14ac:dyDescent="0.25">
      <c r="A27" s="4" t="s">
        <v>378</v>
      </c>
      <c r="B27" s="4" t="s">
        <v>383</v>
      </c>
      <c r="C27" s="4" t="s">
        <v>394</v>
      </c>
      <c r="D27" s="4" t="s">
        <v>392</v>
      </c>
      <c r="E27" s="4" t="s">
        <v>393</v>
      </c>
      <c r="F27" s="4" t="s">
        <v>403</v>
      </c>
      <c r="G27" s="11">
        <f>VLOOKUP(E27,'學生資料(不要打開)'!$A$2:$I$1769,4,FALSE)</f>
        <v>4</v>
      </c>
      <c r="H27" s="4" t="s">
        <v>387</v>
      </c>
      <c r="I27" s="4" t="s">
        <v>388</v>
      </c>
    </row>
    <row r="28" spans="1:9" x14ac:dyDescent="0.25">
      <c r="A28" s="4" t="s">
        <v>378</v>
      </c>
      <c r="B28" s="4" t="s">
        <v>383</v>
      </c>
      <c r="C28" s="4" t="s">
        <v>641</v>
      </c>
      <c r="D28" s="4" t="s">
        <v>389</v>
      </c>
      <c r="E28" s="4" t="s">
        <v>390</v>
      </c>
      <c r="F28" s="4" t="s">
        <v>406</v>
      </c>
      <c r="G28" s="11">
        <f>VLOOKUP(E28,'學生資料(不要打開)'!$A$2:$I$1769,4,FALSE)</f>
        <v>7</v>
      </c>
      <c r="H28" s="4" t="s">
        <v>387</v>
      </c>
      <c r="I28" s="4" t="s">
        <v>388</v>
      </c>
    </row>
    <row r="29" spans="1:9" x14ac:dyDescent="0.25">
      <c r="A29" s="4" t="s">
        <v>378</v>
      </c>
      <c r="B29" s="4" t="s">
        <v>383</v>
      </c>
      <c r="C29" s="4" t="s">
        <v>401</v>
      </c>
      <c r="D29" s="4" t="s">
        <v>402</v>
      </c>
      <c r="E29" s="4" t="s">
        <v>400</v>
      </c>
      <c r="F29" s="4" t="s">
        <v>404</v>
      </c>
      <c r="G29" s="11">
        <f>VLOOKUP(E29,'學生資料(不要打開)'!$A$2:$I$1769,4,FALSE)</f>
        <v>19</v>
      </c>
      <c r="H29" s="4" t="s">
        <v>387</v>
      </c>
      <c r="I29" s="4" t="s">
        <v>388</v>
      </c>
    </row>
    <row r="30" spans="1:9" x14ac:dyDescent="0.25">
      <c r="A30" s="4" t="s">
        <v>378</v>
      </c>
      <c r="B30" s="4" t="s">
        <v>383</v>
      </c>
      <c r="C30" s="4" t="s">
        <v>398</v>
      </c>
      <c r="D30" s="4" t="s">
        <v>392</v>
      </c>
      <c r="E30" s="4" t="s">
        <v>397</v>
      </c>
      <c r="F30" s="4" t="s">
        <v>405</v>
      </c>
      <c r="G30" s="11">
        <f>VLOOKUP(E30,'學生資料(不要打開)'!$A$2:$I$1769,4,FALSE)</f>
        <v>8</v>
      </c>
      <c r="H30" s="4" t="s">
        <v>387</v>
      </c>
      <c r="I30" s="4" t="s">
        <v>388</v>
      </c>
    </row>
    <row r="31" spans="1:9" x14ac:dyDescent="0.25">
      <c r="A31" s="4" t="s">
        <v>378</v>
      </c>
      <c r="B31" s="4" t="s">
        <v>383</v>
      </c>
      <c r="C31" s="4" t="s">
        <v>399</v>
      </c>
      <c r="D31" s="4" t="s">
        <v>396</v>
      </c>
      <c r="E31" s="4" t="s">
        <v>397</v>
      </c>
      <c r="F31" s="4" t="s">
        <v>405</v>
      </c>
      <c r="G31" s="11">
        <f>VLOOKUP(E31,'學生資料(不要打開)'!$A$2:$I$1769,4,FALSE)</f>
        <v>8</v>
      </c>
      <c r="H31" s="4" t="s">
        <v>387</v>
      </c>
      <c r="I31" s="4" t="s">
        <v>388</v>
      </c>
    </row>
    <row r="32" spans="1:9" x14ac:dyDescent="0.25">
      <c r="A32" s="4" t="s">
        <v>378</v>
      </c>
      <c r="B32" s="4" t="s">
        <v>383</v>
      </c>
      <c r="C32" s="4" t="s">
        <v>395</v>
      </c>
      <c r="D32" s="4" t="s">
        <v>396</v>
      </c>
      <c r="E32" s="4" t="s">
        <v>397</v>
      </c>
      <c r="F32" s="4" t="s">
        <v>405</v>
      </c>
      <c r="G32" s="11">
        <f>VLOOKUP(E32,'學生資料(不要打開)'!$A$2:$I$1769,4,FALSE)</f>
        <v>8</v>
      </c>
      <c r="H32" s="4" t="s">
        <v>387</v>
      </c>
      <c r="I32" s="4" t="s">
        <v>388</v>
      </c>
    </row>
    <row r="33" spans="1:9" x14ac:dyDescent="0.25">
      <c r="A33" s="4" t="s">
        <v>778</v>
      </c>
      <c r="B33" s="21" t="s">
        <v>796</v>
      </c>
      <c r="C33" s="21" t="s">
        <v>797</v>
      </c>
      <c r="D33" s="21" t="s">
        <v>798</v>
      </c>
      <c r="E33" s="21" t="s">
        <v>799</v>
      </c>
      <c r="F33" s="42" t="s">
        <v>802</v>
      </c>
      <c r="G33" s="11">
        <f>VLOOKUP(E33,'學生資料(不要打開)'!$A$2:$I$1769,4,FALSE)</f>
        <v>2</v>
      </c>
      <c r="H33" s="4" t="s">
        <v>29</v>
      </c>
      <c r="I33" s="4" t="s">
        <v>388</v>
      </c>
    </row>
    <row r="34" spans="1:9" x14ac:dyDescent="0.25">
      <c r="A34" s="4" t="s">
        <v>778</v>
      </c>
      <c r="B34" s="21" t="s">
        <v>796</v>
      </c>
      <c r="C34" s="43" t="s">
        <v>801</v>
      </c>
      <c r="D34" s="44" t="s">
        <v>800</v>
      </c>
      <c r="E34" s="4" t="s">
        <v>439</v>
      </c>
      <c r="F34" s="4" t="s">
        <v>9738</v>
      </c>
      <c r="G34" s="11">
        <f>VLOOKUP(E34,'學生資料(不要打開)'!$A$2:$I$1769,4,FALSE)</f>
        <v>14</v>
      </c>
      <c r="H34" s="4" t="s">
        <v>29</v>
      </c>
      <c r="I34" s="4" t="s">
        <v>388</v>
      </c>
    </row>
    <row r="35" spans="1:9" x14ac:dyDescent="0.25">
      <c r="A35" s="4" t="s">
        <v>410</v>
      </c>
      <c r="B35" s="4" t="s">
        <v>416</v>
      </c>
      <c r="C35" s="4" t="s">
        <v>435</v>
      </c>
      <c r="D35" s="4" t="s">
        <v>442</v>
      </c>
      <c r="E35" s="4" t="s">
        <v>422</v>
      </c>
      <c r="F35" s="4" t="s">
        <v>423</v>
      </c>
      <c r="G35" s="11">
        <f>VLOOKUP(E35,'學生資料(不要打開)'!$A$2:$I$1769,4,FALSE)</f>
        <v>27</v>
      </c>
      <c r="H35" s="4" t="s">
        <v>426</v>
      </c>
      <c r="I35" s="4" t="s">
        <v>388</v>
      </c>
    </row>
    <row r="36" spans="1:9" x14ac:dyDescent="0.25">
      <c r="A36" s="4" t="s">
        <v>410</v>
      </c>
      <c r="B36" s="4" t="s">
        <v>416</v>
      </c>
      <c r="C36" s="4" t="s">
        <v>435</v>
      </c>
      <c r="D36" s="4" t="s">
        <v>428</v>
      </c>
      <c r="E36" s="4" t="s">
        <v>420</v>
      </c>
      <c r="F36" s="4" t="s">
        <v>421</v>
      </c>
      <c r="G36" s="11">
        <f>VLOOKUP(E36,'學生資料(不要打開)'!$A$2:$I$1769,4,FALSE)</f>
        <v>9</v>
      </c>
      <c r="H36" s="4" t="s">
        <v>426</v>
      </c>
      <c r="I36" s="4" t="s">
        <v>388</v>
      </c>
    </row>
    <row r="37" spans="1:9" x14ac:dyDescent="0.25">
      <c r="A37" s="4" t="s">
        <v>410</v>
      </c>
      <c r="B37" s="4" t="s">
        <v>416</v>
      </c>
      <c r="C37" s="4" t="s">
        <v>438</v>
      </c>
      <c r="D37" s="4" t="s">
        <v>442</v>
      </c>
      <c r="E37" s="4" t="s">
        <v>420</v>
      </c>
      <c r="F37" s="4" t="s">
        <v>421</v>
      </c>
      <c r="G37" s="11">
        <f>VLOOKUP(E37,'學生資料(不要打開)'!$A$2:$I$1769,4,FALSE)</f>
        <v>9</v>
      </c>
      <c r="H37" s="4" t="s">
        <v>426</v>
      </c>
      <c r="I37" s="4" t="s">
        <v>388</v>
      </c>
    </row>
    <row r="38" spans="1:9" s="9" customFormat="1" x14ac:dyDescent="0.25">
      <c r="A38" s="4" t="s">
        <v>410</v>
      </c>
      <c r="B38" s="4" t="s">
        <v>416</v>
      </c>
      <c r="C38" s="4" t="s">
        <v>436</v>
      </c>
      <c r="D38" s="4" t="s">
        <v>428</v>
      </c>
      <c r="E38" s="4" t="s">
        <v>418</v>
      </c>
      <c r="F38" s="4" t="s">
        <v>9739</v>
      </c>
      <c r="G38" s="11">
        <f>VLOOKUP(E38,'學生資料(不要打開)'!$A$2:$I$1769,4,FALSE)</f>
        <v>12</v>
      </c>
      <c r="H38" s="4" t="s">
        <v>426</v>
      </c>
      <c r="I38" s="4" t="s">
        <v>388</v>
      </c>
    </row>
    <row r="39" spans="1:9" s="9" customFormat="1" x14ac:dyDescent="0.25">
      <c r="A39" s="4" t="s">
        <v>410</v>
      </c>
      <c r="B39" s="4" t="s">
        <v>416</v>
      </c>
      <c r="C39" s="4" t="s">
        <v>9740</v>
      </c>
      <c r="D39" s="4" t="s">
        <v>417</v>
      </c>
      <c r="E39" s="4" t="s">
        <v>422</v>
      </c>
      <c r="F39" s="4" t="s">
        <v>423</v>
      </c>
      <c r="G39" s="11">
        <f>VLOOKUP(E39,'學生資料(不要打開)'!$A$2:$I$1769,4,FALSE)</f>
        <v>27</v>
      </c>
      <c r="H39" s="4" t="s">
        <v>409</v>
      </c>
      <c r="I39" s="4" t="s">
        <v>388</v>
      </c>
    </row>
    <row r="40" spans="1:9" s="9" customFormat="1" x14ac:dyDescent="0.25">
      <c r="A40" s="4" t="s">
        <v>410</v>
      </c>
      <c r="B40" s="4" t="s">
        <v>416</v>
      </c>
      <c r="C40" s="4" t="s">
        <v>9740</v>
      </c>
      <c r="D40" s="4" t="s">
        <v>417</v>
      </c>
      <c r="E40" s="4" t="s">
        <v>420</v>
      </c>
      <c r="F40" s="4" t="s">
        <v>421</v>
      </c>
      <c r="G40" s="11">
        <f>VLOOKUP(E40,'學生資料(不要打開)'!$A$2:$I$1769,4,FALSE)</f>
        <v>9</v>
      </c>
      <c r="H40" s="4" t="s">
        <v>409</v>
      </c>
      <c r="I40" s="4" t="s">
        <v>388</v>
      </c>
    </row>
    <row r="41" spans="1:9" s="9" customFormat="1" x14ac:dyDescent="0.25">
      <c r="A41" s="4" t="s">
        <v>410</v>
      </c>
      <c r="B41" s="4" t="s">
        <v>416</v>
      </c>
      <c r="C41" s="4" t="s">
        <v>9740</v>
      </c>
      <c r="D41" s="4" t="s">
        <v>417</v>
      </c>
      <c r="E41" s="4" t="s">
        <v>418</v>
      </c>
      <c r="F41" s="4" t="s">
        <v>419</v>
      </c>
      <c r="G41" s="11">
        <f>VLOOKUP(E41,'學生資料(不要打開)'!$A$2:$I$1769,4,FALSE)</f>
        <v>12</v>
      </c>
      <c r="H41" s="4" t="s">
        <v>409</v>
      </c>
      <c r="I41" s="4" t="s">
        <v>388</v>
      </c>
    </row>
    <row r="42" spans="1:9" s="9" customFormat="1" x14ac:dyDescent="0.25">
      <c r="A42" s="4" t="s">
        <v>410</v>
      </c>
      <c r="B42" s="4" t="s">
        <v>416</v>
      </c>
      <c r="C42" s="4" t="s">
        <v>9740</v>
      </c>
      <c r="D42" s="4" t="s">
        <v>417</v>
      </c>
      <c r="E42" s="4" t="s">
        <v>424</v>
      </c>
      <c r="F42" s="4" t="s">
        <v>421</v>
      </c>
      <c r="G42" s="11">
        <f>VLOOKUP(E42,'學生資料(不要打開)'!$A$2:$I$1769,4,FALSE)</f>
        <v>29</v>
      </c>
      <c r="H42" s="4" t="s">
        <v>426</v>
      </c>
      <c r="I42" s="4" t="s">
        <v>388</v>
      </c>
    </row>
    <row r="43" spans="1:9" s="9" customFormat="1" x14ac:dyDescent="0.25">
      <c r="A43" s="4" t="s">
        <v>410</v>
      </c>
      <c r="B43" s="4" t="s">
        <v>416</v>
      </c>
      <c r="C43" s="4" t="s">
        <v>440</v>
      </c>
      <c r="D43" s="4" t="s">
        <v>441</v>
      </c>
      <c r="E43" s="4" t="s">
        <v>439</v>
      </c>
      <c r="F43" s="4" t="s">
        <v>9738</v>
      </c>
      <c r="G43" s="11">
        <f>VLOOKUP(E43,'學生資料(不要打開)'!$A$2:$I$1769,4,FALSE)</f>
        <v>14</v>
      </c>
      <c r="H43" s="4" t="s">
        <v>426</v>
      </c>
      <c r="I43" s="4" t="s">
        <v>388</v>
      </c>
    </row>
    <row r="44" spans="1:9" s="9" customFormat="1" x14ac:dyDescent="0.25">
      <c r="A44" s="4" t="s">
        <v>410</v>
      </c>
      <c r="B44" s="4" t="s">
        <v>416</v>
      </c>
      <c r="C44" s="4" t="s">
        <v>427</v>
      </c>
      <c r="D44" s="4" t="s">
        <v>428</v>
      </c>
      <c r="E44" s="4" t="s">
        <v>429</v>
      </c>
      <c r="F44" s="45" t="s">
        <v>430</v>
      </c>
      <c r="G44" s="11">
        <f>VLOOKUP(E44,'學生資料(不要打開)'!$A$2:$I$1769,4,FALSE)</f>
        <v>31</v>
      </c>
      <c r="H44" s="4" t="s">
        <v>426</v>
      </c>
      <c r="I44" s="4" t="s">
        <v>388</v>
      </c>
    </row>
    <row r="45" spans="1:9" s="9" customFormat="1" ht="18" customHeight="1" x14ac:dyDescent="0.25">
      <c r="A45" s="4" t="s">
        <v>410</v>
      </c>
      <c r="B45" s="4" t="s">
        <v>416</v>
      </c>
      <c r="C45" s="4" t="s">
        <v>427</v>
      </c>
      <c r="D45" s="4" t="s">
        <v>428</v>
      </c>
      <c r="E45" s="4" t="s">
        <v>432</v>
      </c>
      <c r="F45" s="46" t="s">
        <v>433</v>
      </c>
      <c r="G45" s="11" t="str">
        <f>VLOOKUP(E45,'學生資料(不要打開)'!$A$2:$I$1769,4,FALSE)</f>
        <v xml:space="preserve">  11</v>
      </c>
      <c r="H45" s="4" t="s">
        <v>426</v>
      </c>
      <c r="I45" s="4" t="s">
        <v>388</v>
      </c>
    </row>
    <row r="46" spans="1:9" s="9" customFormat="1" ht="18" customHeight="1" x14ac:dyDescent="0.25">
      <c r="A46" s="4" t="s">
        <v>410</v>
      </c>
      <c r="B46" s="4" t="s">
        <v>416</v>
      </c>
      <c r="C46" s="4" t="s">
        <v>427</v>
      </c>
      <c r="D46" s="4" t="s">
        <v>428</v>
      </c>
      <c r="E46" s="4" t="s">
        <v>434</v>
      </c>
      <c r="F46" s="46" t="s">
        <v>437</v>
      </c>
      <c r="G46" s="11">
        <f>VLOOKUP(E46,'學生資料(不要打開)'!$A$2:$I$1769,4,FALSE)</f>
        <v>10</v>
      </c>
      <c r="H46" s="4" t="s">
        <v>426</v>
      </c>
      <c r="I46" s="4" t="s">
        <v>388</v>
      </c>
    </row>
    <row r="47" spans="1:9" s="9" customFormat="1" ht="18" customHeight="1" x14ac:dyDescent="0.25">
      <c r="A47" s="4" t="s">
        <v>410</v>
      </c>
      <c r="B47" s="4" t="s">
        <v>416</v>
      </c>
      <c r="C47" s="4" t="s">
        <v>425</v>
      </c>
      <c r="D47" s="4" t="s">
        <v>428</v>
      </c>
      <c r="E47" s="4" t="s">
        <v>431</v>
      </c>
      <c r="F47" s="46" t="s">
        <v>430</v>
      </c>
      <c r="G47" s="11">
        <f>VLOOKUP(E47,'學生資料(不要打開)'!$A$2:$I$1769,4,FALSE)</f>
        <v>13</v>
      </c>
      <c r="H47" s="4" t="s">
        <v>426</v>
      </c>
      <c r="I47" s="4" t="s">
        <v>388</v>
      </c>
    </row>
    <row r="48" spans="1:9" s="9" customFormat="1" ht="18" customHeight="1" x14ac:dyDescent="0.25">
      <c r="A48" s="4" t="s">
        <v>109</v>
      </c>
      <c r="B48" s="21" t="s">
        <v>1049</v>
      </c>
      <c r="C48" s="21" t="s">
        <v>1055</v>
      </c>
      <c r="D48" s="4" t="s">
        <v>1057</v>
      </c>
      <c r="E48" s="21" t="s">
        <v>1059</v>
      </c>
      <c r="F48" s="39" t="s">
        <v>1061</v>
      </c>
      <c r="G48" s="11">
        <f>VLOOKUP(E48,'學生資料(不要打開)'!$A$2:$I$1769,4,FALSE)</f>
        <v>23</v>
      </c>
      <c r="H48" s="42" t="s">
        <v>1050</v>
      </c>
      <c r="I48" s="4" t="s">
        <v>639</v>
      </c>
    </row>
    <row r="49" spans="1:9" s="9" customFormat="1" ht="18" customHeight="1" x14ac:dyDescent="0.25">
      <c r="A49" s="4" t="s">
        <v>109</v>
      </c>
      <c r="B49" s="21" t="s">
        <v>1049</v>
      </c>
      <c r="C49" s="21" t="s">
        <v>1056</v>
      </c>
      <c r="D49" s="4" t="s">
        <v>1058</v>
      </c>
      <c r="E49" s="21" t="s">
        <v>1060</v>
      </c>
      <c r="F49" s="39" t="s">
        <v>1062</v>
      </c>
      <c r="G49" s="11">
        <f>VLOOKUP(E49,'學生資料(不要打開)'!$A$2:$I$1769,4,FALSE)</f>
        <v>21</v>
      </c>
      <c r="H49" s="42" t="s">
        <v>1050</v>
      </c>
      <c r="I49" s="4" t="s">
        <v>639</v>
      </c>
    </row>
    <row r="50" spans="1:9" s="9" customFormat="1" ht="18" customHeight="1" x14ac:dyDescent="0.25">
      <c r="A50" s="4" t="s">
        <v>462</v>
      </c>
      <c r="B50" s="4" t="s">
        <v>472</v>
      </c>
      <c r="C50" s="4" t="s">
        <v>463</v>
      </c>
      <c r="D50" s="4" t="s">
        <v>464</v>
      </c>
      <c r="E50" s="4" t="s">
        <v>465</v>
      </c>
      <c r="F50" s="46" t="s">
        <v>466</v>
      </c>
      <c r="G50" s="11">
        <f>VLOOKUP(E50,'學生資料(不要打開)'!$A$2:$I$1769,4,FALSE)</f>
        <v>2</v>
      </c>
      <c r="H50" s="4" t="s">
        <v>467</v>
      </c>
      <c r="I50" s="4" t="s">
        <v>388</v>
      </c>
    </row>
    <row r="51" spans="1:9" s="9" customFormat="1" x14ac:dyDescent="0.25">
      <c r="A51" s="4" t="s">
        <v>52</v>
      </c>
      <c r="B51" s="4" t="s">
        <v>472</v>
      </c>
      <c r="C51" s="43" t="s">
        <v>1121</v>
      </c>
      <c r="D51" s="47" t="s">
        <v>985</v>
      </c>
      <c r="E51" s="46" t="s">
        <v>465</v>
      </c>
      <c r="F51" s="46" t="s">
        <v>466</v>
      </c>
      <c r="G51" s="11">
        <f>VLOOKUP(E51,'學生資料(不要打開)'!$A$2:$I$1769,4,FALSE)</f>
        <v>2</v>
      </c>
      <c r="H51" s="4" t="s">
        <v>29</v>
      </c>
      <c r="I51" s="4" t="s">
        <v>388</v>
      </c>
    </row>
    <row r="52" spans="1:9" s="9" customFormat="1" x14ac:dyDescent="0.25">
      <c r="A52" s="4" t="s">
        <v>52</v>
      </c>
      <c r="B52" s="4" t="s">
        <v>472</v>
      </c>
      <c r="C52" s="43" t="s">
        <v>1122</v>
      </c>
      <c r="D52" s="47" t="s">
        <v>985</v>
      </c>
      <c r="E52" s="4" t="s">
        <v>465</v>
      </c>
      <c r="F52" s="4" t="s">
        <v>466</v>
      </c>
      <c r="G52" s="11">
        <f>VLOOKUP(E52,'學生資料(不要打開)'!$A$2:$I$1769,4,FALSE)</f>
        <v>2</v>
      </c>
      <c r="H52" s="4" t="s">
        <v>29</v>
      </c>
      <c r="I52" s="4" t="s">
        <v>388</v>
      </c>
    </row>
    <row r="53" spans="1:9" s="9" customFormat="1" x14ac:dyDescent="0.25">
      <c r="A53" s="4" t="s">
        <v>52</v>
      </c>
      <c r="B53" s="4" t="s">
        <v>987</v>
      </c>
      <c r="C53" s="43" t="s">
        <v>1123</v>
      </c>
      <c r="D53" s="46" t="s">
        <v>1124</v>
      </c>
      <c r="E53" s="42" t="s">
        <v>990</v>
      </c>
      <c r="F53" s="42" t="s">
        <v>460</v>
      </c>
      <c r="G53" s="11">
        <f>VLOOKUP(E53,'學生資料(不要打開)'!$A$2:$I$1769,4,FALSE)</f>
        <v>14</v>
      </c>
      <c r="H53" s="4" t="s">
        <v>992</v>
      </c>
      <c r="I53" s="4" t="s">
        <v>388</v>
      </c>
    </row>
    <row r="54" spans="1:9" s="9" customFormat="1" x14ac:dyDescent="0.25">
      <c r="A54" s="4" t="s">
        <v>986</v>
      </c>
      <c r="B54" s="4" t="s">
        <v>987</v>
      </c>
      <c r="C54" s="43" t="s">
        <v>988</v>
      </c>
      <c r="D54" s="4" t="s">
        <v>989</v>
      </c>
      <c r="E54" s="48" t="s">
        <v>990</v>
      </c>
      <c r="F54" s="48" t="s">
        <v>991</v>
      </c>
      <c r="G54" s="11">
        <f>VLOOKUP(E54,'學生資料(不要打開)'!$A$2:$I$1769,4,FALSE)</f>
        <v>14</v>
      </c>
      <c r="H54" s="4" t="s">
        <v>992</v>
      </c>
      <c r="I54" s="4" t="s">
        <v>388</v>
      </c>
    </row>
    <row r="55" spans="1:9" s="9" customFormat="1" x14ac:dyDescent="0.25">
      <c r="A55" s="4" t="s">
        <v>462</v>
      </c>
      <c r="B55" s="4" t="s">
        <v>472</v>
      </c>
      <c r="C55" s="4" t="s">
        <v>468</v>
      </c>
      <c r="D55" s="46" t="s">
        <v>469</v>
      </c>
      <c r="E55" s="4" t="s">
        <v>470</v>
      </c>
      <c r="F55" s="4" t="s">
        <v>471</v>
      </c>
      <c r="G55" s="11">
        <f>VLOOKUP(E55,'學生資料(不要打開)'!$A$2:$I$1769,4,FALSE)</f>
        <v>11</v>
      </c>
      <c r="H55" s="4" t="s">
        <v>467</v>
      </c>
      <c r="I55" s="4" t="s">
        <v>388</v>
      </c>
    </row>
    <row r="56" spans="1:9" s="9" customFormat="1" x14ac:dyDescent="0.25">
      <c r="A56" s="4" t="s">
        <v>538</v>
      </c>
      <c r="B56" s="4" t="s">
        <v>548</v>
      </c>
      <c r="C56" s="4" t="s">
        <v>549</v>
      </c>
      <c r="D56" s="46" t="s">
        <v>550</v>
      </c>
      <c r="E56" s="4" t="s">
        <v>553</v>
      </c>
      <c r="F56" s="4" t="s">
        <v>552</v>
      </c>
      <c r="G56" s="11">
        <f>VLOOKUP(E56,'學生資料(不要打開)'!$A$2:$I$1769,4,FALSE)</f>
        <v>24</v>
      </c>
      <c r="H56" s="4" t="s">
        <v>547</v>
      </c>
      <c r="I56" s="4" t="s">
        <v>388</v>
      </c>
    </row>
    <row r="57" spans="1:9" s="9" customFormat="1" x14ac:dyDescent="0.25">
      <c r="A57" s="4" t="s">
        <v>538</v>
      </c>
      <c r="B57" s="4" t="s">
        <v>548</v>
      </c>
      <c r="C57" s="4" t="s">
        <v>549</v>
      </c>
      <c r="D57" s="46" t="s">
        <v>550</v>
      </c>
      <c r="E57" s="4" t="s">
        <v>551</v>
      </c>
      <c r="F57" s="4" t="s">
        <v>552</v>
      </c>
      <c r="G57" s="11">
        <f>VLOOKUP(E57,'學生資料(不要打開)'!$A$2:$I$1769,4,FALSE)</f>
        <v>15</v>
      </c>
      <c r="H57" s="4" t="s">
        <v>547</v>
      </c>
      <c r="I57" s="4" t="s">
        <v>388</v>
      </c>
    </row>
    <row r="58" spans="1:9" s="9" customFormat="1" x14ac:dyDescent="0.25">
      <c r="A58" s="4" t="s">
        <v>538</v>
      </c>
      <c r="B58" s="4" t="s">
        <v>548</v>
      </c>
      <c r="C58" s="4" t="s">
        <v>549</v>
      </c>
      <c r="D58" s="4" t="s">
        <v>550</v>
      </c>
      <c r="E58" s="4" t="s">
        <v>554</v>
      </c>
      <c r="F58" s="4" t="s">
        <v>555</v>
      </c>
      <c r="G58" s="11">
        <f>VLOOKUP(E58,'學生資料(不要打開)'!$A$2:$I$1769,4,FALSE)</f>
        <v>17</v>
      </c>
      <c r="H58" s="4" t="s">
        <v>547</v>
      </c>
      <c r="I58" s="4" t="s">
        <v>388</v>
      </c>
    </row>
    <row r="59" spans="1:9" s="9" customFormat="1" x14ac:dyDescent="0.25">
      <c r="A59" s="4" t="s">
        <v>52</v>
      </c>
      <c r="B59" s="4" t="s">
        <v>472</v>
      </c>
      <c r="C59" s="4" t="s">
        <v>983</v>
      </c>
      <c r="D59" s="44" t="s">
        <v>985</v>
      </c>
      <c r="E59" s="4" t="s">
        <v>556</v>
      </c>
      <c r="F59" s="4" t="s">
        <v>555</v>
      </c>
      <c r="G59" s="11">
        <f>VLOOKUP(E59,'學生資料(不要打開)'!$A$2:$I$1769,4,FALSE)</f>
        <v>7</v>
      </c>
      <c r="H59" s="4" t="s">
        <v>29</v>
      </c>
      <c r="I59" s="4" t="s">
        <v>388</v>
      </c>
    </row>
    <row r="60" spans="1:9" s="9" customFormat="1" x14ac:dyDescent="0.25">
      <c r="A60" s="4" t="s">
        <v>52</v>
      </c>
      <c r="B60" s="4" t="s">
        <v>472</v>
      </c>
      <c r="C60" s="4" t="s">
        <v>984</v>
      </c>
      <c r="D60" s="44" t="s">
        <v>985</v>
      </c>
      <c r="E60" s="4" t="s">
        <v>556</v>
      </c>
      <c r="F60" s="4" t="s">
        <v>555</v>
      </c>
      <c r="G60" s="11">
        <f>VLOOKUP(E60,'學生資料(不要打開)'!$A$2:$I$1769,4,FALSE)</f>
        <v>7</v>
      </c>
      <c r="H60" s="4" t="s">
        <v>29</v>
      </c>
      <c r="I60" s="4" t="s">
        <v>388</v>
      </c>
    </row>
    <row r="61" spans="1:9" s="9" customFormat="1" x14ac:dyDescent="0.25">
      <c r="A61" s="4" t="s">
        <v>538</v>
      </c>
      <c r="B61" s="4" t="s">
        <v>548</v>
      </c>
      <c r="C61" s="4" t="s">
        <v>1125</v>
      </c>
      <c r="D61" s="4" t="s">
        <v>557</v>
      </c>
      <c r="E61" s="4" t="s">
        <v>556</v>
      </c>
      <c r="F61" s="4" t="s">
        <v>555</v>
      </c>
      <c r="G61" s="11">
        <f>VLOOKUP(E61,'學生資料(不要打開)'!$A$2:$I$1769,4,FALSE)</f>
        <v>7</v>
      </c>
      <c r="H61" s="4" t="s">
        <v>547</v>
      </c>
      <c r="I61" s="4" t="s">
        <v>388</v>
      </c>
    </row>
    <row r="62" spans="1:9" s="9" customFormat="1" x14ac:dyDescent="0.25">
      <c r="A62" s="4" t="s">
        <v>538</v>
      </c>
      <c r="B62" s="4" t="s">
        <v>548</v>
      </c>
      <c r="C62" s="4" t="s">
        <v>1126</v>
      </c>
      <c r="D62" s="4" t="s">
        <v>550</v>
      </c>
      <c r="E62" s="4" t="s">
        <v>556</v>
      </c>
      <c r="F62" s="4" t="s">
        <v>555</v>
      </c>
      <c r="G62" s="11">
        <f>VLOOKUP(E62,'學生資料(不要打開)'!$A$2:$I$1769,4,FALSE)</f>
        <v>7</v>
      </c>
      <c r="H62" s="4" t="s">
        <v>547</v>
      </c>
      <c r="I62" s="4" t="s">
        <v>388</v>
      </c>
    </row>
    <row r="63" spans="1:9" s="9" customFormat="1" x14ac:dyDescent="0.25">
      <c r="A63" s="4" t="s">
        <v>222</v>
      </c>
      <c r="B63" s="4" t="s">
        <v>779</v>
      </c>
      <c r="C63" s="4" t="s">
        <v>29</v>
      </c>
      <c r="D63" s="4" t="s">
        <v>1147</v>
      </c>
      <c r="E63" s="4" t="s">
        <v>1148</v>
      </c>
      <c r="F63" s="42" t="s">
        <v>753</v>
      </c>
      <c r="G63" s="11">
        <f>VLOOKUP(E63,'學生資料(不要打開)'!$A$2:$I$1769,4,FALSE)</f>
        <v>16</v>
      </c>
      <c r="H63" s="4" t="s">
        <v>29</v>
      </c>
      <c r="I63" s="4" t="s">
        <v>777</v>
      </c>
    </row>
    <row r="64" spans="1:9" s="9" customFormat="1" x14ac:dyDescent="0.25">
      <c r="A64" s="4" t="s">
        <v>52</v>
      </c>
      <c r="B64" s="4" t="s">
        <v>1167</v>
      </c>
      <c r="C64" s="4" t="s">
        <v>1168</v>
      </c>
      <c r="D64" s="4" t="s">
        <v>1004</v>
      </c>
      <c r="E64" s="4" t="s">
        <v>1166</v>
      </c>
      <c r="F64" s="4" t="s">
        <v>466</v>
      </c>
      <c r="G64" s="11">
        <f>VLOOKUP(E64,'學生資料(不要打開)'!$A$2:$I$1769,4,FALSE)</f>
        <v>21</v>
      </c>
      <c r="H64" s="4" t="s">
        <v>1170</v>
      </c>
      <c r="I64" s="4" t="s">
        <v>1169</v>
      </c>
    </row>
    <row r="65" spans="1:9" s="9" customFormat="1" ht="31.5" x14ac:dyDescent="0.25">
      <c r="A65" s="4" t="s">
        <v>166</v>
      </c>
      <c r="B65" s="4" t="s">
        <v>1290</v>
      </c>
      <c r="C65" s="4" t="s">
        <v>1295</v>
      </c>
      <c r="D65" s="4" t="s">
        <v>413</v>
      </c>
      <c r="E65" s="4" t="s">
        <v>533</v>
      </c>
      <c r="F65" s="4" t="s">
        <v>78</v>
      </c>
      <c r="G65" s="11">
        <f>VLOOKUP(E65,'學生資料(不要打開)'!$A$2:$I$1769,4,FALSE)</f>
        <v>8</v>
      </c>
      <c r="H65" s="4" t="s">
        <v>29</v>
      </c>
      <c r="I65" s="4" t="s">
        <v>1294</v>
      </c>
    </row>
    <row r="66" spans="1:9" s="9" customFormat="1" x14ac:dyDescent="0.25">
      <c r="A66" s="4" t="s">
        <v>109</v>
      </c>
      <c r="B66" s="4" t="s">
        <v>1291</v>
      </c>
      <c r="C66" s="4" t="s">
        <v>1296</v>
      </c>
      <c r="D66" s="4" t="s">
        <v>120</v>
      </c>
      <c r="E66" s="4" t="s">
        <v>533</v>
      </c>
      <c r="F66" s="4" t="s">
        <v>78</v>
      </c>
      <c r="G66" s="11">
        <f>VLOOKUP(E66,'學生資料(不要打開)'!$A$2:$I$1769,4,FALSE)</f>
        <v>8</v>
      </c>
      <c r="H66" s="4" t="s">
        <v>29</v>
      </c>
      <c r="I66" s="4" t="s">
        <v>1090</v>
      </c>
    </row>
    <row r="67" spans="1:9" s="9" customFormat="1" x14ac:dyDescent="0.25">
      <c r="A67" s="4" t="s">
        <v>109</v>
      </c>
      <c r="B67" s="4" t="s">
        <v>1292</v>
      </c>
      <c r="C67" s="4" t="s">
        <v>1297</v>
      </c>
      <c r="D67" s="4" t="s">
        <v>120</v>
      </c>
      <c r="E67" s="4" t="s">
        <v>533</v>
      </c>
      <c r="F67" s="4" t="s">
        <v>78</v>
      </c>
      <c r="G67" s="11">
        <f>VLOOKUP(E67,'學生資料(不要打開)'!$A$2:$I$1769,4,FALSE)</f>
        <v>8</v>
      </c>
      <c r="H67" s="4" t="s">
        <v>29</v>
      </c>
      <c r="I67" s="4" t="s">
        <v>1090</v>
      </c>
    </row>
    <row r="68" spans="1:9" s="9" customFormat="1" ht="31.5" x14ac:dyDescent="0.25">
      <c r="A68" s="4" t="s">
        <v>109</v>
      </c>
      <c r="B68" s="4" t="s">
        <v>1293</v>
      </c>
      <c r="C68" s="4" t="s">
        <v>1298</v>
      </c>
      <c r="D68" s="4" t="s">
        <v>144</v>
      </c>
      <c r="E68" s="4" t="s">
        <v>533</v>
      </c>
      <c r="F68" s="4" t="s">
        <v>78</v>
      </c>
      <c r="G68" s="11">
        <f>VLOOKUP(E68,'學生資料(不要打開)'!$A$2:$I$1769,4,FALSE)</f>
        <v>8</v>
      </c>
      <c r="H68" s="4" t="s">
        <v>29</v>
      </c>
      <c r="I68" s="4" t="s">
        <v>1090</v>
      </c>
    </row>
    <row r="69" spans="1:9" s="9" customFormat="1" ht="31.5" x14ac:dyDescent="0.25">
      <c r="A69" s="4" t="s">
        <v>109</v>
      </c>
      <c r="B69" s="4" t="s">
        <v>1293</v>
      </c>
      <c r="C69" s="4" t="s">
        <v>1297</v>
      </c>
      <c r="D69" s="4" t="s">
        <v>120</v>
      </c>
      <c r="E69" s="4" t="s">
        <v>533</v>
      </c>
      <c r="F69" s="4" t="s">
        <v>78</v>
      </c>
      <c r="G69" s="11">
        <f>VLOOKUP(E69,'學生資料(不要打開)'!$A$2:$I$1769,4,FALSE)</f>
        <v>8</v>
      </c>
      <c r="H69" s="4" t="s">
        <v>29</v>
      </c>
      <c r="I69" s="4" t="s">
        <v>1090</v>
      </c>
    </row>
    <row r="70" spans="1:9" x14ac:dyDescent="0.25">
      <c r="A70" s="4" t="s">
        <v>9771</v>
      </c>
      <c r="B70" s="4" t="s">
        <v>9772</v>
      </c>
      <c r="C70" s="4" t="s">
        <v>9770</v>
      </c>
      <c r="D70" s="4" t="s">
        <v>374</v>
      </c>
      <c r="E70" s="4" t="s">
        <v>164</v>
      </c>
      <c r="F70" s="4" t="s">
        <v>78</v>
      </c>
      <c r="G70" s="4">
        <v>25</v>
      </c>
      <c r="H70" s="4" t="s">
        <v>9776</v>
      </c>
      <c r="I70" s="4" t="s">
        <v>9777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3"/>
  <dimension ref="A1:K58"/>
  <sheetViews>
    <sheetView zoomScale="80" zoomScaleNormal="80" workbookViewId="0">
      <selection activeCell="D9" sqref="D9"/>
    </sheetView>
  </sheetViews>
  <sheetFormatPr defaultRowHeight="15.75" x14ac:dyDescent="0.25"/>
  <cols>
    <col min="1" max="1" width="9" style="27"/>
    <col min="2" max="2" width="59.875" style="29" bestFit="1" customWidth="1"/>
    <col min="3" max="3" width="16.375" style="23" bestFit="1" customWidth="1"/>
    <col min="4" max="4" width="27.5" style="23" bestFit="1" customWidth="1"/>
    <col min="5" max="5" width="9" style="23"/>
    <col min="6" max="6" width="11.5" style="23" bestFit="1" customWidth="1"/>
    <col min="7" max="7" width="11.5" style="23" customWidth="1"/>
    <col min="8" max="8" width="19.5" style="23" bestFit="1" customWidth="1"/>
    <col min="9" max="9" width="70.5" style="23" bestFit="1" customWidth="1"/>
    <col min="10" max="10" width="14" style="23" customWidth="1"/>
    <col min="11" max="16384" width="9" style="23"/>
  </cols>
  <sheetData>
    <row r="1" spans="1:11" x14ac:dyDescent="0.25">
      <c r="A1" s="33"/>
      <c r="B1" s="33" t="s">
        <v>213</v>
      </c>
      <c r="C1" s="33"/>
      <c r="D1" s="33"/>
      <c r="E1" s="33"/>
      <c r="F1" s="33"/>
      <c r="G1" s="33"/>
      <c r="H1" s="33"/>
      <c r="I1" s="33"/>
      <c r="K1" s="23" t="s">
        <v>243</v>
      </c>
    </row>
    <row r="2" spans="1:11" s="28" customFormat="1" x14ac:dyDescent="0.25">
      <c r="A2" s="33" t="s">
        <v>214</v>
      </c>
      <c r="B2" s="33" t="s">
        <v>215</v>
      </c>
      <c r="C2" s="33" t="s">
        <v>216</v>
      </c>
      <c r="D2" s="33" t="s">
        <v>217</v>
      </c>
      <c r="E2" s="33" t="s">
        <v>218</v>
      </c>
      <c r="F2" s="33" t="s">
        <v>219</v>
      </c>
      <c r="G2" s="33" t="s">
        <v>1315</v>
      </c>
      <c r="H2" s="33" t="s">
        <v>220</v>
      </c>
      <c r="I2" s="33" t="s">
        <v>221</v>
      </c>
      <c r="J2" s="23"/>
    </row>
    <row r="3" spans="1:11" s="28" customFormat="1" ht="33" customHeight="1" x14ac:dyDescent="0.25">
      <c r="A3" s="33" t="s">
        <v>222</v>
      </c>
      <c r="B3" s="33" t="s">
        <v>223</v>
      </c>
      <c r="C3" s="33" t="s">
        <v>224</v>
      </c>
      <c r="D3" s="33" t="s">
        <v>225</v>
      </c>
      <c r="E3" s="33" t="s">
        <v>226</v>
      </c>
      <c r="F3" s="33" t="s">
        <v>227</v>
      </c>
      <c r="G3" s="11">
        <f>VLOOKUP(E3,'學生資料(不要打開)'!$A$2:$I$1769,4,FALSE)</f>
        <v>10</v>
      </c>
      <c r="H3" s="33" t="s">
        <v>228</v>
      </c>
      <c r="I3" s="33" t="s">
        <v>229</v>
      </c>
      <c r="J3" s="23"/>
    </row>
    <row r="4" spans="1:11" s="28" customFormat="1" x14ac:dyDescent="0.25">
      <c r="A4" s="33" t="s">
        <v>222</v>
      </c>
      <c r="B4" s="33" t="s">
        <v>231</v>
      </c>
      <c r="C4" s="33" t="s">
        <v>224</v>
      </c>
      <c r="D4" s="33" t="s">
        <v>232</v>
      </c>
      <c r="E4" s="33" t="s">
        <v>226</v>
      </c>
      <c r="F4" s="33" t="s">
        <v>227</v>
      </c>
      <c r="G4" s="11">
        <f>VLOOKUP(E4,'學生資料(不要打開)'!$A$2:$I$1769,4,FALSE)</f>
        <v>10</v>
      </c>
      <c r="H4" s="33" t="s">
        <v>228</v>
      </c>
      <c r="I4" s="33" t="s">
        <v>233</v>
      </c>
      <c r="J4" s="23"/>
    </row>
    <row r="5" spans="1:11" s="28" customFormat="1" x14ac:dyDescent="0.25">
      <c r="A5" s="33" t="s">
        <v>234</v>
      </c>
      <c r="B5" s="33" t="s">
        <v>235</v>
      </c>
      <c r="C5" s="33" t="s">
        <v>230</v>
      </c>
      <c r="D5" s="33" t="s">
        <v>236</v>
      </c>
      <c r="E5" s="33" t="s">
        <v>226</v>
      </c>
      <c r="F5" s="33" t="s">
        <v>227</v>
      </c>
      <c r="G5" s="11">
        <f>VLOOKUP(E5,'學生資料(不要打開)'!$A$2:$I$1769,4,FALSE)</f>
        <v>10</v>
      </c>
      <c r="H5" s="33" t="s">
        <v>228</v>
      </c>
      <c r="I5" s="33" t="s">
        <v>237</v>
      </c>
      <c r="J5" s="23"/>
    </row>
    <row r="6" spans="1:11" s="28" customFormat="1" x14ac:dyDescent="0.25">
      <c r="A6" s="33" t="s">
        <v>222</v>
      </c>
      <c r="B6" s="33" t="s">
        <v>231</v>
      </c>
      <c r="C6" s="33" t="s">
        <v>230</v>
      </c>
      <c r="D6" s="33" t="s">
        <v>238</v>
      </c>
      <c r="E6" s="33" t="s">
        <v>239</v>
      </c>
      <c r="F6" s="33" t="s">
        <v>240</v>
      </c>
      <c r="G6" s="11">
        <f>VLOOKUP(E6,'學生資料(不要打開)'!$A$2:$I$1769,4,FALSE)</f>
        <v>6</v>
      </c>
      <c r="H6" s="33" t="s">
        <v>228</v>
      </c>
      <c r="I6" s="33" t="s">
        <v>233</v>
      </c>
      <c r="J6" s="23"/>
    </row>
    <row r="7" spans="1:11" x14ac:dyDescent="0.25">
      <c r="A7" s="33" t="s">
        <v>222</v>
      </c>
      <c r="B7" s="33" t="s">
        <v>231</v>
      </c>
      <c r="C7" s="33" t="s">
        <v>230</v>
      </c>
      <c r="D7" s="33" t="s">
        <v>232</v>
      </c>
      <c r="E7" s="33" t="s">
        <v>241</v>
      </c>
      <c r="F7" s="33" t="s">
        <v>242</v>
      </c>
      <c r="G7" s="11">
        <f>VLOOKUP(E7,'學生資料(不要打開)'!$A$2:$I$1769,4,FALSE)</f>
        <v>24</v>
      </c>
      <c r="H7" s="33" t="s">
        <v>228</v>
      </c>
      <c r="I7" s="33" t="s">
        <v>233</v>
      </c>
    </row>
    <row r="8" spans="1:11" x14ac:dyDescent="0.25">
      <c r="A8" s="33" t="s">
        <v>222</v>
      </c>
      <c r="B8" s="33" t="s">
        <v>247</v>
      </c>
      <c r="C8" s="33" t="s">
        <v>230</v>
      </c>
      <c r="D8" s="33" t="s">
        <v>232</v>
      </c>
      <c r="E8" s="33" t="s">
        <v>248</v>
      </c>
      <c r="F8" s="33" t="s">
        <v>249</v>
      </c>
      <c r="G8" s="11">
        <f>VLOOKUP(E8,'學生資料(不要打開)'!$A$2:$I$1769,4,FALSE)</f>
        <v>5</v>
      </c>
      <c r="H8" s="33" t="s">
        <v>228</v>
      </c>
      <c r="I8" s="33" t="s">
        <v>250</v>
      </c>
    </row>
    <row r="9" spans="1:11" x14ac:dyDescent="0.25">
      <c r="A9" s="33" t="s">
        <v>222</v>
      </c>
      <c r="B9" s="33" t="s">
        <v>247</v>
      </c>
      <c r="C9" s="33" t="s">
        <v>230</v>
      </c>
      <c r="D9" s="33" t="s">
        <v>232</v>
      </c>
      <c r="E9" s="33" t="s">
        <v>251</v>
      </c>
      <c r="F9" s="33" t="s">
        <v>240</v>
      </c>
      <c r="G9" s="11">
        <f>VLOOKUP(E9,'學生資料(不要打開)'!$A$2:$I$1769,4,FALSE)</f>
        <v>7</v>
      </c>
      <c r="H9" s="33" t="s">
        <v>228</v>
      </c>
      <c r="I9" s="33" t="s">
        <v>250</v>
      </c>
    </row>
    <row r="10" spans="1:11" x14ac:dyDescent="0.25">
      <c r="A10" s="33" t="s">
        <v>222</v>
      </c>
      <c r="B10" s="33" t="s">
        <v>252</v>
      </c>
      <c r="C10" s="33" t="s">
        <v>230</v>
      </c>
      <c r="D10" s="33" t="s">
        <v>253</v>
      </c>
      <c r="E10" s="33" t="s">
        <v>239</v>
      </c>
      <c r="F10" s="33" t="s">
        <v>240</v>
      </c>
      <c r="G10" s="11">
        <f>VLOOKUP(E10,'學生資料(不要打開)'!$A$2:$I$1769,4,FALSE)</f>
        <v>6</v>
      </c>
      <c r="H10" s="33" t="s">
        <v>228</v>
      </c>
      <c r="I10" s="33" t="s">
        <v>254</v>
      </c>
    </row>
    <row r="11" spans="1:11" x14ac:dyDescent="0.25">
      <c r="A11" s="33" t="s">
        <v>222</v>
      </c>
      <c r="B11" s="33" t="s">
        <v>255</v>
      </c>
      <c r="C11" s="33" t="s">
        <v>230</v>
      </c>
      <c r="D11" s="33" t="s">
        <v>256</v>
      </c>
      <c r="E11" s="33" t="s">
        <v>257</v>
      </c>
      <c r="F11" s="33" t="s">
        <v>242</v>
      </c>
      <c r="G11" s="11">
        <f>VLOOKUP(E11,'學生資料(不要打開)'!$A$2:$I$1769,4,FALSE)</f>
        <v>19</v>
      </c>
      <c r="H11" s="33" t="s">
        <v>228</v>
      </c>
      <c r="I11" s="33" t="s">
        <v>246</v>
      </c>
    </row>
    <row r="12" spans="1:11" x14ac:dyDescent="0.25">
      <c r="A12" s="33" t="s">
        <v>222</v>
      </c>
      <c r="B12" s="33" t="s">
        <v>255</v>
      </c>
      <c r="C12" s="33" t="s">
        <v>230</v>
      </c>
      <c r="D12" s="33" t="s">
        <v>256</v>
      </c>
      <c r="E12" s="33" t="s">
        <v>245</v>
      </c>
      <c r="F12" s="33" t="s">
        <v>242</v>
      </c>
      <c r="G12" s="11">
        <f>VLOOKUP(E12,'學生資料(不要打開)'!$A$2:$I$1769,4,FALSE)</f>
        <v>8</v>
      </c>
      <c r="H12" s="33" t="s">
        <v>228</v>
      </c>
      <c r="I12" s="33" t="s">
        <v>246</v>
      </c>
    </row>
    <row r="13" spans="1:11" x14ac:dyDescent="0.25">
      <c r="A13" s="33" t="s">
        <v>244</v>
      </c>
      <c r="B13" s="33" t="s">
        <v>258</v>
      </c>
      <c r="C13" s="33" t="s">
        <v>259</v>
      </c>
      <c r="D13" s="21" t="s">
        <v>260</v>
      </c>
      <c r="E13" s="21" t="s">
        <v>261</v>
      </c>
      <c r="F13" s="21" t="s">
        <v>262</v>
      </c>
      <c r="G13" s="11">
        <f>VLOOKUP(E13,'學生資料(不要打開)'!$A$2:$I$1769,4,FALSE)</f>
        <v>10</v>
      </c>
      <c r="H13" s="33" t="s">
        <v>228</v>
      </c>
      <c r="I13" s="33" t="s">
        <v>158</v>
      </c>
    </row>
    <row r="14" spans="1:11" x14ac:dyDescent="0.25">
      <c r="A14" s="33" t="s">
        <v>495</v>
      </c>
      <c r="B14" s="33" t="s">
        <v>496</v>
      </c>
      <c r="C14" s="33" t="s">
        <v>497</v>
      </c>
      <c r="D14" s="33" t="s">
        <v>498</v>
      </c>
      <c r="E14" s="33" t="s">
        <v>499</v>
      </c>
      <c r="F14" s="33" t="s">
        <v>500</v>
      </c>
      <c r="G14" s="11">
        <f>VLOOKUP(E14,'學生資料(不要打開)'!$A$2:$I$1769,4,FALSE)</f>
        <v>16</v>
      </c>
      <c r="H14" s="33" t="s">
        <v>501</v>
      </c>
      <c r="I14" s="33" t="s">
        <v>502</v>
      </c>
    </row>
    <row r="15" spans="1:11" x14ac:dyDescent="0.25">
      <c r="A15" s="33" t="s">
        <v>503</v>
      </c>
      <c r="B15" s="33" t="s">
        <v>490</v>
      </c>
      <c r="C15" s="33" t="s">
        <v>485</v>
      </c>
      <c r="D15" s="33" t="s">
        <v>504</v>
      </c>
      <c r="E15" s="33" t="s">
        <v>505</v>
      </c>
      <c r="F15" s="33" t="s">
        <v>506</v>
      </c>
      <c r="G15" s="11">
        <f>VLOOKUP(E15,'學生資料(不要打開)'!$A$2:$I$1769,4,FALSE)</f>
        <v>4</v>
      </c>
      <c r="H15" s="33" t="s">
        <v>507</v>
      </c>
      <c r="I15" s="33" t="s">
        <v>718</v>
      </c>
    </row>
    <row r="16" spans="1:11" x14ac:dyDescent="0.25">
      <c r="A16" s="33" t="s">
        <v>503</v>
      </c>
      <c r="B16" s="33" t="s">
        <v>490</v>
      </c>
      <c r="C16" s="33" t="s">
        <v>485</v>
      </c>
      <c r="D16" s="33" t="s">
        <v>504</v>
      </c>
      <c r="E16" s="33" t="s">
        <v>508</v>
      </c>
      <c r="F16" s="33" t="s">
        <v>509</v>
      </c>
      <c r="G16" s="11">
        <f>VLOOKUP(E16,'學生資料(不要打開)'!$A$2:$I$1769,4,FALSE)</f>
        <v>10</v>
      </c>
      <c r="H16" s="33" t="s">
        <v>507</v>
      </c>
      <c r="I16" s="33" t="s">
        <v>718</v>
      </c>
    </row>
    <row r="17" spans="1:9" x14ac:dyDescent="0.25">
      <c r="A17" s="33" t="s">
        <v>503</v>
      </c>
      <c r="B17" s="33" t="s">
        <v>490</v>
      </c>
      <c r="C17" s="33" t="s">
        <v>485</v>
      </c>
      <c r="D17" s="33" t="s">
        <v>504</v>
      </c>
      <c r="E17" s="33" t="s">
        <v>510</v>
      </c>
      <c r="F17" s="33" t="s">
        <v>506</v>
      </c>
      <c r="G17" s="11">
        <f>VLOOKUP(E17,'學生資料(不要打開)'!$A$2:$I$1769,4,FALSE)</f>
        <v>27</v>
      </c>
      <c r="H17" s="33" t="s">
        <v>507</v>
      </c>
      <c r="I17" s="33" t="s">
        <v>718</v>
      </c>
    </row>
    <row r="18" spans="1:9" x14ac:dyDescent="0.25">
      <c r="A18" s="33" t="s">
        <v>495</v>
      </c>
      <c r="B18" s="4" t="s">
        <v>9737</v>
      </c>
      <c r="C18" s="22" t="s">
        <v>715</v>
      </c>
      <c r="D18" s="21" t="s">
        <v>716</v>
      </c>
      <c r="E18" s="33" t="s">
        <v>226</v>
      </c>
      <c r="F18" s="33" t="s">
        <v>227</v>
      </c>
      <c r="G18" s="11">
        <f>VLOOKUP(E18,'學生資料(不要打開)'!$A$2:$I$1769,4,FALSE)</f>
        <v>10</v>
      </c>
      <c r="H18" s="33" t="s">
        <v>228</v>
      </c>
      <c r="I18" s="33" t="s">
        <v>158</v>
      </c>
    </row>
    <row r="19" spans="1:9" x14ac:dyDescent="0.25">
      <c r="A19" s="33" t="s">
        <v>495</v>
      </c>
      <c r="B19" s="4" t="s">
        <v>9737</v>
      </c>
      <c r="C19" s="22" t="s">
        <v>715</v>
      </c>
      <c r="D19" s="21" t="s">
        <v>716</v>
      </c>
      <c r="E19" s="33" t="s">
        <v>241</v>
      </c>
      <c r="F19" s="33" t="s">
        <v>242</v>
      </c>
      <c r="G19" s="11">
        <f>VLOOKUP(E19,'學生資料(不要打開)'!$A$2:$I$1769,4,FALSE)</f>
        <v>24</v>
      </c>
      <c r="H19" s="33" t="s">
        <v>228</v>
      </c>
      <c r="I19" s="33" t="s">
        <v>158</v>
      </c>
    </row>
    <row r="20" spans="1:9" x14ac:dyDescent="0.25">
      <c r="A20" s="33" t="s">
        <v>495</v>
      </c>
      <c r="B20" s="4" t="s">
        <v>9737</v>
      </c>
      <c r="C20" s="22" t="s">
        <v>715</v>
      </c>
      <c r="D20" s="21" t="s">
        <v>717</v>
      </c>
      <c r="E20" s="33" t="s">
        <v>257</v>
      </c>
      <c r="F20" s="33" t="s">
        <v>242</v>
      </c>
      <c r="G20" s="11">
        <f>VLOOKUP(E20,'學生資料(不要打開)'!$A$2:$I$1769,4,FALSE)</f>
        <v>19</v>
      </c>
      <c r="H20" s="33" t="s">
        <v>228</v>
      </c>
      <c r="I20" s="33" t="s">
        <v>158</v>
      </c>
    </row>
    <row r="21" spans="1:9" x14ac:dyDescent="0.25">
      <c r="A21" s="33" t="s">
        <v>932</v>
      </c>
      <c r="B21" s="4" t="s">
        <v>936</v>
      </c>
      <c r="C21" s="22" t="s">
        <v>911</v>
      </c>
      <c r="D21" s="21" t="s">
        <v>937</v>
      </c>
      <c r="E21" s="33" t="s">
        <v>938</v>
      </c>
      <c r="F21" s="33" t="s">
        <v>939</v>
      </c>
      <c r="G21" s="11">
        <f>VLOOKUP(E21,'學生資料(不要打開)'!$A$2:$I$1769,4,FALSE)</f>
        <v>28</v>
      </c>
      <c r="H21" s="33" t="s">
        <v>940</v>
      </c>
      <c r="I21" s="33" t="s">
        <v>941</v>
      </c>
    </row>
    <row r="22" spans="1:9" x14ac:dyDescent="0.25">
      <c r="A22" s="33" t="s">
        <v>932</v>
      </c>
      <c r="B22" s="4" t="s">
        <v>936</v>
      </c>
      <c r="C22" s="22" t="s">
        <v>911</v>
      </c>
      <c r="D22" s="21" t="s">
        <v>937</v>
      </c>
      <c r="E22" s="33" t="s">
        <v>942</v>
      </c>
      <c r="F22" s="33" t="s">
        <v>939</v>
      </c>
      <c r="G22" s="11">
        <f>VLOOKUP(E22,'學生資料(不要打開)'!$A$2:$I$1769,4,FALSE)</f>
        <v>38</v>
      </c>
      <c r="H22" s="33" t="s">
        <v>940</v>
      </c>
      <c r="I22" s="33" t="s">
        <v>941</v>
      </c>
    </row>
    <row r="23" spans="1:9" x14ac:dyDescent="0.25">
      <c r="A23" s="33" t="s">
        <v>932</v>
      </c>
      <c r="B23" s="4" t="s">
        <v>962</v>
      </c>
      <c r="C23" s="22" t="s">
        <v>911</v>
      </c>
      <c r="D23" s="21" t="s">
        <v>963</v>
      </c>
      <c r="E23" s="33" t="s">
        <v>959</v>
      </c>
      <c r="F23" s="33" t="s">
        <v>958</v>
      </c>
      <c r="G23" s="11">
        <f>VLOOKUP(E23,'學生資料(不要打開)'!$A$2:$I$1769,4,FALSE)</f>
        <v>10</v>
      </c>
      <c r="H23" s="33" t="s">
        <v>964</v>
      </c>
      <c r="I23" s="33" t="s">
        <v>965</v>
      </c>
    </row>
    <row r="24" spans="1:9" x14ac:dyDescent="0.25">
      <c r="A24" s="33" t="s">
        <v>932</v>
      </c>
      <c r="B24" s="4" t="s">
        <v>960</v>
      </c>
      <c r="C24" s="22" t="s">
        <v>911</v>
      </c>
      <c r="D24" s="21" t="s">
        <v>978</v>
      </c>
      <c r="E24" s="33" t="s">
        <v>979</v>
      </c>
      <c r="F24" s="33" t="s">
        <v>980</v>
      </c>
      <c r="G24" s="11">
        <f>VLOOKUP(E24,'學生資料(不要打開)'!$A$2:$I$1769,4,FALSE)</f>
        <v>10</v>
      </c>
      <c r="H24" s="33" t="s">
        <v>964</v>
      </c>
      <c r="I24" s="33" t="s">
        <v>961</v>
      </c>
    </row>
    <row r="25" spans="1:9" x14ac:dyDescent="0.25">
      <c r="A25" s="21" t="s">
        <v>1149</v>
      </c>
      <c r="B25" s="21" t="s">
        <v>1150</v>
      </c>
      <c r="C25" s="21" t="s">
        <v>1151</v>
      </c>
      <c r="D25" s="21" t="s">
        <v>451</v>
      </c>
      <c r="E25" s="21" t="s">
        <v>76</v>
      </c>
      <c r="F25" s="21" t="s">
        <v>1152</v>
      </c>
      <c r="G25" s="11">
        <f>VLOOKUP(E25,'學生資料(不要打開)'!$A$2:$I$1769,4,FALSE)</f>
        <v>24</v>
      </c>
      <c r="H25" s="21" t="s">
        <v>1153</v>
      </c>
      <c r="I25" s="21" t="s">
        <v>1154</v>
      </c>
    </row>
    <row r="26" spans="1:9" x14ac:dyDescent="0.25">
      <c r="H26" s="28"/>
      <c r="I26" s="28"/>
    </row>
    <row r="27" spans="1:9" x14ac:dyDescent="0.25">
      <c r="H27" s="28"/>
      <c r="I27" s="28"/>
    </row>
    <row r="28" spans="1:9" x14ac:dyDescent="0.25">
      <c r="H28" s="28"/>
      <c r="I28" s="28"/>
    </row>
    <row r="29" spans="1:9" x14ac:dyDescent="0.25">
      <c r="H29" s="28"/>
      <c r="I29" s="28"/>
    </row>
    <row r="30" spans="1:9" x14ac:dyDescent="0.25">
      <c r="H30" s="28"/>
      <c r="I30" s="28"/>
    </row>
    <row r="31" spans="1:9" x14ac:dyDescent="0.25">
      <c r="D31" s="28"/>
      <c r="H31" s="28"/>
      <c r="I31" s="28"/>
    </row>
    <row r="32" spans="1:9" x14ac:dyDescent="0.25">
      <c r="H32" s="28"/>
      <c r="I32" s="28"/>
    </row>
    <row r="33" spans="4:9" x14ac:dyDescent="0.25">
      <c r="H33" s="28"/>
      <c r="I33" s="28"/>
    </row>
    <row r="34" spans="4:9" x14ac:dyDescent="0.25">
      <c r="H34" s="28"/>
      <c r="I34" s="28"/>
    </row>
    <row r="36" spans="4:9" x14ac:dyDescent="0.25">
      <c r="H36" s="28"/>
      <c r="I36" s="28"/>
    </row>
    <row r="37" spans="4:9" x14ac:dyDescent="0.25">
      <c r="H37" s="28"/>
      <c r="I37" s="28"/>
    </row>
    <row r="38" spans="4:9" x14ac:dyDescent="0.25">
      <c r="H38" s="28"/>
      <c r="I38" s="28"/>
    </row>
    <row r="39" spans="4:9" x14ac:dyDescent="0.25">
      <c r="D39" s="28"/>
      <c r="H39" s="28"/>
      <c r="I39" s="28"/>
    </row>
    <row r="40" spans="4:9" x14ac:dyDescent="0.25">
      <c r="D40" s="28"/>
      <c r="H40" s="28"/>
      <c r="I40" s="28"/>
    </row>
    <row r="41" spans="4:9" x14ac:dyDescent="0.25">
      <c r="D41" s="28"/>
      <c r="H41" s="28"/>
      <c r="I41" s="28"/>
    </row>
    <row r="42" spans="4:9" x14ac:dyDescent="0.25">
      <c r="D42" s="28"/>
      <c r="H42" s="28"/>
      <c r="I42" s="28"/>
    </row>
    <row r="43" spans="4:9" x14ac:dyDescent="0.25">
      <c r="D43" s="28"/>
      <c r="H43" s="28"/>
      <c r="I43" s="28"/>
    </row>
    <row r="44" spans="4:9" x14ac:dyDescent="0.25">
      <c r="H44" s="28"/>
      <c r="I44" s="28"/>
    </row>
    <row r="45" spans="4:9" x14ac:dyDescent="0.25">
      <c r="H45" s="28"/>
      <c r="I45" s="28"/>
    </row>
    <row r="46" spans="4:9" x14ac:dyDescent="0.25">
      <c r="H46" s="28"/>
      <c r="I46" s="28"/>
    </row>
    <row r="47" spans="4:9" x14ac:dyDescent="0.25">
      <c r="H47" s="28"/>
      <c r="I47" s="28"/>
    </row>
    <row r="48" spans="4:9" x14ac:dyDescent="0.25">
      <c r="H48" s="28"/>
      <c r="I48" s="28"/>
    </row>
    <row r="49" spans="8:9" x14ac:dyDescent="0.25">
      <c r="H49" s="28"/>
      <c r="I49" s="28"/>
    </row>
    <row r="50" spans="8:9" x14ac:dyDescent="0.25">
      <c r="H50" s="28"/>
      <c r="I50" s="28"/>
    </row>
    <row r="51" spans="8:9" x14ac:dyDescent="0.25">
      <c r="H51" s="28"/>
      <c r="I51" s="28"/>
    </row>
    <row r="52" spans="8:9" x14ac:dyDescent="0.25">
      <c r="H52" s="28"/>
      <c r="I52" s="28"/>
    </row>
    <row r="53" spans="8:9" x14ac:dyDescent="0.25">
      <c r="H53" s="28"/>
      <c r="I53" s="28"/>
    </row>
    <row r="54" spans="8:9" x14ac:dyDescent="0.25">
      <c r="H54" s="28"/>
      <c r="I54" s="28"/>
    </row>
    <row r="55" spans="8:9" x14ac:dyDescent="0.25">
      <c r="H55" s="28"/>
      <c r="I55" s="28"/>
    </row>
    <row r="56" spans="8:9" x14ac:dyDescent="0.25">
      <c r="H56" s="28"/>
      <c r="I56" s="28"/>
    </row>
    <row r="57" spans="8:9" x14ac:dyDescent="0.25">
      <c r="H57" s="28"/>
      <c r="I57" s="28"/>
    </row>
    <row r="58" spans="8:9" x14ac:dyDescent="0.25">
      <c r="H58" s="28"/>
      <c r="I58" s="28"/>
    </row>
  </sheetData>
  <phoneticPr fontId="3" type="noConversion"/>
  <conditionalFormatting sqref="E25">
    <cfRule type="duplicateValues" dxfId="9" priority="1"/>
    <cfRule type="duplicateValues" dxfId="8" priority="2"/>
  </conditionalFormatting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4"/>
  <dimension ref="A1:I49"/>
  <sheetViews>
    <sheetView topLeftCell="A25" zoomScale="80" zoomScaleNormal="80" workbookViewId="0">
      <selection activeCell="H37" sqref="H37"/>
    </sheetView>
  </sheetViews>
  <sheetFormatPr defaultRowHeight="15.75" x14ac:dyDescent="0.25"/>
  <cols>
    <col min="1" max="1" width="9" style="10"/>
    <col min="2" max="2" width="40.875" style="10" bestFit="1" customWidth="1"/>
    <col min="3" max="3" width="17.5" style="10" bestFit="1" customWidth="1"/>
    <col min="4" max="4" width="12.625" style="10" bestFit="1" customWidth="1"/>
    <col min="5" max="7" width="9" style="10"/>
    <col min="8" max="8" width="12.25" style="10" bestFit="1" customWidth="1"/>
    <col min="9" max="9" width="30.75" style="10" bestFit="1" customWidth="1"/>
    <col min="10" max="16384" width="9" style="10"/>
  </cols>
  <sheetData>
    <row r="1" spans="1:9" s="9" customFormat="1" x14ac:dyDescent="0.25">
      <c r="A1" s="7"/>
      <c r="B1" s="67" t="s">
        <v>12</v>
      </c>
      <c r="C1" s="67"/>
      <c r="D1" s="67"/>
      <c r="E1" s="67"/>
      <c r="F1" s="67"/>
      <c r="G1" s="67"/>
      <c r="H1" s="67"/>
      <c r="I1" s="8"/>
    </row>
    <row r="2" spans="1:9" s="9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9" customFormat="1" x14ac:dyDescent="0.25">
      <c r="A3" s="21" t="s">
        <v>109</v>
      </c>
      <c r="B3" s="4" t="s">
        <v>137</v>
      </c>
      <c r="C3" s="21" t="s">
        <v>138</v>
      </c>
      <c r="D3" s="21" t="s">
        <v>133</v>
      </c>
      <c r="E3" s="21" t="s">
        <v>139</v>
      </c>
      <c r="F3" s="21" t="s">
        <v>77</v>
      </c>
      <c r="G3" s="11">
        <f>VLOOKUP(E3,'學生資料(不要打開)'!$A$2:$I$1769,4,FALSE)</f>
        <v>21</v>
      </c>
      <c r="H3" s="21" t="s">
        <v>141</v>
      </c>
      <c r="I3" s="21" t="s">
        <v>142</v>
      </c>
    </row>
    <row r="4" spans="1:9" s="9" customFormat="1" x14ac:dyDescent="0.25">
      <c r="A4" s="21" t="s">
        <v>109</v>
      </c>
      <c r="B4" s="4" t="s">
        <v>137</v>
      </c>
      <c r="C4" s="21" t="s">
        <v>138</v>
      </c>
      <c r="D4" s="4" t="s">
        <v>133</v>
      </c>
      <c r="E4" s="21" t="s">
        <v>146</v>
      </c>
      <c r="F4" s="4" t="s">
        <v>117</v>
      </c>
      <c r="G4" s="11">
        <f>VLOOKUP(E4,'學生資料(不要打開)'!$A$2:$I$1769,4,FALSE)</f>
        <v>20</v>
      </c>
      <c r="H4" s="21" t="s">
        <v>147</v>
      </c>
      <c r="I4" s="21" t="s">
        <v>151</v>
      </c>
    </row>
    <row r="5" spans="1:9" s="9" customFormat="1" x14ac:dyDescent="0.25">
      <c r="A5" s="21" t="s">
        <v>109</v>
      </c>
      <c r="B5" s="4" t="s">
        <v>137</v>
      </c>
      <c r="C5" s="21" t="s">
        <v>138</v>
      </c>
      <c r="D5" s="4" t="s">
        <v>133</v>
      </c>
      <c r="E5" s="21" t="s">
        <v>148</v>
      </c>
      <c r="F5" s="4" t="s">
        <v>140</v>
      </c>
      <c r="G5" s="11">
        <f>VLOOKUP(E5,'學生資料(不要打開)'!$A$2:$I$1769,4,FALSE)</f>
        <v>6</v>
      </c>
      <c r="H5" s="21" t="s">
        <v>147</v>
      </c>
      <c r="I5" s="21" t="s">
        <v>151</v>
      </c>
    </row>
    <row r="6" spans="1:9" s="9" customFormat="1" x14ac:dyDescent="0.25">
      <c r="A6" s="21" t="s">
        <v>109</v>
      </c>
      <c r="B6" s="4" t="s">
        <v>137</v>
      </c>
      <c r="C6" s="21" t="s">
        <v>138</v>
      </c>
      <c r="D6" s="4" t="s">
        <v>133</v>
      </c>
      <c r="E6" s="21" t="s">
        <v>149</v>
      </c>
      <c r="F6" s="4" t="s">
        <v>140</v>
      </c>
      <c r="G6" s="11">
        <f>VLOOKUP(E6,'學生資料(不要打開)'!$A$2:$I$1769,4,FALSE)</f>
        <v>16</v>
      </c>
      <c r="H6" s="21" t="s">
        <v>147</v>
      </c>
      <c r="I6" s="21" t="s">
        <v>151</v>
      </c>
    </row>
    <row r="7" spans="1:9" x14ac:dyDescent="0.25">
      <c r="A7" s="21" t="s">
        <v>109</v>
      </c>
      <c r="B7" s="4" t="s">
        <v>143</v>
      </c>
      <c r="C7" s="21" t="s">
        <v>138</v>
      </c>
      <c r="D7" s="4" t="s">
        <v>144</v>
      </c>
      <c r="E7" s="11" t="s">
        <v>599</v>
      </c>
      <c r="F7" s="4" t="s">
        <v>145</v>
      </c>
      <c r="G7" s="11">
        <f>VLOOKUP(E7,'學生資料(不要打開)'!$A$2:$I$1769,4,FALSE)</f>
        <v>4</v>
      </c>
      <c r="H7" s="21" t="s">
        <v>150</v>
      </c>
      <c r="I7" s="21" t="s">
        <v>152</v>
      </c>
    </row>
    <row r="8" spans="1:9" s="9" customFormat="1" ht="31.5" x14ac:dyDescent="0.25">
      <c r="A8" s="4" t="s">
        <v>234</v>
      </c>
      <c r="B8" s="11" t="s">
        <v>682</v>
      </c>
      <c r="C8" s="11" t="s">
        <v>29</v>
      </c>
      <c r="D8" s="11" t="s">
        <v>683</v>
      </c>
      <c r="E8" s="11" t="s">
        <v>134</v>
      </c>
      <c r="F8" s="11" t="s">
        <v>135</v>
      </c>
      <c r="G8" s="11">
        <f>VLOOKUP(E8,'學生資料(不要打開)'!$A$2:$I$1769,4,FALSE)</f>
        <v>27</v>
      </c>
      <c r="H8" s="11" t="s">
        <v>680</v>
      </c>
      <c r="I8" s="52" t="s">
        <v>684</v>
      </c>
    </row>
    <row r="9" spans="1:9" x14ac:dyDescent="0.25">
      <c r="A9" s="4" t="s">
        <v>910</v>
      </c>
      <c r="B9" s="11" t="s">
        <v>906</v>
      </c>
      <c r="C9" s="11" t="s">
        <v>911</v>
      </c>
      <c r="D9" s="11" t="s">
        <v>155</v>
      </c>
      <c r="E9" s="11" t="s">
        <v>907</v>
      </c>
      <c r="F9" s="11" t="s">
        <v>82</v>
      </c>
      <c r="G9" s="11">
        <f>VLOOKUP(E9,'學生資料(不要打開)'!$A$2:$I$1769,4,FALSE)</f>
        <v>5</v>
      </c>
      <c r="H9" s="11" t="s">
        <v>147</v>
      </c>
      <c r="I9" s="52" t="s">
        <v>142</v>
      </c>
    </row>
    <row r="10" spans="1:9" x14ac:dyDescent="0.25">
      <c r="A10" s="4" t="s">
        <v>910</v>
      </c>
      <c r="B10" s="11" t="s">
        <v>906</v>
      </c>
      <c r="C10" s="11" t="s">
        <v>911</v>
      </c>
      <c r="D10" s="11" t="s">
        <v>155</v>
      </c>
      <c r="E10" s="11" t="s">
        <v>605</v>
      </c>
      <c r="F10" s="11" t="s">
        <v>82</v>
      </c>
      <c r="G10" s="11">
        <f>VLOOKUP(E10,'學生資料(不要打開)'!$A$2:$I$1769,4,FALSE)</f>
        <v>12</v>
      </c>
      <c r="H10" s="11" t="s">
        <v>147</v>
      </c>
      <c r="I10" s="52" t="s">
        <v>142</v>
      </c>
    </row>
    <row r="11" spans="1:9" x14ac:dyDescent="0.25">
      <c r="A11" s="4" t="s">
        <v>910</v>
      </c>
      <c r="B11" s="11" t="s">
        <v>906</v>
      </c>
      <c r="C11" s="11" t="s">
        <v>911</v>
      </c>
      <c r="D11" s="11" t="s">
        <v>155</v>
      </c>
      <c r="E11" s="11" t="s">
        <v>908</v>
      </c>
      <c r="F11" s="11" t="s">
        <v>117</v>
      </c>
      <c r="G11" s="11">
        <f>VLOOKUP(E11,'學生資料(不要打開)'!$A$2:$I$1769,4,FALSE)</f>
        <v>20</v>
      </c>
      <c r="H11" s="11" t="s">
        <v>147</v>
      </c>
      <c r="I11" s="52" t="s">
        <v>142</v>
      </c>
    </row>
    <row r="12" spans="1:9" x14ac:dyDescent="0.25">
      <c r="A12" s="4" t="s">
        <v>910</v>
      </c>
      <c r="B12" s="11" t="s">
        <v>906</v>
      </c>
      <c r="C12" s="11" t="s">
        <v>911</v>
      </c>
      <c r="D12" s="11" t="s">
        <v>155</v>
      </c>
      <c r="E12" s="11" t="s">
        <v>909</v>
      </c>
      <c r="F12" s="11" t="s">
        <v>106</v>
      </c>
      <c r="G12" s="11">
        <f>VLOOKUP(E12,'學生資料(不要打開)'!$A$2:$I$1769,4,FALSE)</f>
        <v>21</v>
      </c>
      <c r="H12" s="11" t="s">
        <v>147</v>
      </c>
      <c r="I12" s="52" t="s">
        <v>142</v>
      </c>
    </row>
    <row r="13" spans="1:9" x14ac:dyDescent="0.25">
      <c r="A13" s="4" t="s">
        <v>932</v>
      </c>
      <c r="B13" s="11" t="s">
        <v>923</v>
      </c>
      <c r="C13" s="11" t="s">
        <v>911</v>
      </c>
      <c r="D13" s="11" t="s">
        <v>857</v>
      </c>
      <c r="E13" s="11" t="s">
        <v>924</v>
      </c>
      <c r="F13" s="11" t="s">
        <v>753</v>
      </c>
      <c r="G13" s="11">
        <f>VLOOKUP(E13,'學生資料(不要打開)'!$A$2:$I$1769,4,FALSE)</f>
        <v>6</v>
      </c>
      <c r="H13" s="11" t="s">
        <v>933</v>
      </c>
      <c r="I13" s="52" t="s">
        <v>514</v>
      </c>
    </row>
    <row r="14" spans="1:9" x14ac:dyDescent="0.25">
      <c r="A14" s="4" t="s">
        <v>932</v>
      </c>
      <c r="B14" s="11" t="s">
        <v>923</v>
      </c>
      <c r="C14" s="11" t="s">
        <v>911</v>
      </c>
      <c r="D14" s="11" t="s">
        <v>857</v>
      </c>
      <c r="E14" s="11" t="s">
        <v>925</v>
      </c>
      <c r="F14" s="11" t="s">
        <v>752</v>
      </c>
      <c r="G14" s="11">
        <f>VLOOKUP(E14,'學生資料(不要打開)'!$A$2:$I$1769,4,FALSE)</f>
        <v>3</v>
      </c>
      <c r="H14" s="11" t="s">
        <v>933</v>
      </c>
      <c r="I14" s="52" t="s">
        <v>514</v>
      </c>
    </row>
    <row r="15" spans="1:9" x14ac:dyDescent="0.25">
      <c r="A15" s="4" t="s">
        <v>932</v>
      </c>
      <c r="B15" s="11" t="s">
        <v>923</v>
      </c>
      <c r="C15" s="11" t="s">
        <v>911</v>
      </c>
      <c r="D15" s="11" t="s">
        <v>857</v>
      </c>
      <c r="E15" s="11" t="s">
        <v>926</v>
      </c>
      <c r="F15" s="11" t="s">
        <v>117</v>
      </c>
      <c r="G15" s="11">
        <f>VLOOKUP(E15,'學生資料(不要打開)'!$A$2:$I$1769,4,FALSE)</f>
        <v>7</v>
      </c>
      <c r="H15" s="11" t="s">
        <v>933</v>
      </c>
      <c r="I15" s="52" t="s">
        <v>514</v>
      </c>
    </row>
    <row r="16" spans="1:9" x14ac:dyDescent="0.25">
      <c r="A16" s="4" t="s">
        <v>932</v>
      </c>
      <c r="B16" s="11" t="s">
        <v>923</v>
      </c>
      <c r="C16" s="11" t="s">
        <v>911</v>
      </c>
      <c r="D16" s="11" t="s">
        <v>857</v>
      </c>
      <c r="E16" s="11" t="s">
        <v>114</v>
      </c>
      <c r="F16" s="11" t="s">
        <v>117</v>
      </c>
      <c r="G16" s="11">
        <f>VLOOKUP(E16,'學生資料(不要打開)'!$A$2:$I$1769,4,FALSE)</f>
        <v>17</v>
      </c>
      <c r="H16" s="11" t="s">
        <v>933</v>
      </c>
      <c r="I16" s="52" t="s">
        <v>514</v>
      </c>
    </row>
    <row r="17" spans="1:9" x14ac:dyDescent="0.25">
      <c r="A17" s="4" t="s">
        <v>932</v>
      </c>
      <c r="B17" s="11" t="s">
        <v>923</v>
      </c>
      <c r="C17" s="11" t="s">
        <v>911</v>
      </c>
      <c r="D17" s="11" t="s">
        <v>857</v>
      </c>
      <c r="E17" s="11" t="s">
        <v>825</v>
      </c>
      <c r="F17" s="11" t="s">
        <v>106</v>
      </c>
      <c r="G17" s="11">
        <f>VLOOKUP(E17,'學生資料(不要打開)'!$A$2:$I$1769,4,FALSE)</f>
        <v>20</v>
      </c>
      <c r="H17" s="11" t="s">
        <v>933</v>
      </c>
      <c r="I17" s="52" t="s">
        <v>514</v>
      </c>
    </row>
    <row r="18" spans="1:9" x14ac:dyDescent="0.25">
      <c r="A18" s="4" t="s">
        <v>932</v>
      </c>
      <c r="B18" s="11" t="s">
        <v>923</v>
      </c>
      <c r="C18" s="11" t="s">
        <v>911</v>
      </c>
      <c r="D18" s="11" t="s">
        <v>846</v>
      </c>
      <c r="E18" s="11" t="s">
        <v>927</v>
      </c>
      <c r="F18" s="11" t="s">
        <v>82</v>
      </c>
      <c r="G18" s="11">
        <f>VLOOKUP(E18,'學生資料(不要打開)'!$A$2:$I$1769,4,FALSE)</f>
        <v>15</v>
      </c>
      <c r="H18" s="11" t="s">
        <v>934</v>
      </c>
      <c r="I18" s="52" t="s">
        <v>514</v>
      </c>
    </row>
    <row r="19" spans="1:9" x14ac:dyDescent="0.25">
      <c r="A19" s="4" t="s">
        <v>932</v>
      </c>
      <c r="B19" s="11" t="s">
        <v>923</v>
      </c>
      <c r="C19" s="11" t="s">
        <v>911</v>
      </c>
      <c r="D19" s="11" t="s">
        <v>846</v>
      </c>
      <c r="E19" s="11" t="s">
        <v>928</v>
      </c>
      <c r="F19" s="11" t="s">
        <v>82</v>
      </c>
      <c r="G19" s="11">
        <f>VLOOKUP(E19,'學生資料(不要打開)'!$A$2:$I$1769,4,FALSE)</f>
        <v>18</v>
      </c>
      <c r="H19" s="11" t="s">
        <v>934</v>
      </c>
      <c r="I19" s="52" t="s">
        <v>514</v>
      </c>
    </row>
    <row r="20" spans="1:9" x14ac:dyDescent="0.25">
      <c r="A20" s="4" t="s">
        <v>932</v>
      </c>
      <c r="B20" s="11" t="s">
        <v>923</v>
      </c>
      <c r="C20" s="11" t="s">
        <v>911</v>
      </c>
      <c r="D20" s="11" t="s">
        <v>846</v>
      </c>
      <c r="E20" s="11" t="s">
        <v>929</v>
      </c>
      <c r="F20" s="11" t="s">
        <v>82</v>
      </c>
      <c r="G20" s="11">
        <f>VLOOKUP(E20,'學生資料(不要打開)'!$A$2:$I$1769,4,FALSE)</f>
        <v>23</v>
      </c>
      <c r="H20" s="11" t="s">
        <v>934</v>
      </c>
      <c r="I20" s="52" t="s">
        <v>514</v>
      </c>
    </row>
    <row r="21" spans="1:9" x14ac:dyDescent="0.25">
      <c r="A21" s="4" t="s">
        <v>932</v>
      </c>
      <c r="B21" s="11" t="s">
        <v>923</v>
      </c>
      <c r="C21" s="11" t="s">
        <v>911</v>
      </c>
      <c r="D21" s="11" t="s">
        <v>846</v>
      </c>
      <c r="E21" s="11" t="s">
        <v>826</v>
      </c>
      <c r="F21" s="11" t="s">
        <v>283</v>
      </c>
      <c r="G21" s="11">
        <f>VLOOKUP(E21,'學生資料(不要打開)'!$A$2:$I$1769,4,FALSE)</f>
        <v>11</v>
      </c>
      <c r="H21" s="11" t="s">
        <v>934</v>
      </c>
      <c r="I21" s="52" t="s">
        <v>514</v>
      </c>
    </row>
    <row r="22" spans="1:9" x14ac:dyDescent="0.25">
      <c r="A22" s="4" t="s">
        <v>932</v>
      </c>
      <c r="B22" s="11" t="s">
        <v>923</v>
      </c>
      <c r="C22" s="11" t="s">
        <v>911</v>
      </c>
      <c r="D22" s="11" t="s">
        <v>846</v>
      </c>
      <c r="E22" s="11" t="s">
        <v>821</v>
      </c>
      <c r="F22" s="11" t="s">
        <v>283</v>
      </c>
      <c r="G22" s="11">
        <f>VLOOKUP(E22,'學生資料(不要打開)'!$A$2:$I$1769,4,FALSE)</f>
        <v>15</v>
      </c>
      <c r="H22" s="11" t="s">
        <v>934</v>
      </c>
      <c r="I22" s="52" t="s">
        <v>514</v>
      </c>
    </row>
    <row r="23" spans="1:9" x14ac:dyDescent="0.25">
      <c r="A23" s="4" t="s">
        <v>932</v>
      </c>
      <c r="B23" s="11" t="s">
        <v>923</v>
      </c>
      <c r="C23" s="11" t="s">
        <v>911</v>
      </c>
      <c r="D23" s="11" t="s">
        <v>931</v>
      </c>
      <c r="E23" s="11" t="s">
        <v>603</v>
      </c>
      <c r="F23" s="11" t="s">
        <v>82</v>
      </c>
      <c r="G23" s="11">
        <f>VLOOKUP(E23,'學生資料(不要打開)'!$A$2:$I$1769,4,FALSE)</f>
        <v>7</v>
      </c>
      <c r="H23" s="11" t="s">
        <v>935</v>
      </c>
      <c r="I23" s="52" t="s">
        <v>514</v>
      </c>
    </row>
    <row r="24" spans="1:9" x14ac:dyDescent="0.25">
      <c r="A24" s="4" t="s">
        <v>932</v>
      </c>
      <c r="B24" s="11" t="s">
        <v>923</v>
      </c>
      <c r="C24" s="11" t="s">
        <v>911</v>
      </c>
      <c r="D24" s="11" t="s">
        <v>931</v>
      </c>
      <c r="E24" s="11" t="s">
        <v>604</v>
      </c>
      <c r="F24" s="11" t="s">
        <v>82</v>
      </c>
      <c r="G24" s="11">
        <f>VLOOKUP(E24,'學生資料(不要打開)'!$A$2:$I$1769,4,FALSE)</f>
        <v>10</v>
      </c>
      <c r="H24" s="11" t="s">
        <v>935</v>
      </c>
      <c r="I24" s="52" t="s">
        <v>514</v>
      </c>
    </row>
    <row r="25" spans="1:9" x14ac:dyDescent="0.25">
      <c r="A25" s="4" t="s">
        <v>932</v>
      </c>
      <c r="B25" s="11" t="s">
        <v>923</v>
      </c>
      <c r="C25" s="11" t="s">
        <v>911</v>
      </c>
      <c r="D25" s="11" t="s">
        <v>931</v>
      </c>
      <c r="E25" s="11" t="s">
        <v>605</v>
      </c>
      <c r="F25" s="11" t="s">
        <v>82</v>
      </c>
      <c r="G25" s="11">
        <f>VLOOKUP(E25,'學生資料(不要打開)'!$A$2:$I$1769,4,FALSE)</f>
        <v>12</v>
      </c>
      <c r="H25" s="11" t="s">
        <v>935</v>
      </c>
      <c r="I25" s="52" t="s">
        <v>514</v>
      </c>
    </row>
    <row r="26" spans="1:9" x14ac:dyDescent="0.25">
      <c r="A26" s="4" t="s">
        <v>932</v>
      </c>
      <c r="B26" s="11" t="s">
        <v>923</v>
      </c>
      <c r="C26" s="11" t="s">
        <v>911</v>
      </c>
      <c r="D26" s="11" t="s">
        <v>931</v>
      </c>
      <c r="E26" s="11" t="s">
        <v>930</v>
      </c>
      <c r="F26" s="11" t="s">
        <v>82</v>
      </c>
      <c r="G26" s="11">
        <f>VLOOKUP(E26,'學生資料(不要打開)'!$A$2:$I$1769,4,FALSE)</f>
        <v>27</v>
      </c>
      <c r="H26" s="11" t="s">
        <v>935</v>
      </c>
      <c r="I26" s="11" t="s">
        <v>514</v>
      </c>
    </row>
    <row r="27" spans="1:9" x14ac:dyDescent="0.25">
      <c r="A27" s="4" t="s">
        <v>932</v>
      </c>
      <c r="B27" s="11" t="s">
        <v>943</v>
      </c>
      <c r="C27" s="11" t="s">
        <v>911</v>
      </c>
      <c r="D27" s="11" t="s">
        <v>302</v>
      </c>
      <c r="E27" s="11" t="s">
        <v>944</v>
      </c>
      <c r="F27" s="11" t="s">
        <v>135</v>
      </c>
      <c r="G27" s="11">
        <f>VLOOKUP(E27,'學生資料(不要打開)'!$A$2:$I$1769,4,FALSE)</f>
        <v>10</v>
      </c>
      <c r="H27" s="11" t="s">
        <v>935</v>
      </c>
      <c r="I27" s="52" t="s">
        <v>955</v>
      </c>
    </row>
    <row r="28" spans="1:9" x14ac:dyDescent="0.25">
      <c r="A28" s="4" t="s">
        <v>932</v>
      </c>
      <c r="B28" s="11" t="s">
        <v>943</v>
      </c>
      <c r="C28" s="11" t="s">
        <v>911</v>
      </c>
      <c r="D28" s="11" t="s">
        <v>302</v>
      </c>
      <c r="E28" s="11" t="s">
        <v>134</v>
      </c>
      <c r="F28" s="11" t="s">
        <v>135</v>
      </c>
      <c r="G28" s="11">
        <f>VLOOKUP(E28,'學生資料(不要打開)'!$A$2:$I$1769,4,FALSE)</f>
        <v>27</v>
      </c>
      <c r="H28" s="11" t="s">
        <v>935</v>
      </c>
      <c r="I28" s="52" t="s">
        <v>955</v>
      </c>
    </row>
    <row r="29" spans="1:9" x14ac:dyDescent="0.25">
      <c r="A29" s="4" t="s">
        <v>932</v>
      </c>
      <c r="B29" s="11" t="s">
        <v>943</v>
      </c>
      <c r="C29" s="11" t="s">
        <v>911</v>
      </c>
      <c r="D29" s="11" t="s">
        <v>302</v>
      </c>
      <c r="E29" s="11" t="s">
        <v>945</v>
      </c>
      <c r="F29" s="11" t="s">
        <v>135</v>
      </c>
      <c r="G29" s="11">
        <f>VLOOKUP(E29,'學生資料(不要打開)'!$A$2:$I$1769,4,FALSE)</f>
        <v>31</v>
      </c>
      <c r="H29" s="11" t="s">
        <v>935</v>
      </c>
      <c r="I29" s="52" t="s">
        <v>955</v>
      </c>
    </row>
    <row r="30" spans="1:9" x14ac:dyDescent="0.25">
      <c r="A30" s="4" t="s">
        <v>932</v>
      </c>
      <c r="B30" s="11" t="s">
        <v>943</v>
      </c>
      <c r="C30" s="11" t="s">
        <v>911</v>
      </c>
      <c r="D30" s="11" t="s">
        <v>302</v>
      </c>
      <c r="E30" s="11" t="s">
        <v>946</v>
      </c>
      <c r="F30" s="11" t="s">
        <v>135</v>
      </c>
      <c r="G30" s="11">
        <f>VLOOKUP(E30,'學生資料(不要打開)'!$A$2:$I$1769,4,FALSE)</f>
        <v>33</v>
      </c>
      <c r="H30" s="11" t="s">
        <v>935</v>
      </c>
      <c r="I30" s="52" t="s">
        <v>955</v>
      </c>
    </row>
    <row r="31" spans="1:9" x14ac:dyDescent="0.25">
      <c r="A31" s="4" t="s">
        <v>932</v>
      </c>
      <c r="B31" s="11" t="s">
        <v>943</v>
      </c>
      <c r="C31" s="11" t="s">
        <v>911</v>
      </c>
      <c r="D31" s="11" t="s">
        <v>956</v>
      </c>
      <c r="E31" s="11" t="s">
        <v>947</v>
      </c>
      <c r="F31" s="11" t="s">
        <v>135</v>
      </c>
      <c r="G31" s="11">
        <f>VLOOKUP(E31,'學生資料(不要打開)'!$A$2:$I$1769,4,FALSE)</f>
        <v>1</v>
      </c>
      <c r="H31" s="11" t="s">
        <v>935</v>
      </c>
      <c r="I31" s="52" t="s">
        <v>955</v>
      </c>
    </row>
    <row r="32" spans="1:9" x14ac:dyDescent="0.25">
      <c r="A32" s="4" t="s">
        <v>932</v>
      </c>
      <c r="B32" s="11" t="s">
        <v>943</v>
      </c>
      <c r="C32" s="11" t="s">
        <v>911</v>
      </c>
      <c r="D32" s="11" t="s">
        <v>956</v>
      </c>
      <c r="E32" s="11" t="s">
        <v>948</v>
      </c>
      <c r="F32" s="11" t="s">
        <v>135</v>
      </c>
      <c r="G32" s="11">
        <f>VLOOKUP(E32,'學生資料(不要打開)'!$A$2:$I$1769,4,FALSE)</f>
        <v>4</v>
      </c>
      <c r="H32" s="11" t="s">
        <v>935</v>
      </c>
      <c r="I32" s="52" t="s">
        <v>955</v>
      </c>
    </row>
    <row r="33" spans="1:9" x14ac:dyDescent="0.25">
      <c r="A33" s="4" t="s">
        <v>932</v>
      </c>
      <c r="B33" s="11" t="s">
        <v>943</v>
      </c>
      <c r="C33" s="11" t="s">
        <v>911</v>
      </c>
      <c r="D33" s="11" t="s">
        <v>956</v>
      </c>
      <c r="E33" s="11" t="s">
        <v>949</v>
      </c>
      <c r="F33" s="11" t="s">
        <v>135</v>
      </c>
      <c r="G33" s="11">
        <f>VLOOKUP(E33,'學生資料(不要打開)'!$A$2:$I$1769,4,FALSE)</f>
        <v>26</v>
      </c>
      <c r="H33" s="11" t="s">
        <v>935</v>
      </c>
      <c r="I33" s="52" t="s">
        <v>955</v>
      </c>
    </row>
    <row r="34" spans="1:9" x14ac:dyDescent="0.25">
      <c r="A34" s="4" t="s">
        <v>932</v>
      </c>
      <c r="B34" s="11" t="s">
        <v>943</v>
      </c>
      <c r="C34" s="11" t="s">
        <v>911</v>
      </c>
      <c r="D34" s="11" t="s">
        <v>956</v>
      </c>
      <c r="E34" s="11" t="s">
        <v>950</v>
      </c>
      <c r="F34" s="11" t="s">
        <v>135</v>
      </c>
      <c r="G34" s="11">
        <f>VLOOKUP(E34,'學生資料(不要打開)'!$A$2:$I$1769,4,FALSE)</f>
        <v>29</v>
      </c>
      <c r="H34" s="11" t="s">
        <v>935</v>
      </c>
      <c r="I34" s="52" t="s">
        <v>955</v>
      </c>
    </row>
    <row r="35" spans="1:9" x14ac:dyDescent="0.25">
      <c r="A35" s="4" t="s">
        <v>932</v>
      </c>
      <c r="B35" s="11" t="s">
        <v>943</v>
      </c>
      <c r="C35" s="11" t="s">
        <v>911</v>
      </c>
      <c r="D35" s="11" t="s">
        <v>957</v>
      </c>
      <c r="E35" s="11" t="s">
        <v>951</v>
      </c>
      <c r="F35" s="11" t="s">
        <v>145</v>
      </c>
      <c r="G35" s="11" t="str">
        <f>VLOOKUP(E35,'學生資料(不要打開)'!$A$2:$I$1769,4,FALSE)</f>
        <v xml:space="preserve">  9</v>
      </c>
      <c r="H35" s="11" t="s">
        <v>935</v>
      </c>
      <c r="I35" s="52" t="s">
        <v>955</v>
      </c>
    </row>
    <row r="36" spans="1:9" x14ac:dyDescent="0.25">
      <c r="A36" s="4" t="s">
        <v>932</v>
      </c>
      <c r="B36" s="11" t="s">
        <v>943</v>
      </c>
      <c r="C36" s="11" t="s">
        <v>911</v>
      </c>
      <c r="D36" s="11" t="s">
        <v>957</v>
      </c>
      <c r="E36" s="11" t="s">
        <v>952</v>
      </c>
      <c r="F36" s="11" t="s">
        <v>135</v>
      </c>
      <c r="G36" s="11">
        <f>VLOOKUP(E36,'學生資料(不要打開)'!$A$2:$I$1769,4,FALSE)</f>
        <v>2</v>
      </c>
      <c r="H36" s="11" t="s">
        <v>935</v>
      </c>
      <c r="I36" s="52" t="s">
        <v>955</v>
      </c>
    </row>
    <row r="37" spans="1:9" x14ac:dyDescent="0.25">
      <c r="A37" s="4" t="s">
        <v>932</v>
      </c>
      <c r="B37" s="11" t="s">
        <v>943</v>
      </c>
      <c r="C37" s="11" t="s">
        <v>911</v>
      </c>
      <c r="D37" s="11" t="s">
        <v>957</v>
      </c>
      <c r="E37" s="11" t="s">
        <v>953</v>
      </c>
      <c r="F37" s="11" t="s">
        <v>140</v>
      </c>
      <c r="G37" s="11">
        <f>VLOOKUP(E37,'學生資料(不要打開)'!$A$2:$I$1769,4,FALSE)</f>
        <v>24</v>
      </c>
      <c r="H37" s="11" t="s">
        <v>935</v>
      </c>
      <c r="I37" s="52" t="s">
        <v>955</v>
      </c>
    </row>
    <row r="38" spans="1:9" x14ac:dyDescent="0.25">
      <c r="A38" s="4" t="s">
        <v>932</v>
      </c>
      <c r="B38" s="11" t="s">
        <v>943</v>
      </c>
      <c r="C38" s="11" t="s">
        <v>911</v>
      </c>
      <c r="D38" s="11" t="s">
        <v>957</v>
      </c>
      <c r="E38" s="11" t="s">
        <v>599</v>
      </c>
      <c r="F38" s="11" t="s">
        <v>145</v>
      </c>
      <c r="G38" s="11">
        <f>VLOOKUP(E38,'學生資料(不要打開)'!$A$2:$I$1769,4,FALSE)</f>
        <v>4</v>
      </c>
      <c r="H38" s="11" t="s">
        <v>935</v>
      </c>
      <c r="I38" s="52" t="s">
        <v>955</v>
      </c>
    </row>
    <row r="39" spans="1:9" x14ac:dyDescent="0.25">
      <c r="A39" s="4" t="s">
        <v>932</v>
      </c>
      <c r="B39" s="11" t="s">
        <v>943</v>
      </c>
      <c r="C39" s="11" t="s">
        <v>911</v>
      </c>
      <c r="D39" s="11" t="s">
        <v>957</v>
      </c>
      <c r="E39" s="11" t="s">
        <v>954</v>
      </c>
      <c r="F39" s="11" t="s">
        <v>145</v>
      </c>
      <c r="G39" s="11">
        <f>VLOOKUP(E39,'學生資料(不要打開)'!$A$2:$I$1769,4,FALSE)</f>
        <v>23</v>
      </c>
      <c r="H39" s="11" t="s">
        <v>935</v>
      </c>
      <c r="I39" s="52" t="s">
        <v>955</v>
      </c>
    </row>
    <row r="40" spans="1:9" x14ac:dyDescent="0.25">
      <c r="A40" s="4" t="s">
        <v>932</v>
      </c>
      <c r="B40" s="11" t="s">
        <v>943</v>
      </c>
      <c r="C40" s="11" t="s">
        <v>911</v>
      </c>
      <c r="D40" s="11" t="s">
        <v>957</v>
      </c>
      <c r="E40" s="11" t="s">
        <v>600</v>
      </c>
      <c r="F40" s="11" t="s">
        <v>145</v>
      </c>
      <c r="G40" s="11">
        <f>VLOOKUP(E40,'學生資料(不要打開)'!$A$2:$I$1769,4,FALSE)</f>
        <v>31</v>
      </c>
      <c r="H40" s="11" t="s">
        <v>935</v>
      </c>
      <c r="I40" s="11" t="s">
        <v>955</v>
      </c>
    </row>
    <row r="41" spans="1:9" ht="31.5" x14ac:dyDescent="0.25">
      <c r="A41" s="5" t="s">
        <v>1064</v>
      </c>
      <c r="B41" s="5" t="s">
        <v>1065</v>
      </c>
      <c r="C41" s="5" t="s">
        <v>1066</v>
      </c>
      <c r="D41" s="5" t="s">
        <v>1067</v>
      </c>
      <c r="E41" s="5" t="s">
        <v>1068</v>
      </c>
      <c r="F41" s="5" t="s">
        <v>1069</v>
      </c>
      <c r="G41" s="11">
        <f>VLOOKUP(E41,'學生資料(不要打開)'!$A$2:$I$1769,4,FALSE)</f>
        <v>4</v>
      </c>
      <c r="H41" s="5" t="s">
        <v>1070</v>
      </c>
      <c r="I41" s="5" t="s">
        <v>1080</v>
      </c>
    </row>
    <row r="42" spans="1:9" ht="31.5" x14ac:dyDescent="0.25">
      <c r="A42" s="5" t="s">
        <v>1064</v>
      </c>
      <c r="B42" s="5" t="s">
        <v>1065</v>
      </c>
      <c r="C42" s="5" t="s">
        <v>1066</v>
      </c>
      <c r="D42" s="5" t="s">
        <v>1071</v>
      </c>
      <c r="E42" s="5" t="s">
        <v>1072</v>
      </c>
      <c r="F42" s="5" t="s">
        <v>1073</v>
      </c>
      <c r="G42" s="11">
        <f>VLOOKUP(E42,'學生資料(不要打開)'!$A$2:$I$1769,4,FALSE)</f>
        <v>27</v>
      </c>
      <c r="H42" s="5" t="s">
        <v>1070</v>
      </c>
      <c r="I42" s="5" t="s">
        <v>1080</v>
      </c>
    </row>
    <row r="43" spans="1:9" ht="31.5" x14ac:dyDescent="0.25">
      <c r="A43" s="5" t="s">
        <v>1064</v>
      </c>
      <c r="B43" s="5" t="s">
        <v>1065</v>
      </c>
      <c r="C43" s="5" t="s">
        <v>1066</v>
      </c>
      <c r="D43" s="5" t="s">
        <v>1071</v>
      </c>
      <c r="E43" s="5" t="s">
        <v>1074</v>
      </c>
      <c r="F43" s="5" t="s">
        <v>1075</v>
      </c>
      <c r="G43" s="11">
        <f>VLOOKUP(E43,'學生資料(不要打開)'!$A$2:$I$1769,4,FALSE)</f>
        <v>34</v>
      </c>
      <c r="H43" s="5" t="s">
        <v>1070</v>
      </c>
      <c r="I43" s="5" t="s">
        <v>1080</v>
      </c>
    </row>
    <row r="44" spans="1:9" ht="31.5" x14ac:dyDescent="0.25">
      <c r="A44" s="5" t="s">
        <v>1064</v>
      </c>
      <c r="B44" s="5" t="s">
        <v>1065</v>
      </c>
      <c r="C44" s="5" t="s">
        <v>1066</v>
      </c>
      <c r="D44" s="5" t="s">
        <v>1071</v>
      </c>
      <c r="E44" s="5" t="s">
        <v>1076</v>
      </c>
      <c r="F44" s="5" t="s">
        <v>1077</v>
      </c>
      <c r="G44" s="11">
        <f>VLOOKUP(E44,'學生資料(不要打開)'!$A$2:$I$1769,4,FALSE)</f>
        <v>20</v>
      </c>
      <c r="H44" s="5" t="s">
        <v>1070</v>
      </c>
      <c r="I44" s="5" t="s">
        <v>1080</v>
      </c>
    </row>
    <row r="45" spans="1:9" ht="31.5" x14ac:dyDescent="0.25">
      <c r="A45" s="5" t="s">
        <v>1064</v>
      </c>
      <c r="B45" s="5" t="s">
        <v>1065</v>
      </c>
      <c r="C45" s="5" t="s">
        <v>1066</v>
      </c>
      <c r="D45" s="5" t="s">
        <v>1071</v>
      </c>
      <c r="E45" s="5" t="s">
        <v>1078</v>
      </c>
      <c r="F45" s="5" t="s">
        <v>1079</v>
      </c>
      <c r="G45" s="11">
        <f>VLOOKUP(E45,'學生資料(不要打開)'!$A$2:$I$1769,4,FALSE)</f>
        <v>13</v>
      </c>
      <c r="H45" s="5" t="s">
        <v>1070</v>
      </c>
      <c r="I45" s="5" t="s">
        <v>1080</v>
      </c>
    </row>
    <row r="46" spans="1:9" x14ac:dyDescent="0.25">
      <c r="A46" s="5" t="s">
        <v>1100</v>
      </c>
      <c r="B46" s="5" t="s">
        <v>1101</v>
      </c>
      <c r="C46" s="5" t="s">
        <v>1102</v>
      </c>
      <c r="D46" s="5" t="s">
        <v>1103</v>
      </c>
      <c r="E46" s="5" t="s">
        <v>1104</v>
      </c>
      <c r="F46" s="5" t="s">
        <v>1109</v>
      </c>
      <c r="G46" s="11">
        <f>VLOOKUP(E46,'學生資料(不要打開)'!$A$2:$I$1769,4,FALSE)</f>
        <v>34</v>
      </c>
      <c r="H46" s="5" t="s">
        <v>1105</v>
      </c>
      <c r="I46" s="5" t="s">
        <v>1106</v>
      </c>
    </row>
    <row r="47" spans="1:9" x14ac:dyDescent="0.25">
      <c r="A47" s="5" t="s">
        <v>1100</v>
      </c>
      <c r="B47" s="5" t="s">
        <v>1101</v>
      </c>
      <c r="C47" s="5" t="s">
        <v>1102</v>
      </c>
      <c r="D47" s="5" t="s">
        <v>1107</v>
      </c>
      <c r="E47" s="5" t="s">
        <v>1104</v>
      </c>
      <c r="F47" s="5" t="s">
        <v>1109</v>
      </c>
      <c r="G47" s="11">
        <f>VLOOKUP(E47,'學生資料(不要打開)'!$A$2:$I$1769,4,FALSE)</f>
        <v>34</v>
      </c>
      <c r="H47" s="5" t="s">
        <v>1105</v>
      </c>
      <c r="I47" s="5" t="s">
        <v>1106</v>
      </c>
    </row>
    <row r="48" spans="1:9" x14ac:dyDescent="0.25">
      <c r="A48" s="5" t="s">
        <v>1100</v>
      </c>
      <c r="B48" s="5" t="s">
        <v>1101</v>
      </c>
      <c r="C48" s="5" t="s">
        <v>1102</v>
      </c>
      <c r="D48" s="5" t="s">
        <v>1107</v>
      </c>
      <c r="E48" s="5" t="s">
        <v>1108</v>
      </c>
      <c r="F48" s="5" t="s">
        <v>1109</v>
      </c>
      <c r="G48" s="11">
        <f>VLOOKUP(E48,'學生資料(不要打開)'!$A$2:$I$1769,4,FALSE)</f>
        <v>32</v>
      </c>
      <c r="H48" s="5" t="s">
        <v>1105</v>
      </c>
      <c r="I48" s="5" t="s">
        <v>1106</v>
      </c>
    </row>
    <row r="49" spans="1:9" x14ac:dyDescent="0.25">
      <c r="A49" s="5" t="s">
        <v>1100</v>
      </c>
      <c r="B49" s="5" t="s">
        <v>1101</v>
      </c>
      <c r="C49" s="5" t="s">
        <v>1102</v>
      </c>
      <c r="D49" s="5" t="s">
        <v>1107</v>
      </c>
      <c r="E49" s="5" t="s">
        <v>1110</v>
      </c>
      <c r="F49" s="5" t="s">
        <v>1111</v>
      </c>
      <c r="G49" s="11">
        <f>VLOOKUP(E49,'學生資料(不要打開)'!$A$2:$I$1769,4,FALSE)</f>
        <v>28</v>
      </c>
      <c r="H49" s="5" t="s">
        <v>1105</v>
      </c>
      <c r="I49" s="5" t="s">
        <v>1106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5"/>
  <dimension ref="A1:I51"/>
  <sheetViews>
    <sheetView topLeftCell="A37" zoomScaleNormal="100" workbookViewId="0">
      <selection activeCell="H37" sqref="H37"/>
    </sheetView>
  </sheetViews>
  <sheetFormatPr defaultRowHeight="15.75" x14ac:dyDescent="0.25"/>
  <cols>
    <col min="1" max="1" width="9" style="10"/>
    <col min="2" max="2" width="41.875" style="9" bestFit="1" customWidth="1"/>
    <col min="3" max="3" width="14" style="9" customWidth="1"/>
    <col min="4" max="4" width="18.875" style="9" bestFit="1" customWidth="1"/>
    <col min="5" max="7" width="9" style="9"/>
    <col min="8" max="8" width="13.625" style="7" customWidth="1"/>
    <col min="9" max="9" width="53.875" style="7" bestFit="1" customWidth="1"/>
    <col min="10" max="16384" width="9" style="9"/>
  </cols>
  <sheetData>
    <row r="1" spans="1:9" x14ac:dyDescent="0.25">
      <c r="A1" s="7"/>
      <c r="B1" s="67" t="s">
        <v>17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36" t="s">
        <v>719</v>
      </c>
      <c r="B3" s="36" t="s">
        <v>720</v>
      </c>
      <c r="C3" s="21" t="s">
        <v>29</v>
      </c>
      <c r="D3" s="36" t="s">
        <v>721</v>
      </c>
      <c r="E3" s="21" t="s">
        <v>722</v>
      </c>
      <c r="F3" s="21" t="s">
        <v>729</v>
      </c>
      <c r="G3" s="11">
        <f>VLOOKUP(E3,'學生資料(不要打開)'!$A$2:$I$1769,4,FALSE)</f>
        <v>15</v>
      </c>
      <c r="H3" s="37" t="s">
        <v>734</v>
      </c>
      <c r="I3" s="4" t="s">
        <v>735</v>
      </c>
    </row>
    <row r="4" spans="1:9" x14ac:dyDescent="0.25">
      <c r="A4" s="36" t="s">
        <v>719</v>
      </c>
      <c r="B4" s="36" t="s">
        <v>720</v>
      </c>
      <c r="C4" s="21" t="s">
        <v>29</v>
      </c>
      <c r="D4" s="36" t="s">
        <v>721</v>
      </c>
      <c r="E4" s="21" t="s">
        <v>723</v>
      </c>
      <c r="F4" s="21" t="s">
        <v>730</v>
      </c>
      <c r="G4" s="11">
        <f>VLOOKUP(E4,'學生資料(不要打開)'!$A$2:$I$1769,4,FALSE)</f>
        <v>19</v>
      </c>
      <c r="H4" s="37" t="s">
        <v>734</v>
      </c>
      <c r="I4" s="4" t="s">
        <v>735</v>
      </c>
    </row>
    <row r="5" spans="1:9" x14ac:dyDescent="0.25">
      <c r="A5" s="36" t="s">
        <v>719</v>
      </c>
      <c r="B5" s="36" t="s">
        <v>720</v>
      </c>
      <c r="C5" s="21" t="s">
        <v>29</v>
      </c>
      <c r="D5" s="36" t="s">
        <v>721</v>
      </c>
      <c r="E5" s="21" t="s">
        <v>724</v>
      </c>
      <c r="F5" s="21" t="s">
        <v>731</v>
      </c>
      <c r="G5" s="11">
        <f>VLOOKUP(E5,'學生資料(不要打開)'!$A$2:$I$1769,4,FALSE)</f>
        <v>24</v>
      </c>
      <c r="H5" s="37" t="s">
        <v>734</v>
      </c>
      <c r="I5" s="4" t="s">
        <v>735</v>
      </c>
    </row>
    <row r="6" spans="1:9" x14ac:dyDescent="0.25">
      <c r="A6" s="36" t="s">
        <v>719</v>
      </c>
      <c r="B6" s="21" t="s">
        <v>720</v>
      </c>
      <c r="C6" s="21" t="s">
        <v>29</v>
      </c>
      <c r="D6" s="21" t="s">
        <v>721</v>
      </c>
      <c r="E6" s="21" t="s">
        <v>725</v>
      </c>
      <c r="F6" s="21" t="s">
        <v>732</v>
      </c>
      <c r="G6" s="11">
        <f>VLOOKUP(E6,'學生資料(不要打開)'!$A$2:$I$1769,4,FALSE)</f>
        <v>11</v>
      </c>
      <c r="H6" s="4" t="s">
        <v>734</v>
      </c>
      <c r="I6" s="4" t="s">
        <v>735</v>
      </c>
    </row>
    <row r="7" spans="1:9" x14ac:dyDescent="0.25">
      <c r="A7" s="36" t="s">
        <v>719</v>
      </c>
      <c r="B7" s="21" t="s">
        <v>720</v>
      </c>
      <c r="C7" s="21" t="s">
        <v>29</v>
      </c>
      <c r="D7" s="21" t="s">
        <v>721</v>
      </c>
      <c r="E7" s="21" t="s">
        <v>726</v>
      </c>
      <c r="F7" s="21" t="s">
        <v>732</v>
      </c>
      <c r="G7" s="11">
        <f>VLOOKUP(E7,'學生資料(不要打開)'!$A$2:$I$1769,4,FALSE)</f>
        <v>26</v>
      </c>
      <c r="H7" s="4" t="s">
        <v>734</v>
      </c>
      <c r="I7" s="4" t="s">
        <v>735</v>
      </c>
    </row>
    <row r="8" spans="1:9" x14ac:dyDescent="0.25">
      <c r="A8" s="36" t="s">
        <v>719</v>
      </c>
      <c r="B8" s="21" t="s">
        <v>720</v>
      </c>
      <c r="C8" s="21" t="s">
        <v>29</v>
      </c>
      <c r="D8" s="21" t="s">
        <v>721</v>
      </c>
      <c r="E8" s="33" t="s">
        <v>518</v>
      </c>
      <c r="F8" s="21" t="s">
        <v>733</v>
      </c>
      <c r="G8" s="11">
        <f>VLOOKUP(E8,'學生資料(不要打開)'!$A$2:$I$1769,4,FALSE)</f>
        <v>7</v>
      </c>
      <c r="H8" s="4" t="s">
        <v>734</v>
      </c>
      <c r="I8" s="4" t="s">
        <v>735</v>
      </c>
    </row>
    <row r="9" spans="1:9" x14ac:dyDescent="0.25">
      <c r="A9" s="36" t="s">
        <v>719</v>
      </c>
      <c r="B9" s="21" t="s">
        <v>720</v>
      </c>
      <c r="C9" s="21" t="s">
        <v>29</v>
      </c>
      <c r="D9" s="21" t="s">
        <v>721</v>
      </c>
      <c r="E9" s="21" t="s">
        <v>727</v>
      </c>
      <c r="F9" s="21" t="s">
        <v>733</v>
      </c>
      <c r="G9" s="11">
        <f>VLOOKUP(E9,'學生資料(不要打開)'!$A$2:$I$1769,4,FALSE)</f>
        <v>22</v>
      </c>
      <c r="H9" s="4" t="s">
        <v>734</v>
      </c>
      <c r="I9" s="4" t="s">
        <v>735</v>
      </c>
    </row>
    <row r="10" spans="1:9" x14ac:dyDescent="0.25">
      <c r="A10" s="36" t="s">
        <v>719</v>
      </c>
      <c r="B10" s="21" t="s">
        <v>720</v>
      </c>
      <c r="C10" s="21" t="s">
        <v>29</v>
      </c>
      <c r="D10" s="21" t="s">
        <v>721</v>
      </c>
      <c r="E10" s="21" t="s">
        <v>728</v>
      </c>
      <c r="F10" s="21" t="s">
        <v>733</v>
      </c>
      <c r="G10" s="11">
        <f>VLOOKUP(E10,'學生資料(不要打開)'!$A$2:$I$1769,4,FALSE)</f>
        <v>24</v>
      </c>
      <c r="H10" s="4" t="s">
        <v>734</v>
      </c>
      <c r="I10" s="4" t="s">
        <v>735</v>
      </c>
    </row>
    <row r="11" spans="1:9" x14ac:dyDescent="0.25">
      <c r="A11" s="36" t="s">
        <v>109</v>
      </c>
      <c r="B11" s="21" t="s">
        <v>803</v>
      </c>
      <c r="C11" s="21" t="s">
        <v>810</v>
      </c>
      <c r="D11" s="21" t="s">
        <v>805</v>
      </c>
      <c r="E11" s="21" t="s">
        <v>811</v>
      </c>
      <c r="F11" s="21" t="s">
        <v>812</v>
      </c>
      <c r="G11" s="11">
        <f>VLOOKUP(E11,'學生資料(不要打開)'!$A$2:$I$1769,4,FALSE)</f>
        <v>1</v>
      </c>
      <c r="H11" s="4" t="s">
        <v>808</v>
      </c>
      <c r="I11" s="4" t="s">
        <v>809</v>
      </c>
    </row>
    <row r="12" spans="1:9" x14ac:dyDescent="0.25">
      <c r="A12" s="36" t="s">
        <v>109</v>
      </c>
      <c r="B12" s="21" t="s">
        <v>803</v>
      </c>
      <c r="C12" s="21" t="s">
        <v>804</v>
      </c>
      <c r="D12" s="21" t="s">
        <v>805</v>
      </c>
      <c r="E12" s="21" t="s">
        <v>806</v>
      </c>
      <c r="F12" s="21" t="s">
        <v>807</v>
      </c>
      <c r="G12" s="11">
        <f>VLOOKUP(E12,'學生資料(不要打開)'!$A$2:$I$1769,4,FALSE)</f>
        <v>1</v>
      </c>
      <c r="H12" s="38" t="s">
        <v>808</v>
      </c>
      <c r="I12" s="4" t="s">
        <v>809</v>
      </c>
    </row>
    <row r="13" spans="1:9" x14ac:dyDescent="0.25">
      <c r="A13" s="36" t="s">
        <v>109</v>
      </c>
      <c r="B13" s="21" t="s">
        <v>119</v>
      </c>
      <c r="C13" s="21" t="s">
        <v>29</v>
      </c>
      <c r="D13" s="21" t="s">
        <v>121</v>
      </c>
      <c r="E13" s="21" t="s">
        <v>115</v>
      </c>
      <c r="F13" s="21" t="s">
        <v>106</v>
      </c>
      <c r="G13" s="11">
        <f>VLOOKUP(E13,'學生資料(不要打開)'!$A$2:$I$1769,4,FALSE)</f>
        <v>11</v>
      </c>
      <c r="H13" s="34" t="s">
        <v>126</v>
      </c>
      <c r="I13" s="21" t="s">
        <v>1259</v>
      </c>
    </row>
    <row r="14" spans="1:9" x14ac:dyDescent="0.25">
      <c r="A14" s="36" t="s">
        <v>109</v>
      </c>
      <c r="B14" s="21" t="s">
        <v>119</v>
      </c>
      <c r="C14" s="21" t="s">
        <v>29</v>
      </c>
      <c r="D14" s="21" t="s">
        <v>121</v>
      </c>
      <c r="E14" s="21" t="s">
        <v>125</v>
      </c>
      <c r="F14" s="21" t="s">
        <v>104</v>
      </c>
      <c r="G14" s="11">
        <f>VLOOKUP(E14,'學生資料(不要打開)'!$A$2:$I$1769,4,FALSE)</f>
        <v>20</v>
      </c>
      <c r="H14" s="34" t="s">
        <v>126</v>
      </c>
      <c r="I14" s="21" t="s">
        <v>127</v>
      </c>
    </row>
    <row r="15" spans="1:9" x14ac:dyDescent="0.25">
      <c r="A15" s="36" t="s">
        <v>109</v>
      </c>
      <c r="B15" s="21" t="s">
        <v>119</v>
      </c>
      <c r="C15" s="21" t="s">
        <v>29</v>
      </c>
      <c r="D15" s="21" t="s">
        <v>121</v>
      </c>
      <c r="E15" s="21" t="s">
        <v>100</v>
      </c>
      <c r="F15" s="21" t="s">
        <v>104</v>
      </c>
      <c r="G15" s="11">
        <f>VLOOKUP(E15,'學生資料(不要打開)'!$A$2:$I$1769,4,FALSE)</f>
        <v>10</v>
      </c>
      <c r="H15" s="21" t="s">
        <v>126</v>
      </c>
      <c r="I15" s="21" t="s">
        <v>127</v>
      </c>
    </row>
    <row r="16" spans="1:9" x14ac:dyDescent="0.25">
      <c r="A16" s="36" t="s">
        <v>109</v>
      </c>
      <c r="B16" s="21" t="s">
        <v>119</v>
      </c>
      <c r="C16" s="21" t="s">
        <v>29</v>
      </c>
      <c r="D16" s="21" t="s">
        <v>120</v>
      </c>
      <c r="E16" s="21" t="s">
        <v>122</v>
      </c>
      <c r="F16" s="21" t="s">
        <v>104</v>
      </c>
      <c r="G16" s="11">
        <f>VLOOKUP(E16,'學生資料(不要打開)'!$A$2:$I$1769,4,FALSE)</f>
        <v>2</v>
      </c>
      <c r="H16" s="21" t="s">
        <v>126</v>
      </c>
      <c r="I16" s="21" t="s">
        <v>127</v>
      </c>
    </row>
    <row r="17" spans="1:9" x14ac:dyDescent="0.25">
      <c r="A17" s="36" t="s">
        <v>109</v>
      </c>
      <c r="B17" s="21" t="s">
        <v>119</v>
      </c>
      <c r="C17" s="21" t="s">
        <v>29</v>
      </c>
      <c r="D17" s="21" t="s">
        <v>120</v>
      </c>
      <c r="E17" s="21" t="s">
        <v>123</v>
      </c>
      <c r="F17" s="21" t="s">
        <v>104</v>
      </c>
      <c r="G17" s="11">
        <f>VLOOKUP(E17,'學生資料(不要打開)'!$A$2:$I$1769,4,FALSE)</f>
        <v>14</v>
      </c>
      <c r="H17" s="21" t="s">
        <v>126</v>
      </c>
      <c r="I17" s="21" t="s">
        <v>127</v>
      </c>
    </row>
    <row r="18" spans="1:9" x14ac:dyDescent="0.25">
      <c r="A18" s="36" t="s">
        <v>109</v>
      </c>
      <c r="B18" s="21" t="s">
        <v>119</v>
      </c>
      <c r="C18" s="21" t="s">
        <v>29</v>
      </c>
      <c r="D18" s="21" t="s">
        <v>120</v>
      </c>
      <c r="E18" s="21" t="s">
        <v>124</v>
      </c>
      <c r="F18" s="21" t="s">
        <v>104</v>
      </c>
      <c r="G18" s="11">
        <f>VLOOKUP(E18,'學生資料(不要打開)'!$A$2:$I$1769,4,FALSE)</f>
        <v>17</v>
      </c>
      <c r="H18" s="21" t="s">
        <v>126</v>
      </c>
      <c r="I18" s="21" t="s">
        <v>127</v>
      </c>
    </row>
    <row r="19" spans="1:9" x14ac:dyDescent="0.25">
      <c r="A19" s="21" t="s">
        <v>109</v>
      </c>
      <c r="B19" s="21" t="s">
        <v>110</v>
      </c>
      <c r="C19" s="22" t="s">
        <v>113</v>
      </c>
      <c r="D19" s="21" t="s">
        <v>112</v>
      </c>
      <c r="E19" s="33" t="s">
        <v>114</v>
      </c>
      <c r="F19" s="21" t="s">
        <v>117</v>
      </c>
      <c r="G19" s="11">
        <f>VLOOKUP(E19,'學生資料(不要打開)'!$A$2:$I$1769,4,FALSE)</f>
        <v>17</v>
      </c>
      <c r="H19" s="34" t="s">
        <v>118</v>
      </c>
      <c r="I19" s="21" t="s">
        <v>111</v>
      </c>
    </row>
    <row r="20" spans="1:9" x14ac:dyDescent="0.25">
      <c r="A20" s="21" t="s">
        <v>109</v>
      </c>
      <c r="B20" s="21" t="s">
        <v>110</v>
      </c>
      <c r="C20" s="22" t="s">
        <v>113</v>
      </c>
      <c r="D20" s="21" t="s">
        <v>112</v>
      </c>
      <c r="E20" s="21" t="s">
        <v>115</v>
      </c>
      <c r="F20" s="21" t="s">
        <v>106</v>
      </c>
      <c r="G20" s="11">
        <f>VLOOKUP(E20,'學生資料(不要打開)'!$A$2:$I$1769,4,FALSE)</f>
        <v>11</v>
      </c>
      <c r="H20" s="34" t="s">
        <v>118</v>
      </c>
      <c r="I20" s="21" t="s">
        <v>111</v>
      </c>
    </row>
    <row r="21" spans="1:9" x14ac:dyDescent="0.25">
      <c r="A21" s="21" t="s">
        <v>109</v>
      </c>
      <c r="B21" s="21" t="s">
        <v>110</v>
      </c>
      <c r="C21" s="22" t="s">
        <v>29</v>
      </c>
      <c r="D21" s="21" t="s">
        <v>112</v>
      </c>
      <c r="E21" s="21" t="s">
        <v>116</v>
      </c>
      <c r="F21" s="21" t="s">
        <v>106</v>
      </c>
      <c r="G21" s="11">
        <f>VLOOKUP(E21,'學生資料(不要打開)'!$A$2:$I$1769,4,FALSE)</f>
        <v>27</v>
      </c>
      <c r="H21" s="34" t="s">
        <v>118</v>
      </c>
      <c r="I21" s="21" t="s">
        <v>111</v>
      </c>
    </row>
    <row r="22" spans="1:9" x14ac:dyDescent="0.25">
      <c r="A22" s="21" t="s">
        <v>109</v>
      </c>
      <c r="B22" s="21" t="s">
        <v>479</v>
      </c>
      <c r="C22" s="21" t="s">
        <v>485</v>
      </c>
      <c r="D22" s="21" t="s">
        <v>144</v>
      </c>
      <c r="E22" s="21" t="s">
        <v>98</v>
      </c>
      <c r="F22" s="21" t="s">
        <v>103</v>
      </c>
      <c r="G22" s="11">
        <f>VLOOKUP(E22,'學生資料(不要打開)'!$A$2:$I$1769,4,FALSE)</f>
        <v>6</v>
      </c>
      <c r="H22" s="34" t="s">
        <v>118</v>
      </c>
      <c r="I22" s="21" t="s">
        <v>483</v>
      </c>
    </row>
    <row r="23" spans="1:9" x14ac:dyDescent="0.25">
      <c r="A23" s="21" t="s">
        <v>166</v>
      </c>
      <c r="B23" s="21" t="s">
        <v>478</v>
      </c>
      <c r="C23" s="21" t="s">
        <v>484</v>
      </c>
      <c r="D23" s="21" t="s">
        <v>481</v>
      </c>
      <c r="E23" s="39" t="s">
        <v>475</v>
      </c>
      <c r="F23" s="39" t="s">
        <v>477</v>
      </c>
      <c r="G23" s="11">
        <f>VLOOKUP(E23,'學生資料(不要打開)'!$A$2:$I$1769,4,FALSE)</f>
        <v>35</v>
      </c>
      <c r="H23" s="34" t="s">
        <v>118</v>
      </c>
      <c r="I23" s="21" t="s">
        <v>482</v>
      </c>
    </row>
    <row r="24" spans="1:9" x14ac:dyDescent="0.25">
      <c r="A24" s="21" t="s">
        <v>166</v>
      </c>
      <c r="B24" s="21" t="s">
        <v>478</v>
      </c>
      <c r="C24" s="21" t="s">
        <v>484</v>
      </c>
      <c r="D24" s="21" t="s">
        <v>480</v>
      </c>
      <c r="E24" s="21" t="s">
        <v>473</v>
      </c>
      <c r="F24" s="21" t="s">
        <v>476</v>
      </c>
      <c r="G24" s="11">
        <f>VLOOKUP(E24,'學生資料(不要打開)'!$A$2:$I$1769,4,FALSE)</f>
        <v>20</v>
      </c>
      <c r="H24" s="34" t="s">
        <v>118</v>
      </c>
      <c r="I24" s="21" t="s">
        <v>482</v>
      </c>
    </row>
    <row r="25" spans="1:9" x14ac:dyDescent="0.25">
      <c r="A25" s="21" t="s">
        <v>166</v>
      </c>
      <c r="B25" s="21" t="s">
        <v>478</v>
      </c>
      <c r="C25" s="21" t="s">
        <v>484</v>
      </c>
      <c r="D25" s="21" t="s">
        <v>480</v>
      </c>
      <c r="E25" s="21" t="s">
        <v>474</v>
      </c>
      <c r="F25" s="21" t="s">
        <v>477</v>
      </c>
      <c r="G25" s="11">
        <f>VLOOKUP(E25,'學生資料(不要打開)'!$A$2:$I$1769,4,FALSE)</f>
        <v>10</v>
      </c>
      <c r="H25" s="34" t="s">
        <v>118</v>
      </c>
      <c r="I25" s="21" t="s">
        <v>482</v>
      </c>
    </row>
    <row r="26" spans="1:9" x14ac:dyDescent="0.25">
      <c r="A26" s="4" t="s">
        <v>1001</v>
      </c>
      <c r="B26" s="4" t="s">
        <v>1002</v>
      </c>
      <c r="C26" s="4" t="s">
        <v>1003</v>
      </c>
      <c r="D26" s="4" t="s">
        <v>1004</v>
      </c>
      <c r="E26" s="4" t="s">
        <v>1010</v>
      </c>
      <c r="F26" s="4" t="s">
        <v>1011</v>
      </c>
      <c r="G26" s="11">
        <f>VLOOKUP(E26,'學生資料(不要打開)'!$A$2:$I$1769,4,FALSE)</f>
        <v>20</v>
      </c>
      <c r="H26" s="38" t="s">
        <v>1007</v>
      </c>
      <c r="I26" s="4" t="s">
        <v>1008</v>
      </c>
    </row>
    <row r="27" spans="1:9" x14ac:dyDescent="0.25">
      <c r="A27" s="40" t="s">
        <v>1001</v>
      </c>
      <c r="B27" s="4" t="s">
        <v>1002</v>
      </c>
      <c r="C27" s="4" t="s">
        <v>1003</v>
      </c>
      <c r="D27" s="4" t="s">
        <v>1004</v>
      </c>
      <c r="E27" s="4" t="s">
        <v>1005</v>
      </c>
      <c r="F27" s="4" t="s">
        <v>1006</v>
      </c>
      <c r="G27" s="11">
        <f>VLOOKUP(E27,'學生資料(不要打開)'!$A$2:$I$1769,4,FALSE)</f>
        <v>8</v>
      </c>
      <c r="H27" s="38" t="s">
        <v>1007</v>
      </c>
      <c r="I27" s="4" t="s">
        <v>1008</v>
      </c>
    </row>
    <row r="28" spans="1:9" x14ac:dyDescent="0.25">
      <c r="A28" s="40" t="s">
        <v>1001</v>
      </c>
      <c r="B28" s="4" t="s">
        <v>1002</v>
      </c>
      <c r="C28" s="4" t="s">
        <v>1003</v>
      </c>
      <c r="D28" s="4" t="s">
        <v>1004</v>
      </c>
      <c r="E28" s="4" t="s">
        <v>1009</v>
      </c>
      <c r="F28" s="4" t="s">
        <v>1006</v>
      </c>
      <c r="G28" s="11">
        <f>VLOOKUP(E28,'學生資料(不要打開)'!$A$2:$I$1769,4,FALSE)</f>
        <v>24</v>
      </c>
      <c r="H28" s="38" t="s">
        <v>1007</v>
      </c>
      <c r="I28" s="4" t="s">
        <v>1008</v>
      </c>
    </row>
    <row r="29" spans="1:9" x14ac:dyDescent="0.25">
      <c r="A29" s="21" t="s">
        <v>55</v>
      </c>
      <c r="B29" s="21" t="s">
        <v>1000</v>
      </c>
      <c r="C29" s="21" t="s">
        <v>999</v>
      </c>
      <c r="D29" s="21" t="s">
        <v>128</v>
      </c>
      <c r="E29" s="21" t="s">
        <v>122</v>
      </c>
      <c r="F29" s="21" t="s">
        <v>104</v>
      </c>
      <c r="G29" s="11">
        <f>VLOOKUP(E29,'學生資料(不要打開)'!$A$2:$I$1769,4,FALSE)</f>
        <v>2</v>
      </c>
      <c r="H29" s="4" t="s">
        <v>126</v>
      </c>
      <c r="I29" s="4" t="s">
        <v>129</v>
      </c>
    </row>
    <row r="30" spans="1:9" x14ac:dyDescent="0.25">
      <c r="A30" s="21" t="s">
        <v>55</v>
      </c>
      <c r="B30" s="21" t="s">
        <v>1000</v>
      </c>
      <c r="C30" s="21" t="s">
        <v>999</v>
      </c>
      <c r="D30" s="21" t="s">
        <v>128</v>
      </c>
      <c r="E30" s="21" t="s">
        <v>124</v>
      </c>
      <c r="F30" s="21" t="s">
        <v>104</v>
      </c>
      <c r="G30" s="11">
        <f>VLOOKUP(E30,'學生資料(不要打開)'!$A$2:$I$1769,4,FALSE)</f>
        <v>17</v>
      </c>
      <c r="H30" s="4" t="s">
        <v>126</v>
      </c>
      <c r="I30" s="4" t="s">
        <v>129</v>
      </c>
    </row>
    <row r="31" spans="1:9" x14ac:dyDescent="0.25">
      <c r="A31" s="21" t="s">
        <v>55</v>
      </c>
      <c r="B31" s="21" t="s">
        <v>1000</v>
      </c>
      <c r="C31" s="21" t="s">
        <v>999</v>
      </c>
      <c r="D31" s="21" t="s">
        <v>128</v>
      </c>
      <c r="E31" s="21" t="s">
        <v>125</v>
      </c>
      <c r="F31" s="21" t="s">
        <v>104</v>
      </c>
      <c r="G31" s="11">
        <f>VLOOKUP(E31,'學生資料(不要打開)'!$A$2:$I$1769,4,FALSE)</f>
        <v>20</v>
      </c>
      <c r="H31" s="4" t="s">
        <v>126</v>
      </c>
      <c r="I31" s="4" t="s">
        <v>129</v>
      </c>
    </row>
    <row r="32" spans="1:9" x14ac:dyDescent="0.25">
      <c r="A32" s="21" t="s">
        <v>513</v>
      </c>
      <c r="B32" s="21" t="s">
        <v>1171</v>
      </c>
      <c r="C32" s="21" t="s">
        <v>485</v>
      </c>
      <c r="D32" s="21" t="s">
        <v>869</v>
      </c>
      <c r="E32" s="21" t="s">
        <v>1172</v>
      </c>
      <c r="F32" s="33" t="s">
        <v>145</v>
      </c>
      <c r="G32" s="11">
        <f>VLOOKUP(E32,'學生資料(不要打開)'!$A$2:$I$1769,4,FALSE)</f>
        <v>15</v>
      </c>
      <c r="H32" s="21" t="s">
        <v>118</v>
      </c>
      <c r="I32" s="21" t="s">
        <v>1178</v>
      </c>
    </row>
    <row r="33" spans="1:9" x14ac:dyDescent="0.25">
      <c r="A33" s="21" t="s">
        <v>513</v>
      </c>
      <c r="B33" s="21" t="s">
        <v>1171</v>
      </c>
      <c r="C33" s="21" t="s">
        <v>485</v>
      </c>
      <c r="D33" s="21" t="s">
        <v>869</v>
      </c>
      <c r="E33" s="21" t="s">
        <v>1173</v>
      </c>
      <c r="F33" s="21" t="s">
        <v>282</v>
      </c>
      <c r="G33" s="11">
        <f>VLOOKUP(E33,'學生資料(不要打開)'!$A$2:$I$1769,4,FALSE)</f>
        <v>24</v>
      </c>
      <c r="H33" s="21" t="s">
        <v>118</v>
      </c>
      <c r="I33" s="21" t="s">
        <v>1178</v>
      </c>
    </row>
    <row r="34" spans="1:9" x14ac:dyDescent="0.25">
      <c r="A34" s="21" t="s">
        <v>513</v>
      </c>
      <c r="B34" s="21" t="s">
        <v>1171</v>
      </c>
      <c r="C34" s="21" t="s">
        <v>485</v>
      </c>
      <c r="D34" s="21" t="s">
        <v>161</v>
      </c>
      <c r="E34" s="21" t="s">
        <v>1174</v>
      </c>
      <c r="F34" s="33" t="s">
        <v>145</v>
      </c>
      <c r="G34" s="11">
        <f>VLOOKUP(E34,'學生資料(不要打開)'!$A$2:$I$1769,4,FALSE)</f>
        <v>9</v>
      </c>
      <c r="H34" s="21" t="s">
        <v>118</v>
      </c>
      <c r="I34" s="21" t="s">
        <v>1178</v>
      </c>
    </row>
    <row r="35" spans="1:9" x14ac:dyDescent="0.25">
      <c r="A35" s="21" t="s">
        <v>513</v>
      </c>
      <c r="B35" s="21" t="s">
        <v>1171</v>
      </c>
      <c r="C35" s="21" t="s">
        <v>485</v>
      </c>
      <c r="D35" s="21" t="s">
        <v>161</v>
      </c>
      <c r="E35" s="21" t="s">
        <v>1175</v>
      </c>
      <c r="F35" s="21" t="s">
        <v>1177</v>
      </c>
      <c r="G35" s="11">
        <f>VLOOKUP(E35,'學生資料(不要打開)'!$A$2:$I$1769,4,FALSE)</f>
        <v>4</v>
      </c>
      <c r="H35" s="21" t="s">
        <v>118</v>
      </c>
      <c r="I35" s="21" t="s">
        <v>1178</v>
      </c>
    </row>
    <row r="36" spans="1:9" x14ac:dyDescent="0.25">
      <c r="A36" s="21" t="s">
        <v>513</v>
      </c>
      <c r="B36" s="21" t="s">
        <v>1171</v>
      </c>
      <c r="C36" s="21" t="s">
        <v>485</v>
      </c>
      <c r="D36" s="21" t="s">
        <v>161</v>
      </c>
      <c r="E36" s="21" t="s">
        <v>602</v>
      </c>
      <c r="F36" s="33" t="s">
        <v>140</v>
      </c>
      <c r="G36" s="11">
        <f>VLOOKUP(E36,'學生資料(不要打開)'!$A$2:$I$1769,4,FALSE)</f>
        <v>19</v>
      </c>
      <c r="H36" s="21" t="s">
        <v>118</v>
      </c>
      <c r="I36" s="21" t="s">
        <v>1178</v>
      </c>
    </row>
    <row r="37" spans="1:9" x14ac:dyDescent="0.25">
      <c r="A37" s="21" t="s">
        <v>513</v>
      </c>
      <c r="B37" s="21" t="s">
        <v>1171</v>
      </c>
      <c r="C37" s="21" t="s">
        <v>485</v>
      </c>
      <c r="D37" s="21" t="s">
        <v>358</v>
      </c>
      <c r="E37" s="21" t="s">
        <v>475</v>
      </c>
      <c r="F37" s="21" t="s">
        <v>477</v>
      </c>
      <c r="G37" s="11">
        <f>VLOOKUP(E37,'學生資料(不要打開)'!$A$2:$I$1769,4,FALSE)</f>
        <v>35</v>
      </c>
      <c r="H37" s="21" t="s">
        <v>118</v>
      </c>
      <c r="I37" s="21" t="s">
        <v>1178</v>
      </c>
    </row>
    <row r="38" spans="1:9" x14ac:dyDescent="0.25">
      <c r="A38" s="21" t="s">
        <v>513</v>
      </c>
      <c r="B38" s="21" t="s">
        <v>1171</v>
      </c>
      <c r="C38" s="21" t="s">
        <v>485</v>
      </c>
      <c r="D38" s="21" t="s">
        <v>1179</v>
      </c>
      <c r="E38" s="21" t="s">
        <v>1176</v>
      </c>
      <c r="F38" s="21" t="s">
        <v>78</v>
      </c>
      <c r="G38" s="11">
        <f>VLOOKUP(E38,'學生資料(不要打開)'!$A$2:$I$1769,4,FALSE)</f>
        <v>1</v>
      </c>
      <c r="H38" s="21" t="s">
        <v>118</v>
      </c>
      <c r="I38" s="21" t="s">
        <v>1178</v>
      </c>
    </row>
    <row r="39" spans="1:9" x14ac:dyDescent="0.25">
      <c r="A39" s="21" t="s">
        <v>109</v>
      </c>
      <c r="B39" s="21" t="s">
        <v>1180</v>
      </c>
      <c r="C39" s="21" t="s">
        <v>485</v>
      </c>
      <c r="D39" s="21" t="s">
        <v>857</v>
      </c>
      <c r="E39" s="21" t="s">
        <v>1176</v>
      </c>
      <c r="F39" s="21" t="s">
        <v>78</v>
      </c>
      <c r="G39" s="11">
        <f>VLOOKUP(E39,'學生資料(不要打開)'!$A$2:$I$1769,4,FALSE)</f>
        <v>1</v>
      </c>
      <c r="H39" s="21" t="s">
        <v>1183</v>
      </c>
      <c r="I39" s="21" t="s">
        <v>1181</v>
      </c>
    </row>
    <row r="40" spans="1:9" x14ac:dyDescent="0.25">
      <c r="A40" s="21" t="s">
        <v>109</v>
      </c>
      <c r="B40" s="21" t="s">
        <v>1180</v>
      </c>
      <c r="C40" s="21" t="s">
        <v>485</v>
      </c>
      <c r="D40" s="21" t="s">
        <v>857</v>
      </c>
      <c r="E40" s="21" t="s">
        <v>1182</v>
      </c>
      <c r="F40" s="33" t="s">
        <v>145</v>
      </c>
      <c r="G40" s="11">
        <f>VLOOKUP(E40,'學生資料(不要打開)'!$A$2:$I$1769,4,FALSE)</f>
        <v>1</v>
      </c>
      <c r="H40" s="21" t="s">
        <v>1183</v>
      </c>
      <c r="I40" s="21" t="s">
        <v>1181</v>
      </c>
    </row>
    <row r="41" spans="1:9" x14ac:dyDescent="0.25">
      <c r="A41" s="21" t="s">
        <v>109</v>
      </c>
      <c r="B41" s="21" t="s">
        <v>1194</v>
      </c>
      <c r="C41" s="21" t="s">
        <v>485</v>
      </c>
      <c r="D41" s="21" t="s">
        <v>931</v>
      </c>
      <c r="E41" s="21" t="s">
        <v>601</v>
      </c>
      <c r="F41" s="33" t="s">
        <v>135</v>
      </c>
      <c r="G41" s="11">
        <f>VLOOKUP(E41,'學生資料(不要打開)'!$A$2:$I$1769,4,FALSE)</f>
        <v>16</v>
      </c>
      <c r="H41" s="21" t="s">
        <v>126</v>
      </c>
      <c r="I41" s="21" t="s">
        <v>1195</v>
      </c>
    </row>
    <row r="42" spans="1:9" x14ac:dyDescent="0.25">
      <c r="A42" s="21" t="s">
        <v>109</v>
      </c>
      <c r="B42" s="21" t="s">
        <v>1194</v>
      </c>
      <c r="C42" s="21" t="s">
        <v>485</v>
      </c>
      <c r="D42" s="21" t="s">
        <v>1196</v>
      </c>
      <c r="E42" s="21" t="s">
        <v>1172</v>
      </c>
      <c r="F42" s="33" t="s">
        <v>145</v>
      </c>
      <c r="G42" s="11">
        <f>VLOOKUP(E42,'學生資料(不要打開)'!$A$2:$I$1769,4,FALSE)</f>
        <v>15</v>
      </c>
      <c r="H42" s="21" t="s">
        <v>126</v>
      </c>
      <c r="I42" s="21" t="s">
        <v>1195</v>
      </c>
    </row>
    <row r="43" spans="1:9" x14ac:dyDescent="0.25">
      <c r="A43" s="21" t="s">
        <v>109</v>
      </c>
      <c r="B43" s="21" t="s">
        <v>1194</v>
      </c>
      <c r="C43" s="21" t="s">
        <v>485</v>
      </c>
      <c r="D43" s="21" t="s">
        <v>931</v>
      </c>
      <c r="E43" s="21" t="s">
        <v>602</v>
      </c>
      <c r="F43" s="33" t="s">
        <v>140</v>
      </c>
      <c r="G43" s="11">
        <f>VLOOKUP(E43,'學生資料(不要打開)'!$A$2:$I$1769,4,FALSE)</f>
        <v>19</v>
      </c>
      <c r="H43" s="21" t="s">
        <v>126</v>
      </c>
      <c r="I43" s="21" t="s">
        <v>1195</v>
      </c>
    </row>
    <row r="44" spans="1:9" x14ac:dyDescent="0.25">
      <c r="A44" s="21" t="s">
        <v>109</v>
      </c>
      <c r="B44" s="21" t="s">
        <v>1197</v>
      </c>
      <c r="C44" s="21" t="s">
        <v>485</v>
      </c>
      <c r="D44" s="21" t="s">
        <v>155</v>
      </c>
      <c r="E44" s="21" t="s">
        <v>1172</v>
      </c>
      <c r="F44" s="21" t="s">
        <v>145</v>
      </c>
      <c r="G44" s="11">
        <f>VLOOKUP(E44,'學生資料(不要打開)'!$A$2:$I$1769,4,FALSE)</f>
        <v>15</v>
      </c>
      <c r="H44" s="21" t="s">
        <v>126</v>
      </c>
      <c r="I44" s="21" t="s">
        <v>1200</v>
      </c>
    </row>
    <row r="45" spans="1:9" x14ac:dyDescent="0.25">
      <c r="A45" s="21" t="s">
        <v>109</v>
      </c>
      <c r="B45" s="21" t="s">
        <v>1197</v>
      </c>
      <c r="C45" s="21" t="s">
        <v>485</v>
      </c>
      <c r="D45" s="21" t="s">
        <v>846</v>
      </c>
      <c r="E45" s="21" t="s">
        <v>602</v>
      </c>
      <c r="F45" s="21" t="s">
        <v>140</v>
      </c>
      <c r="G45" s="11">
        <f>VLOOKUP(E45,'學生資料(不要打開)'!$A$2:$I$1769,4,FALSE)</f>
        <v>19</v>
      </c>
      <c r="H45" s="21" t="s">
        <v>126</v>
      </c>
      <c r="I45" s="21" t="s">
        <v>1200</v>
      </c>
    </row>
    <row r="46" spans="1:9" x14ac:dyDescent="0.25">
      <c r="A46" s="21" t="s">
        <v>109</v>
      </c>
      <c r="B46" s="21" t="s">
        <v>1198</v>
      </c>
      <c r="C46" s="21" t="s">
        <v>485</v>
      </c>
      <c r="D46" s="21" t="s">
        <v>1202</v>
      </c>
      <c r="E46" s="21" t="s">
        <v>473</v>
      </c>
      <c r="F46" s="21" t="s">
        <v>476</v>
      </c>
      <c r="G46" s="11">
        <f>VLOOKUP(E46,'學生資料(不要打開)'!$A$2:$I$1769,4,FALSE)</f>
        <v>20</v>
      </c>
      <c r="H46" s="21" t="s">
        <v>126</v>
      </c>
      <c r="I46" s="21" t="s">
        <v>1201</v>
      </c>
    </row>
    <row r="47" spans="1:9" x14ac:dyDescent="0.25">
      <c r="A47" s="21" t="s">
        <v>109</v>
      </c>
      <c r="B47" s="21" t="s">
        <v>1198</v>
      </c>
      <c r="C47" s="21" t="s">
        <v>485</v>
      </c>
      <c r="D47" s="21" t="s">
        <v>1202</v>
      </c>
      <c r="E47" s="21" t="s">
        <v>1203</v>
      </c>
      <c r="F47" s="21" t="s">
        <v>157</v>
      </c>
      <c r="G47" s="11">
        <f>VLOOKUP(E47,'學生資料(不要打開)'!$A$2:$I$1769,4,FALSE)</f>
        <v>8</v>
      </c>
      <c r="H47" s="21" t="s">
        <v>126</v>
      </c>
      <c r="I47" s="21" t="s">
        <v>1201</v>
      </c>
    </row>
    <row r="48" spans="1:9" x14ac:dyDescent="0.25">
      <c r="A48" s="21" t="s">
        <v>109</v>
      </c>
      <c r="B48" s="21" t="s">
        <v>1198</v>
      </c>
      <c r="C48" s="21" t="s">
        <v>485</v>
      </c>
      <c r="D48" s="21" t="s">
        <v>1202</v>
      </c>
      <c r="E48" s="21" t="s">
        <v>1204</v>
      </c>
      <c r="F48" s="21" t="s">
        <v>157</v>
      </c>
      <c r="G48" s="11">
        <f>VLOOKUP(E48,'學生資料(不要打開)'!$A$2:$I$1769,4,FALSE)</f>
        <v>24</v>
      </c>
      <c r="H48" s="21" t="s">
        <v>126</v>
      </c>
      <c r="I48" s="21" t="s">
        <v>1201</v>
      </c>
    </row>
    <row r="49" spans="1:9" x14ac:dyDescent="0.25">
      <c r="A49" s="21" t="s">
        <v>109</v>
      </c>
      <c r="B49" s="21" t="s">
        <v>1199</v>
      </c>
      <c r="C49" s="21" t="s">
        <v>485</v>
      </c>
      <c r="D49" s="21" t="s">
        <v>120</v>
      </c>
      <c r="E49" s="21" t="s">
        <v>473</v>
      </c>
      <c r="F49" s="21" t="s">
        <v>476</v>
      </c>
      <c r="G49" s="11">
        <f>VLOOKUP(E49,'學生資料(不要打開)'!$A$2:$I$1769,4,FALSE)</f>
        <v>20</v>
      </c>
      <c r="H49" s="21" t="s">
        <v>126</v>
      </c>
      <c r="I49" s="21" t="s">
        <v>1260</v>
      </c>
    </row>
    <row r="50" spans="1:9" x14ac:dyDescent="0.25">
      <c r="A50" s="21" t="s">
        <v>109</v>
      </c>
      <c r="B50" s="21" t="s">
        <v>1199</v>
      </c>
      <c r="C50" s="21" t="s">
        <v>485</v>
      </c>
      <c r="D50" s="21" t="s">
        <v>120</v>
      </c>
      <c r="E50" s="21" t="s">
        <v>1203</v>
      </c>
      <c r="F50" s="21" t="s">
        <v>157</v>
      </c>
      <c r="G50" s="11">
        <f>VLOOKUP(E50,'學生資料(不要打開)'!$A$2:$I$1769,4,FALSE)</f>
        <v>8</v>
      </c>
      <c r="H50" s="21" t="s">
        <v>126</v>
      </c>
      <c r="I50" s="21" t="s">
        <v>1260</v>
      </c>
    </row>
    <row r="51" spans="1:9" x14ac:dyDescent="0.25">
      <c r="A51" s="21" t="s">
        <v>109</v>
      </c>
      <c r="B51" s="21" t="s">
        <v>1199</v>
      </c>
      <c r="C51" s="21" t="s">
        <v>485</v>
      </c>
      <c r="D51" s="21" t="s">
        <v>120</v>
      </c>
      <c r="E51" s="21" t="s">
        <v>1204</v>
      </c>
      <c r="F51" s="21" t="s">
        <v>157</v>
      </c>
      <c r="G51" s="11">
        <f>VLOOKUP(E51,'學生資料(不要打開)'!$A$2:$I$1769,4,FALSE)</f>
        <v>24</v>
      </c>
      <c r="H51" s="21" t="s">
        <v>126</v>
      </c>
      <c r="I51" s="21" t="s">
        <v>1260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6"/>
  <dimension ref="A1:I42"/>
  <sheetViews>
    <sheetView topLeftCell="C22" zoomScaleNormal="100" workbookViewId="0">
      <selection activeCell="H37" sqref="H37"/>
    </sheetView>
  </sheetViews>
  <sheetFormatPr defaultRowHeight="15.75" x14ac:dyDescent="0.25"/>
  <cols>
    <col min="1" max="1" width="9" style="10"/>
    <col min="2" max="2" width="44.25" style="7" bestFit="1" customWidth="1"/>
    <col min="3" max="3" width="9" style="9"/>
    <col min="4" max="4" width="11.75" style="9" bestFit="1" customWidth="1"/>
    <col min="5" max="5" width="15.625" style="9" bestFit="1" customWidth="1"/>
    <col min="6" max="6" width="11.75" style="9" bestFit="1" customWidth="1"/>
    <col min="7" max="7" width="11.75" style="9" customWidth="1"/>
    <col min="8" max="8" width="15.625" style="9" bestFit="1" customWidth="1"/>
    <col min="9" max="9" width="49.25" style="9" bestFit="1" customWidth="1"/>
    <col min="10" max="16384" width="9" style="9"/>
  </cols>
  <sheetData>
    <row r="1" spans="1:9" x14ac:dyDescent="0.25">
      <c r="A1" s="7"/>
      <c r="B1" s="67" t="s">
        <v>1038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4" t="s">
        <v>0</v>
      </c>
      <c r="C2" s="4" t="s">
        <v>1</v>
      </c>
      <c r="D2" s="4" t="s">
        <v>2</v>
      </c>
      <c r="E2" s="4" t="s">
        <v>3</v>
      </c>
      <c r="F2" s="4" t="s">
        <v>4</v>
      </c>
      <c r="G2" s="4" t="s">
        <v>1315</v>
      </c>
      <c r="H2" s="4" t="s">
        <v>5</v>
      </c>
      <c r="I2" s="4" t="s">
        <v>6</v>
      </c>
    </row>
    <row r="3" spans="1:9" ht="31.5" x14ac:dyDescent="0.25">
      <c r="A3" s="4" t="s">
        <v>109</v>
      </c>
      <c r="B3" s="4" t="s">
        <v>1040</v>
      </c>
      <c r="C3" s="4" t="s">
        <v>132</v>
      </c>
      <c r="D3" s="4" t="s">
        <v>1041</v>
      </c>
      <c r="E3" s="4" t="s">
        <v>908</v>
      </c>
      <c r="F3" s="4" t="s">
        <v>117</v>
      </c>
      <c r="G3" s="11">
        <f>VLOOKUP(E3,'學生資料(不要打開)'!$A$2:$I$1769,4,FALSE)</f>
        <v>20</v>
      </c>
      <c r="H3" s="4" t="s">
        <v>1047</v>
      </c>
      <c r="I3" s="4" t="s">
        <v>1312</v>
      </c>
    </row>
    <row r="4" spans="1:9" ht="31.5" x14ac:dyDescent="0.25">
      <c r="A4" s="4" t="s">
        <v>109</v>
      </c>
      <c r="B4" s="4" t="s">
        <v>1040</v>
      </c>
      <c r="C4" s="4" t="s">
        <v>132</v>
      </c>
      <c r="D4" s="4" t="s">
        <v>846</v>
      </c>
      <c r="E4" s="4" t="s">
        <v>1042</v>
      </c>
      <c r="F4" s="4" t="s">
        <v>476</v>
      </c>
      <c r="G4" s="11">
        <f>VLOOKUP(E4,'學生資料(不要打開)'!$A$2:$I$1769,4,FALSE)</f>
        <v>38</v>
      </c>
      <c r="H4" s="4" t="s">
        <v>1045</v>
      </c>
      <c r="I4" s="4" t="s">
        <v>1312</v>
      </c>
    </row>
    <row r="5" spans="1:9" ht="31.5" x14ac:dyDescent="0.25">
      <c r="A5" s="4" t="s">
        <v>109</v>
      </c>
      <c r="B5" s="4" t="s">
        <v>1040</v>
      </c>
      <c r="C5" s="4" t="s">
        <v>132</v>
      </c>
      <c r="D5" s="4" t="s">
        <v>1041</v>
      </c>
      <c r="E5" s="4" t="s">
        <v>91</v>
      </c>
      <c r="F5" s="4" t="s">
        <v>105</v>
      </c>
      <c r="G5" s="11">
        <f>VLOOKUP(E5,'學生資料(不要打開)'!$A$2:$I$1769,4,FALSE)</f>
        <v>8</v>
      </c>
      <c r="H5" s="4" t="s">
        <v>1013</v>
      </c>
      <c r="I5" s="4" t="s">
        <v>1312</v>
      </c>
    </row>
    <row r="6" spans="1:9" ht="31.5" x14ac:dyDescent="0.25">
      <c r="A6" s="4" t="s">
        <v>109</v>
      </c>
      <c r="B6" s="4" t="s">
        <v>1040</v>
      </c>
      <c r="C6" s="4" t="s">
        <v>132</v>
      </c>
      <c r="D6" s="4" t="s">
        <v>155</v>
      </c>
      <c r="E6" s="4" t="s">
        <v>91</v>
      </c>
      <c r="F6" s="4" t="s">
        <v>105</v>
      </c>
      <c r="G6" s="11">
        <f>VLOOKUP(E6,'學生資料(不要打開)'!$A$2:$I$1769,4,FALSE)</f>
        <v>8</v>
      </c>
      <c r="H6" s="4" t="s">
        <v>1013</v>
      </c>
      <c r="I6" s="4" t="s">
        <v>1312</v>
      </c>
    </row>
    <row r="7" spans="1:9" ht="31.5" x14ac:dyDescent="0.25">
      <c r="A7" s="4" t="s">
        <v>109</v>
      </c>
      <c r="B7" s="4" t="s">
        <v>1040</v>
      </c>
      <c r="C7" s="4" t="s">
        <v>132</v>
      </c>
      <c r="D7" s="4" t="s">
        <v>302</v>
      </c>
      <c r="E7" s="4" t="s">
        <v>163</v>
      </c>
      <c r="F7" s="4" t="s">
        <v>77</v>
      </c>
      <c r="G7" s="11">
        <f>VLOOKUP(E7,'學生資料(不要打開)'!$A$2:$I$1769,4,FALSE)</f>
        <v>19</v>
      </c>
      <c r="H7" s="4" t="s">
        <v>1048</v>
      </c>
      <c r="I7" s="4" t="s">
        <v>1312</v>
      </c>
    </row>
    <row r="8" spans="1:9" ht="31.5" x14ac:dyDescent="0.25">
      <c r="A8" s="4" t="s">
        <v>109</v>
      </c>
      <c r="B8" s="4" t="s">
        <v>1040</v>
      </c>
      <c r="C8" s="4" t="s">
        <v>132</v>
      </c>
      <c r="D8" s="4" t="s">
        <v>1041</v>
      </c>
      <c r="E8" s="4" t="s">
        <v>1012</v>
      </c>
      <c r="F8" s="4" t="s">
        <v>751</v>
      </c>
      <c r="G8" s="11">
        <f>VLOOKUP(E8,'學生資料(不要打開)'!$A$2:$I$1769,4,FALSE)</f>
        <v>33</v>
      </c>
      <c r="H8" s="4" t="s">
        <v>1016</v>
      </c>
      <c r="I8" s="4" t="s">
        <v>1312</v>
      </c>
    </row>
    <row r="9" spans="1:9" ht="31.5" x14ac:dyDescent="0.25">
      <c r="A9" s="4" t="s">
        <v>109</v>
      </c>
      <c r="B9" s="4" t="s">
        <v>1040</v>
      </c>
      <c r="C9" s="4" t="s">
        <v>132</v>
      </c>
      <c r="D9" s="4" t="s">
        <v>1041</v>
      </c>
      <c r="E9" s="4" t="s">
        <v>1044</v>
      </c>
      <c r="F9" s="4" t="s">
        <v>140</v>
      </c>
      <c r="G9" s="11">
        <f>VLOOKUP(E9,'學生資料(不要打開)'!$A$2:$I$1769,4,FALSE)</f>
        <v>6</v>
      </c>
      <c r="H9" s="4" t="s">
        <v>1017</v>
      </c>
      <c r="I9" s="4" t="s">
        <v>1312</v>
      </c>
    </row>
    <row r="10" spans="1:9" ht="31.5" x14ac:dyDescent="0.25">
      <c r="A10" s="4" t="s">
        <v>109</v>
      </c>
      <c r="B10" s="4" t="s">
        <v>1040</v>
      </c>
      <c r="C10" s="4" t="s">
        <v>132</v>
      </c>
      <c r="D10" s="4" t="s">
        <v>1041</v>
      </c>
      <c r="E10" s="4" t="s">
        <v>972</v>
      </c>
      <c r="F10" s="4" t="s">
        <v>77</v>
      </c>
      <c r="G10" s="11">
        <f>VLOOKUP(E10,'學生資料(不要打開)'!$A$2:$I$1769,4,FALSE)</f>
        <v>4</v>
      </c>
      <c r="H10" s="4" t="s">
        <v>1014</v>
      </c>
      <c r="I10" s="4" t="s">
        <v>1312</v>
      </c>
    </row>
    <row r="11" spans="1:9" ht="31.5" x14ac:dyDescent="0.25">
      <c r="A11" s="4" t="s">
        <v>109</v>
      </c>
      <c r="B11" s="4" t="s">
        <v>1040</v>
      </c>
      <c r="C11" s="4" t="s">
        <v>132</v>
      </c>
      <c r="D11" s="4" t="s">
        <v>1041</v>
      </c>
      <c r="E11" s="4" t="s">
        <v>1043</v>
      </c>
      <c r="F11" s="4" t="s">
        <v>477</v>
      </c>
      <c r="G11" s="11">
        <f>VLOOKUP(E11,'學生資料(不要打開)'!$A$2:$I$1769,4,FALSE)</f>
        <v>7</v>
      </c>
      <c r="H11" s="4" t="s">
        <v>1046</v>
      </c>
      <c r="I11" s="4" t="s">
        <v>1312</v>
      </c>
    </row>
    <row r="12" spans="1:9" ht="47.25" x14ac:dyDescent="0.25">
      <c r="A12" s="4" t="s">
        <v>513</v>
      </c>
      <c r="B12" s="4" t="s">
        <v>1035</v>
      </c>
      <c r="C12" s="4" t="s">
        <v>132</v>
      </c>
      <c r="D12" s="4" t="s">
        <v>155</v>
      </c>
      <c r="E12" s="4" t="s">
        <v>1036</v>
      </c>
      <c r="F12" s="4" t="s">
        <v>157</v>
      </c>
      <c r="G12" s="11">
        <f>VLOOKUP(E12,'學生資料(不要打開)'!$A$2:$I$1769,4,FALSE)</f>
        <v>11</v>
      </c>
      <c r="H12" s="4" t="s">
        <v>136</v>
      </c>
      <c r="I12" s="4" t="s">
        <v>1037</v>
      </c>
    </row>
    <row r="13" spans="1:9" x14ac:dyDescent="0.25">
      <c r="A13" s="4" t="s">
        <v>109</v>
      </c>
      <c r="B13" s="4" t="s">
        <v>1156</v>
      </c>
      <c r="C13" s="4" t="s">
        <v>132</v>
      </c>
      <c r="D13" s="4" t="s">
        <v>1041</v>
      </c>
      <c r="E13" s="4" t="s">
        <v>820</v>
      </c>
      <c r="F13" s="4" t="s">
        <v>82</v>
      </c>
      <c r="G13" s="11">
        <f>VLOOKUP(E13,'學生資料(不要打開)'!$A$2:$I$1769,4,FALSE)</f>
        <v>28</v>
      </c>
      <c r="H13" s="4" t="s">
        <v>1014</v>
      </c>
      <c r="I13" s="4" t="s">
        <v>1159</v>
      </c>
    </row>
    <row r="14" spans="1:9" ht="31.5" x14ac:dyDescent="0.25">
      <c r="A14" s="4" t="s">
        <v>166</v>
      </c>
      <c r="B14" s="4" t="s">
        <v>1158</v>
      </c>
      <c r="C14" s="4" t="s">
        <v>132</v>
      </c>
      <c r="D14" s="4" t="s">
        <v>155</v>
      </c>
      <c r="E14" s="4" t="s">
        <v>1163</v>
      </c>
      <c r="F14" s="4" t="s">
        <v>751</v>
      </c>
      <c r="G14" s="11">
        <f>VLOOKUP(E14,'學生資料(不要打開)'!$A$2:$I$1769,4,FALSE)</f>
        <v>34</v>
      </c>
      <c r="H14" s="4" t="s">
        <v>1016</v>
      </c>
      <c r="I14" s="4" t="s">
        <v>1308</v>
      </c>
    </row>
    <row r="15" spans="1:9" ht="31.5" x14ac:dyDescent="0.25">
      <c r="A15" s="4" t="s">
        <v>166</v>
      </c>
      <c r="B15" s="4" t="s">
        <v>1158</v>
      </c>
      <c r="C15" s="4" t="s">
        <v>132</v>
      </c>
      <c r="D15" s="4" t="s">
        <v>155</v>
      </c>
      <c r="E15" s="4" t="s">
        <v>607</v>
      </c>
      <c r="F15" s="4" t="s">
        <v>105</v>
      </c>
      <c r="G15" s="11">
        <f>VLOOKUP(E15,'學生資料(不要打開)'!$A$2:$I$1769,4,FALSE)</f>
        <v>17</v>
      </c>
      <c r="H15" s="4" t="s">
        <v>1013</v>
      </c>
      <c r="I15" s="4" t="s">
        <v>1308</v>
      </c>
    </row>
    <row r="16" spans="1:9" ht="31.5" x14ac:dyDescent="0.25">
      <c r="A16" s="4" t="s">
        <v>166</v>
      </c>
      <c r="B16" s="4" t="s">
        <v>1158</v>
      </c>
      <c r="C16" s="4" t="s">
        <v>132</v>
      </c>
      <c r="D16" s="4" t="s">
        <v>155</v>
      </c>
      <c r="E16" s="4" t="s">
        <v>1162</v>
      </c>
      <c r="F16" s="4" t="s">
        <v>135</v>
      </c>
      <c r="G16" s="11">
        <f>VLOOKUP(E16,'學生資料(不要打開)'!$A$2:$I$1769,4,FALSE)</f>
        <v>22</v>
      </c>
      <c r="H16" s="4" t="s">
        <v>136</v>
      </c>
      <c r="I16" s="4" t="s">
        <v>1308</v>
      </c>
    </row>
    <row r="17" spans="1:9" ht="31.5" x14ac:dyDescent="0.25">
      <c r="A17" s="4" t="s">
        <v>166</v>
      </c>
      <c r="B17" s="4" t="s">
        <v>1158</v>
      </c>
      <c r="C17" s="4" t="s">
        <v>132</v>
      </c>
      <c r="D17" s="4" t="s">
        <v>155</v>
      </c>
      <c r="E17" s="4" t="s">
        <v>1164</v>
      </c>
      <c r="F17" s="4" t="s">
        <v>105</v>
      </c>
      <c r="G17" s="11">
        <f>VLOOKUP(E17,'學生資料(不要打開)'!$A$2:$I$1769,4,FALSE)</f>
        <v>24</v>
      </c>
      <c r="H17" s="4" t="s">
        <v>1013</v>
      </c>
      <c r="I17" s="4" t="s">
        <v>1308</v>
      </c>
    </row>
    <row r="18" spans="1:9" ht="31.5" x14ac:dyDescent="0.25">
      <c r="A18" s="4" t="s">
        <v>166</v>
      </c>
      <c r="B18" s="4" t="s">
        <v>1158</v>
      </c>
      <c r="C18" s="4" t="s">
        <v>132</v>
      </c>
      <c r="D18" s="4" t="s">
        <v>155</v>
      </c>
      <c r="E18" s="4" t="s">
        <v>600</v>
      </c>
      <c r="F18" s="4" t="s">
        <v>145</v>
      </c>
      <c r="G18" s="11">
        <f>VLOOKUP(E18,'學生資料(不要打開)'!$A$2:$I$1769,4,FALSE)</f>
        <v>31</v>
      </c>
      <c r="H18" s="4" t="s">
        <v>387</v>
      </c>
      <c r="I18" s="4" t="s">
        <v>1308</v>
      </c>
    </row>
    <row r="19" spans="1:9" ht="31.5" x14ac:dyDescent="0.25">
      <c r="A19" s="4" t="s">
        <v>166</v>
      </c>
      <c r="B19" s="4" t="s">
        <v>1158</v>
      </c>
      <c r="C19" s="4" t="s">
        <v>132</v>
      </c>
      <c r="D19" s="4" t="s">
        <v>155</v>
      </c>
      <c r="E19" s="4" t="s">
        <v>1012</v>
      </c>
      <c r="F19" s="4" t="s">
        <v>751</v>
      </c>
      <c r="G19" s="11">
        <f>VLOOKUP(E19,'學生資料(不要打開)'!$A$2:$I$1769,4,FALSE)</f>
        <v>33</v>
      </c>
      <c r="H19" s="4" t="s">
        <v>136</v>
      </c>
      <c r="I19" s="4" t="s">
        <v>1308</v>
      </c>
    </row>
    <row r="20" spans="1:9" ht="31.5" x14ac:dyDescent="0.25">
      <c r="A20" s="4" t="s">
        <v>166</v>
      </c>
      <c r="B20" s="4" t="s">
        <v>1158</v>
      </c>
      <c r="C20" s="4" t="s">
        <v>132</v>
      </c>
      <c r="D20" s="4" t="s">
        <v>155</v>
      </c>
      <c r="E20" s="4" t="s">
        <v>1044</v>
      </c>
      <c r="F20" s="4" t="s">
        <v>140</v>
      </c>
      <c r="G20" s="11">
        <f>VLOOKUP(E20,'學生資料(不要打開)'!$A$2:$I$1769,4,FALSE)</f>
        <v>6</v>
      </c>
      <c r="H20" s="4" t="s">
        <v>1017</v>
      </c>
      <c r="I20" s="4" t="s">
        <v>1308</v>
      </c>
    </row>
    <row r="21" spans="1:9" ht="31.5" x14ac:dyDescent="0.25">
      <c r="A21" s="4" t="s">
        <v>166</v>
      </c>
      <c r="B21" s="4" t="s">
        <v>1158</v>
      </c>
      <c r="C21" s="4" t="s">
        <v>132</v>
      </c>
      <c r="D21" s="4" t="s">
        <v>155</v>
      </c>
      <c r="E21" s="4" t="s">
        <v>70</v>
      </c>
      <c r="F21" s="4" t="s">
        <v>78</v>
      </c>
      <c r="G21" s="11">
        <f>VLOOKUP(E21,'學生資料(不要打開)'!$A$2:$I$1769,4,FALSE)</f>
        <v>13</v>
      </c>
      <c r="H21" s="4" t="s">
        <v>1014</v>
      </c>
      <c r="I21" s="4" t="s">
        <v>1308</v>
      </c>
    </row>
    <row r="22" spans="1:9" ht="31.5" x14ac:dyDescent="0.25">
      <c r="A22" s="4" t="s">
        <v>166</v>
      </c>
      <c r="B22" s="4" t="s">
        <v>1158</v>
      </c>
      <c r="C22" s="4" t="s">
        <v>132</v>
      </c>
      <c r="D22" s="4" t="s">
        <v>155</v>
      </c>
      <c r="E22" s="4" t="s">
        <v>1165</v>
      </c>
      <c r="F22" s="4" t="s">
        <v>106</v>
      </c>
      <c r="G22" s="11">
        <f>VLOOKUP(E22,'學生資料(不要打開)'!$A$2:$I$1769,4,FALSE)</f>
        <v>30</v>
      </c>
      <c r="H22" s="4" t="s">
        <v>1048</v>
      </c>
      <c r="I22" s="4" t="s">
        <v>1308</v>
      </c>
    </row>
    <row r="23" spans="1:9" ht="47.25" x14ac:dyDescent="0.25">
      <c r="A23" s="4" t="s">
        <v>513</v>
      </c>
      <c r="B23" s="4" t="s">
        <v>1157</v>
      </c>
      <c r="C23" s="4" t="s">
        <v>132</v>
      </c>
      <c r="D23" s="4" t="s">
        <v>846</v>
      </c>
      <c r="E23" s="4" t="s">
        <v>156</v>
      </c>
      <c r="F23" s="4" t="s">
        <v>157</v>
      </c>
      <c r="G23" s="11">
        <f>VLOOKUP(E23,'學生資料(不要打開)'!$A$2:$I$1769,4,FALSE)</f>
        <v>11</v>
      </c>
      <c r="H23" s="4" t="s">
        <v>136</v>
      </c>
      <c r="I23" s="4" t="s">
        <v>1309</v>
      </c>
    </row>
    <row r="24" spans="1:9" x14ac:dyDescent="0.25">
      <c r="A24" s="4" t="s">
        <v>109</v>
      </c>
      <c r="B24" s="4" t="s">
        <v>1155</v>
      </c>
      <c r="C24" s="4" t="s">
        <v>132</v>
      </c>
      <c r="D24" s="4" t="s">
        <v>846</v>
      </c>
      <c r="E24" s="4" t="s">
        <v>603</v>
      </c>
      <c r="F24" s="4" t="s">
        <v>82</v>
      </c>
      <c r="G24" s="11">
        <f>VLOOKUP(E24,'學生資料(不要打開)'!$A$2:$I$1769,4,FALSE)</f>
        <v>7</v>
      </c>
      <c r="H24" s="4" t="s">
        <v>1014</v>
      </c>
      <c r="I24" s="4" t="s">
        <v>845</v>
      </c>
    </row>
    <row r="25" spans="1:9" x14ac:dyDescent="0.25">
      <c r="A25" s="4" t="s">
        <v>109</v>
      </c>
      <c r="B25" s="4" t="s">
        <v>1155</v>
      </c>
      <c r="C25" s="4" t="s">
        <v>132</v>
      </c>
      <c r="D25" s="4" t="s">
        <v>846</v>
      </c>
      <c r="E25" s="4" t="s">
        <v>1161</v>
      </c>
      <c r="F25" s="4" t="s">
        <v>284</v>
      </c>
      <c r="G25" s="11">
        <f>VLOOKUP(E25,'學生資料(不要打開)'!$A$2:$I$1769,4,FALSE)</f>
        <v>35</v>
      </c>
      <c r="H25" s="4" t="s">
        <v>387</v>
      </c>
      <c r="I25" s="4" t="s">
        <v>845</v>
      </c>
    </row>
    <row r="26" spans="1:9" x14ac:dyDescent="0.25">
      <c r="A26" s="4" t="s">
        <v>109</v>
      </c>
      <c r="B26" s="4" t="s">
        <v>1155</v>
      </c>
      <c r="C26" s="4" t="s">
        <v>132</v>
      </c>
      <c r="D26" s="4" t="s">
        <v>846</v>
      </c>
      <c r="E26" s="4" t="s">
        <v>599</v>
      </c>
      <c r="F26" s="4" t="s">
        <v>145</v>
      </c>
      <c r="G26" s="11">
        <f>VLOOKUP(E26,'學生資料(不要打開)'!$A$2:$I$1769,4,FALSE)</f>
        <v>4</v>
      </c>
      <c r="H26" s="4" t="s">
        <v>387</v>
      </c>
      <c r="I26" s="4" t="s">
        <v>845</v>
      </c>
    </row>
    <row r="27" spans="1:9" x14ac:dyDescent="0.25">
      <c r="A27" s="4" t="s">
        <v>109</v>
      </c>
      <c r="B27" s="4" t="s">
        <v>1155</v>
      </c>
      <c r="C27" s="4" t="s">
        <v>132</v>
      </c>
      <c r="D27" s="4" t="s">
        <v>846</v>
      </c>
      <c r="E27" s="4" t="s">
        <v>1160</v>
      </c>
      <c r="F27" s="4" t="s">
        <v>284</v>
      </c>
      <c r="G27" s="11">
        <f>VLOOKUP(E27,'學生資料(不要打開)'!$A$2:$I$1769,4,FALSE)</f>
        <v>38</v>
      </c>
      <c r="H27" s="4" t="s">
        <v>387</v>
      </c>
      <c r="I27" s="4" t="s">
        <v>845</v>
      </c>
    </row>
    <row r="28" spans="1:9" x14ac:dyDescent="0.25">
      <c r="A28" s="4" t="s">
        <v>109</v>
      </c>
      <c r="B28" s="4" t="s">
        <v>1155</v>
      </c>
      <c r="C28" s="4" t="s">
        <v>132</v>
      </c>
      <c r="D28" s="4" t="s">
        <v>846</v>
      </c>
      <c r="E28" s="4" t="s">
        <v>134</v>
      </c>
      <c r="F28" s="4" t="s">
        <v>135</v>
      </c>
      <c r="G28" s="11">
        <f>VLOOKUP(E28,'學生資料(不要打開)'!$A$2:$I$1769,4,FALSE)</f>
        <v>27</v>
      </c>
      <c r="H28" s="4" t="s">
        <v>136</v>
      </c>
      <c r="I28" s="4" t="s">
        <v>845</v>
      </c>
    </row>
    <row r="29" spans="1:9" x14ac:dyDescent="0.25">
      <c r="A29" s="4" t="s">
        <v>109</v>
      </c>
      <c r="B29" s="4" t="s">
        <v>130</v>
      </c>
      <c r="C29" s="4" t="s">
        <v>132</v>
      </c>
      <c r="D29" s="4" t="s">
        <v>133</v>
      </c>
      <c r="E29" s="4" t="s">
        <v>134</v>
      </c>
      <c r="F29" s="4" t="s">
        <v>135</v>
      </c>
      <c r="G29" s="11">
        <f>VLOOKUP(E29,'學生資料(不要打開)'!$A$2:$I$1769,4,FALSE)</f>
        <v>27</v>
      </c>
      <c r="H29" s="4" t="s">
        <v>136</v>
      </c>
      <c r="I29" s="4" t="s">
        <v>131</v>
      </c>
    </row>
    <row r="30" spans="1:9" ht="31.5" x14ac:dyDescent="0.25">
      <c r="A30" s="4" t="s">
        <v>109</v>
      </c>
      <c r="B30" s="4" t="s">
        <v>153</v>
      </c>
      <c r="C30" s="4" t="s">
        <v>154</v>
      </c>
      <c r="D30" s="4" t="s">
        <v>155</v>
      </c>
      <c r="E30" s="4" t="s">
        <v>156</v>
      </c>
      <c r="F30" s="4" t="s">
        <v>157</v>
      </c>
      <c r="G30" s="11">
        <f>VLOOKUP(E30,'學生資料(不要打開)'!$A$2:$I$1769,4,FALSE)</f>
        <v>11</v>
      </c>
      <c r="H30" s="4" t="s">
        <v>136</v>
      </c>
      <c r="I30" s="4" t="s">
        <v>1310</v>
      </c>
    </row>
    <row r="31" spans="1:9" ht="31.5" x14ac:dyDescent="0.25">
      <c r="A31" s="4" t="s">
        <v>109</v>
      </c>
      <c r="B31" s="4" t="s">
        <v>1039</v>
      </c>
      <c r="C31" s="4" t="s">
        <v>132</v>
      </c>
      <c r="D31" s="4" t="s">
        <v>302</v>
      </c>
      <c r="E31" s="4" t="s">
        <v>97</v>
      </c>
      <c r="F31" s="4" t="s">
        <v>103</v>
      </c>
      <c r="G31" s="11">
        <f>VLOOKUP(E31,'學生資料(不要打開)'!$A$2:$I$1769,4,FALSE)</f>
        <v>10</v>
      </c>
      <c r="H31" s="4" t="s">
        <v>1016</v>
      </c>
      <c r="I31" s="4" t="s">
        <v>1311</v>
      </c>
    </row>
    <row r="32" spans="1:9" x14ac:dyDescent="0.25">
      <c r="A32" s="4" t="s">
        <v>109</v>
      </c>
      <c r="B32" s="4" t="s">
        <v>1025</v>
      </c>
      <c r="C32" s="4" t="s">
        <v>132</v>
      </c>
      <c r="D32" s="4" t="s">
        <v>1019</v>
      </c>
      <c r="E32" s="4" t="s">
        <v>1030</v>
      </c>
      <c r="F32" s="4" t="s">
        <v>283</v>
      </c>
      <c r="G32" s="11">
        <f>VLOOKUP(E32,'學生資料(不要打開)'!$A$2:$I$1769,4,FALSE)</f>
        <v>17</v>
      </c>
      <c r="H32" s="4" t="s">
        <v>1015</v>
      </c>
      <c r="I32" s="4" t="s">
        <v>1024</v>
      </c>
    </row>
    <row r="33" spans="1:9" x14ac:dyDescent="0.25">
      <c r="A33" s="4" t="s">
        <v>109</v>
      </c>
      <c r="B33" s="4" t="s">
        <v>1025</v>
      </c>
      <c r="C33" s="4" t="s">
        <v>132</v>
      </c>
      <c r="D33" s="4" t="s">
        <v>1019</v>
      </c>
      <c r="E33" s="4" t="s">
        <v>1033</v>
      </c>
      <c r="F33" s="4" t="s">
        <v>751</v>
      </c>
      <c r="G33" s="11">
        <f>VLOOKUP(E33,'學生資料(不要打開)'!$A$2:$I$1769,4,FALSE)</f>
        <v>26</v>
      </c>
      <c r="H33" s="4" t="s">
        <v>1016</v>
      </c>
      <c r="I33" s="4" t="s">
        <v>1024</v>
      </c>
    </row>
    <row r="34" spans="1:9" x14ac:dyDescent="0.25">
      <c r="A34" s="4" t="s">
        <v>109</v>
      </c>
      <c r="B34" s="4" t="s">
        <v>1020</v>
      </c>
      <c r="C34" s="4" t="s">
        <v>132</v>
      </c>
      <c r="D34" s="4" t="s">
        <v>374</v>
      </c>
      <c r="E34" s="4" t="s">
        <v>1021</v>
      </c>
      <c r="F34" s="4" t="s">
        <v>105</v>
      </c>
      <c r="G34" s="11">
        <f>VLOOKUP(E34,'學生資料(不要打開)'!$A$2:$I$1769,4,FALSE)</f>
        <v>8</v>
      </c>
      <c r="H34" s="4" t="s">
        <v>1013</v>
      </c>
      <c r="I34" s="4" t="s">
        <v>1022</v>
      </c>
    </row>
    <row r="35" spans="1:9" x14ac:dyDescent="0.25">
      <c r="A35" s="4" t="s">
        <v>109</v>
      </c>
      <c r="B35" s="4" t="s">
        <v>1025</v>
      </c>
      <c r="C35" s="4" t="s">
        <v>132</v>
      </c>
      <c r="D35" s="4" t="s">
        <v>1019</v>
      </c>
      <c r="E35" s="4" t="s">
        <v>1034</v>
      </c>
      <c r="F35" s="4" t="s">
        <v>140</v>
      </c>
      <c r="G35" s="11">
        <f>VLOOKUP(E35,'學生資料(不要打開)'!$A$2:$I$1769,4,FALSE)</f>
        <v>24</v>
      </c>
      <c r="H35" s="4" t="s">
        <v>1017</v>
      </c>
      <c r="I35" s="4" t="s">
        <v>1024</v>
      </c>
    </row>
    <row r="36" spans="1:9" x14ac:dyDescent="0.25">
      <c r="A36" s="4" t="s">
        <v>109</v>
      </c>
      <c r="B36" s="4" t="s">
        <v>1025</v>
      </c>
      <c r="C36" s="4" t="s">
        <v>132</v>
      </c>
      <c r="D36" s="4" t="s">
        <v>1019</v>
      </c>
      <c r="E36" s="4" t="s">
        <v>1027</v>
      </c>
      <c r="F36" s="4" t="s">
        <v>105</v>
      </c>
      <c r="G36" s="11">
        <f>VLOOKUP(E36,'學生資料(不要打開)'!$A$2:$I$1769,4,FALSE)</f>
        <v>7</v>
      </c>
      <c r="H36" s="4" t="s">
        <v>1013</v>
      </c>
      <c r="I36" s="4" t="s">
        <v>1024</v>
      </c>
    </row>
    <row r="37" spans="1:9" x14ac:dyDescent="0.25">
      <c r="A37" s="4" t="s">
        <v>109</v>
      </c>
      <c r="B37" s="4" t="s">
        <v>1020</v>
      </c>
      <c r="C37" s="4" t="s">
        <v>132</v>
      </c>
      <c r="D37" s="4" t="s">
        <v>1018</v>
      </c>
      <c r="E37" s="4" t="s">
        <v>1023</v>
      </c>
      <c r="F37" s="4" t="s">
        <v>145</v>
      </c>
      <c r="G37" s="11">
        <f>VLOOKUP(E37,'學生資料(不要打開)'!$A$2:$I$1769,4,FALSE)</f>
        <v>4</v>
      </c>
      <c r="H37" s="4" t="s">
        <v>387</v>
      </c>
      <c r="I37" s="4" t="s">
        <v>1024</v>
      </c>
    </row>
    <row r="38" spans="1:9" x14ac:dyDescent="0.25">
      <c r="A38" s="4" t="s">
        <v>109</v>
      </c>
      <c r="B38" s="4" t="s">
        <v>1025</v>
      </c>
      <c r="C38" s="4" t="s">
        <v>132</v>
      </c>
      <c r="D38" s="4" t="s">
        <v>1019</v>
      </c>
      <c r="E38" s="4" t="s">
        <v>1032</v>
      </c>
      <c r="F38" s="4" t="s">
        <v>751</v>
      </c>
      <c r="G38" s="11">
        <f>VLOOKUP(E38,'學生資料(不要打開)'!$A$2:$I$1769,4,FALSE)</f>
        <v>33</v>
      </c>
      <c r="H38" s="4" t="s">
        <v>1016</v>
      </c>
      <c r="I38" s="4" t="s">
        <v>1024</v>
      </c>
    </row>
    <row r="39" spans="1:9" x14ac:dyDescent="0.25">
      <c r="A39" s="4" t="s">
        <v>109</v>
      </c>
      <c r="B39" s="4" t="s">
        <v>1025</v>
      </c>
      <c r="C39" s="4" t="s">
        <v>132</v>
      </c>
      <c r="D39" s="4" t="s">
        <v>1019</v>
      </c>
      <c r="E39" s="4" t="s">
        <v>1028</v>
      </c>
      <c r="F39" s="4" t="s">
        <v>78</v>
      </c>
      <c r="G39" s="11">
        <f>VLOOKUP(E39,'學生資料(不要打開)'!$A$2:$I$1769,4,FALSE)</f>
        <v>23</v>
      </c>
      <c r="H39" s="4" t="s">
        <v>1014</v>
      </c>
      <c r="I39" s="4" t="s">
        <v>1024</v>
      </c>
    </row>
    <row r="40" spans="1:9" x14ac:dyDescent="0.25">
      <c r="A40" s="4" t="s">
        <v>109</v>
      </c>
      <c r="B40" s="4" t="s">
        <v>1025</v>
      </c>
      <c r="C40" s="4" t="s">
        <v>132</v>
      </c>
      <c r="D40" s="4" t="s">
        <v>1019</v>
      </c>
      <c r="E40" s="4" t="s">
        <v>1031</v>
      </c>
      <c r="F40" s="4" t="s">
        <v>78</v>
      </c>
      <c r="G40" s="11">
        <f>VLOOKUP(E40,'學生資料(不要打開)'!$A$2:$I$1769,4,FALSE)</f>
        <v>4</v>
      </c>
      <c r="H40" s="4" t="s">
        <v>1014</v>
      </c>
      <c r="I40" s="4" t="s">
        <v>1024</v>
      </c>
    </row>
    <row r="41" spans="1:9" x14ac:dyDescent="0.25">
      <c r="A41" s="4" t="s">
        <v>109</v>
      </c>
      <c r="B41" s="4" t="s">
        <v>1025</v>
      </c>
      <c r="C41" s="4" t="s">
        <v>132</v>
      </c>
      <c r="D41" s="4" t="s">
        <v>1019</v>
      </c>
      <c r="E41" s="4" t="s">
        <v>1026</v>
      </c>
      <c r="F41" s="4" t="s">
        <v>78</v>
      </c>
      <c r="G41" s="11">
        <f>VLOOKUP(E41,'學生資料(不要打開)'!$A$2:$I$1769,4,FALSE)</f>
        <v>16</v>
      </c>
      <c r="H41" s="4" t="s">
        <v>1014</v>
      </c>
      <c r="I41" s="4" t="s">
        <v>1024</v>
      </c>
    </row>
    <row r="42" spans="1:9" x14ac:dyDescent="0.25">
      <c r="A42" s="4" t="s">
        <v>109</v>
      </c>
      <c r="B42" s="4" t="s">
        <v>1025</v>
      </c>
      <c r="C42" s="4" t="s">
        <v>132</v>
      </c>
      <c r="D42" s="4" t="s">
        <v>1019</v>
      </c>
      <c r="E42" s="4" t="s">
        <v>1029</v>
      </c>
      <c r="F42" s="4" t="s">
        <v>82</v>
      </c>
      <c r="G42" s="11">
        <f>VLOOKUP(E42,'學生資料(不要打開)'!$A$2:$I$1769,4,FALSE)</f>
        <v>12</v>
      </c>
      <c r="H42" s="4" t="s">
        <v>1014</v>
      </c>
      <c r="I42" s="4" t="s">
        <v>1024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ErrorMessage="1">
          <x14:formula1>
            <xm:f>[1]請勿打開!#REF!</xm:f>
          </x14:formula1>
          <xm:sqref>A4:A15</xm:sqref>
        </x14:dataValidation>
      </x14:dataValidations>
    </ext>
  </extLst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7"/>
  <dimension ref="A1:I11"/>
  <sheetViews>
    <sheetView workbookViewId="0">
      <selection activeCell="G11" sqref="G11"/>
    </sheetView>
  </sheetViews>
  <sheetFormatPr defaultRowHeight="15.75" x14ac:dyDescent="0.25"/>
  <cols>
    <col min="1" max="1" width="9" style="27"/>
    <col min="2" max="2" width="23.25" style="23" bestFit="1" customWidth="1"/>
    <col min="3" max="3" width="9" style="23"/>
    <col min="4" max="4" width="10.5" style="23" customWidth="1"/>
    <col min="5" max="8" width="9" style="23"/>
    <col min="9" max="9" width="21.125" style="23" bestFit="1" customWidth="1"/>
    <col min="10" max="16384" width="9" style="23"/>
  </cols>
  <sheetData>
    <row r="1" spans="1:9" x14ac:dyDescent="0.25">
      <c r="A1" s="4"/>
      <c r="B1" s="67" t="s">
        <v>14</v>
      </c>
      <c r="C1" s="67"/>
      <c r="D1" s="67"/>
      <c r="E1" s="67"/>
      <c r="F1" s="67"/>
      <c r="G1" s="67"/>
      <c r="H1" s="67"/>
      <c r="I1" s="11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21" t="s">
        <v>263</v>
      </c>
      <c r="B3" s="21" t="s">
        <v>264</v>
      </c>
      <c r="C3" s="21" t="s">
        <v>265</v>
      </c>
      <c r="D3" s="35" t="s">
        <v>266</v>
      </c>
      <c r="E3" s="21" t="s">
        <v>267</v>
      </c>
      <c r="F3" s="21" t="s">
        <v>268</v>
      </c>
      <c r="G3" s="11">
        <f>VLOOKUP(E3,'學生資料(不要打開)'!$A$2:$I$1769,4,FALSE)</f>
        <v>22</v>
      </c>
      <c r="H3" s="21" t="s">
        <v>269</v>
      </c>
      <c r="I3" s="21" t="s">
        <v>270</v>
      </c>
    </row>
    <row r="4" spans="1:9" ht="24.75" customHeight="1" x14ac:dyDescent="0.25">
      <c r="A4" s="21" t="s">
        <v>443</v>
      </c>
      <c r="B4" s="21" t="s">
        <v>444</v>
      </c>
      <c r="C4" s="21" t="s">
        <v>445</v>
      </c>
      <c r="D4" s="35" t="s">
        <v>446</v>
      </c>
      <c r="E4" s="21" t="s">
        <v>447</v>
      </c>
      <c r="F4" s="21" t="s">
        <v>448</v>
      </c>
      <c r="G4" s="21">
        <v>10</v>
      </c>
      <c r="H4" s="21" t="s">
        <v>449</v>
      </c>
      <c r="I4" s="21" t="s">
        <v>450</v>
      </c>
    </row>
    <row r="5" spans="1:9" x14ac:dyDescent="0.25">
      <c r="A5" s="21" t="s">
        <v>443</v>
      </c>
      <c r="B5" s="21" t="s">
        <v>444</v>
      </c>
      <c r="C5" s="21" t="s">
        <v>445</v>
      </c>
      <c r="D5" s="35" t="s">
        <v>451</v>
      </c>
      <c r="E5" s="21" t="s">
        <v>452</v>
      </c>
      <c r="F5" s="21" t="s">
        <v>453</v>
      </c>
      <c r="G5" s="21">
        <v>4</v>
      </c>
      <c r="H5" s="21" t="s">
        <v>454</v>
      </c>
      <c r="I5" s="21" t="s">
        <v>450</v>
      </c>
    </row>
    <row r="6" spans="1:9" x14ac:dyDescent="0.25">
      <c r="A6" s="21" t="s">
        <v>443</v>
      </c>
      <c r="B6" s="21" t="s">
        <v>444</v>
      </c>
      <c r="C6" s="21" t="s">
        <v>455</v>
      </c>
      <c r="D6" s="35" t="s">
        <v>451</v>
      </c>
      <c r="E6" s="21" t="s">
        <v>456</v>
      </c>
      <c r="F6" s="21" t="s">
        <v>457</v>
      </c>
      <c r="G6" s="11">
        <f>VLOOKUP(E6,'學生資料(不要打開)'!$A$2:$I$1769,4,FALSE)</f>
        <v>25</v>
      </c>
      <c r="H6" s="21" t="s">
        <v>458</v>
      </c>
      <c r="I6" s="21" t="s">
        <v>450</v>
      </c>
    </row>
    <row r="7" spans="1:9" x14ac:dyDescent="0.25">
      <c r="A7" s="21" t="s">
        <v>443</v>
      </c>
      <c r="B7" s="21" t="s">
        <v>444</v>
      </c>
      <c r="C7" s="21" t="s">
        <v>455</v>
      </c>
      <c r="D7" s="35" t="s">
        <v>451</v>
      </c>
      <c r="E7" s="21" t="s">
        <v>459</v>
      </c>
      <c r="F7" s="21" t="s">
        <v>460</v>
      </c>
      <c r="G7" s="11">
        <f>VLOOKUP(E7,'學生資料(不要打開)'!$A$2:$I$1769,4,FALSE)</f>
        <v>27</v>
      </c>
      <c r="H7" s="21" t="s">
        <v>461</v>
      </c>
      <c r="I7" s="21" t="s">
        <v>450</v>
      </c>
    </row>
    <row r="8" spans="1:9" x14ac:dyDescent="0.25">
      <c r="A8" s="21" t="s">
        <v>202</v>
      </c>
      <c r="B8" s="21" t="s">
        <v>264</v>
      </c>
      <c r="C8" s="21" t="s">
        <v>132</v>
      </c>
      <c r="D8" s="21" t="s">
        <v>707</v>
      </c>
      <c r="E8" s="21" t="s">
        <v>709</v>
      </c>
      <c r="F8" s="21" t="s">
        <v>711</v>
      </c>
      <c r="G8" s="21">
        <v>26</v>
      </c>
      <c r="H8" s="21" t="s">
        <v>713</v>
      </c>
      <c r="I8" s="21"/>
    </row>
    <row r="9" spans="1:9" x14ac:dyDescent="0.25">
      <c r="A9" s="21" t="s">
        <v>202</v>
      </c>
      <c r="B9" s="21" t="s">
        <v>264</v>
      </c>
      <c r="C9" s="21" t="s">
        <v>132</v>
      </c>
      <c r="D9" s="21" t="s">
        <v>708</v>
      </c>
      <c r="E9" s="21" t="s">
        <v>710</v>
      </c>
      <c r="F9" s="21" t="s">
        <v>712</v>
      </c>
      <c r="G9" s="21">
        <v>6</v>
      </c>
      <c r="H9" s="21" t="s">
        <v>714</v>
      </c>
      <c r="I9" s="21"/>
    </row>
    <row r="10" spans="1:9" x14ac:dyDescent="0.25">
      <c r="A10" s="21" t="s">
        <v>1136</v>
      </c>
      <c r="B10" s="21" t="s">
        <v>1137</v>
      </c>
      <c r="C10" s="21" t="s">
        <v>1135</v>
      </c>
      <c r="D10" s="21" t="s">
        <v>1138</v>
      </c>
      <c r="E10" s="21" t="s">
        <v>1139</v>
      </c>
      <c r="F10" s="21" t="s">
        <v>1140</v>
      </c>
      <c r="G10" s="11">
        <f>VLOOKUP(E10,'學生資料(不要打開)'!$A$2:$I$1769,4,FALSE)</f>
        <v>6</v>
      </c>
      <c r="H10" s="21" t="s">
        <v>1141</v>
      </c>
      <c r="I10" s="21" t="s">
        <v>1142</v>
      </c>
    </row>
    <row r="11" spans="1:9" x14ac:dyDescent="0.25">
      <c r="A11" s="21" t="s">
        <v>1136</v>
      </c>
      <c r="B11" s="21" t="s">
        <v>1137</v>
      </c>
      <c r="C11" s="21" t="s">
        <v>1135</v>
      </c>
      <c r="D11" s="21" t="s">
        <v>1143</v>
      </c>
      <c r="E11" s="21" t="s">
        <v>1144</v>
      </c>
      <c r="F11" s="21" t="s">
        <v>1145</v>
      </c>
      <c r="G11" s="21">
        <v>11</v>
      </c>
      <c r="H11" s="21" t="s">
        <v>1146</v>
      </c>
      <c r="I11" s="21" t="s">
        <v>1142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8"/>
  <dimension ref="A1:I10"/>
  <sheetViews>
    <sheetView zoomScale="80" zoomScaleNormal="80" workbookViewId="0">
      <selection activeCell="C30" sqref="C30"/>
    </sheetView>
  </sheetViews>
  <sheetFormatPr defaultRowHeight="15.75" x14ac:dyDescent="0.25"/>
  <cols>
    <col min="1" max="1" width="5.875" style="10" customWidth="1"/>
    <col min="2" max="2" width="46.375" style="7" bestFit="1" customWidth="1"/>
    <col min="3" max="3" width="9.375" style="9" bestFit="1" customWidth="1"/>
    <col min="4" max="4" width="11.375" style="9" bestFit="1" customWidth="1"/>
    <col min="5" max="5" width="9.375" style="9" bestFit="1" customWidth="1"/>
    <col min="6" max="7" width="5.625" style="9" customWidth="1"/>
    <col min="8" max="8" width="9.375" style="9" customWidth="1"/>
    <col min="9" max="9" width="37.125" style="9" bestFit="1" customWidth="1"/>
    <col min="10" max="16384" width="9" style="9"/>
  </cols>
  <sheetData>
    <row r="1" spans="1:9" x14ac:dyDescent="0.25">
      <c r="A1" s="7"/>
      <c r="B1" s="69" t="s">
        <v>11</v>
      </c>
      <c r="C1" s="70"/>
      <c r="D1" s="70"/>
      <c r="E1" s="70"/>
      <c r="F1" s="70"/>
      <c r="G1" s="70"/>
      <c r="H1" s="70"/>
      <c r="I1" s="70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30" t="s">
        <v>109</v>
      </c>
      <c r="B3" s="30" t="s">
        <v>1184</v>
      </c>
      <c r="C3" s="30" t="s">
        <v>1193</v>
      </c>
      <c r="D3" s="30" t="s">
        <v>1192</v>
      </c>
      <c r="E3" s="30" t="s">
        <v>603</v>
      </c>
      <c r="F3" s="30" t="s">
        <v>82</v>
      </c>
      <c r="G3" s="11">
        <f>VLOOKUP(E3,'學生資料(不要打開)'!$A$2:$I$1769,4,FALSE)</f>
        <v>7</v>
      </c>
      <c r="H3" s="30" t="s">
        <v>1191</v>
      </c>
      <c r="I3" s="30" t="s">
        <v>1185</v>
      </c>
    </row>
    <row r="4" spans="1:9" x14ac:dyDescent="0.25">
      <c r="A4" s="30" t="s">
        <v>109</v>
      </c>
      <c r="B4" s="30" t="s">
        <v>1184</v>
      </c>
      <c r="C4" s="30" t="s">
        <v>1193</v>
      </c>
      <c r="D4" s="30" t="s">
        <v>1192</v>
      </c>
      <c r="E4" s="30" t="s">
        <v>605</v>
      </c>
      <c r="F4" s="30" t="s">
        <v>82</v>
      </c>
      <c r="G4" s="11">
        <f>VLOOKUP(E4,'學生資料(不要打開)'!$A$2:$I$1769,4,FALSE)</f>
        <v>12</v>
      </c>
      <c r="H4" s="30" t="s">
        <v>1191</v>
      </c>
      <c r="I4" s="30" t="s">
        <v>1185</v>
      </c>
    </row>
    <row r="5" spans="1:9" x14ac:dyDescent="0.25">
      <c r="A5" s="30" t="s">
        <v>109</v>
      </c>
      <c r="B5" s="30" t="s">
        <v>1184</v>
      </c>
      <c r="C5" s="30" t="s">
        <v>1193</v>
      </c>
      <c r="D5" s="30" t="s">
        <v>1192</v>
      </c>
      <c r="E5" s="30" t="s">
        <v>1186</v>
      </c>
      <c r="F5" s="30" t="s">
        <v>283</v>
      </c>
      <c r="G5" s="11">
        <f>VLOOKUP(E5,'學生資料(不要打開)'!$A$2:$I$1769,4,FALSE)</f>
        <v>3</v>
      </c>
      <c r="H5" s="30" t="s">
        <v>1191</v>
      </c>
      <c r="I5" s="30" t="s">
        <v>1185</v>
      </c>
    </row>
    <row r="6" spans="1:9" x14ac:dyDescent="0.25">
      <c r="A6" s="30" t="s">
        <v>109</v>
      </c>
      <c r="B6" s="30" t="s">
        <v>1184</v>
      </c>
      <c r="C6" s="30" t="s">
        <v>1193</v>
      </c>
      <c r="D6" s="30" t="s">
        <v>1192</v>
      </c>
      <c r="E6" s="30" t="s">
        <v>1187</v>
      </c>
      <c r="F6" s="30" t="s">
        <v>283</v>
      </c>
      <c r="G6" s="11">
        <f>VLOOKUP(E6,'學生資料(不要打開)'!$A$2:$I$1769,4,FALSE)</f>
        <v>17</v>
      </c>
      <c r="H6" s="30" t="s">
        <v>1191</v>
      </c>
      <c r="I6" s="30" t="s">
        <v>1185</v>
      </c>
    </row>
    <row r="7" spans="1:9" x14ac:dyDescent="0.25">
      <c r="A7" s="30" t="s">
        <v>109</v>
      </c>
      <c r="B7" s="30" t="s">
        <v>1184</v>
      </c>
      <c r="C7" s="30" t="s">
        <v>1193</v>
      </c>
      <c r="D7" s="30" t="s">
        <v>1192</v>
      </c>
      <c r="E7" s="30" t="s">
        <v>1188</v>
      </c>
      <c r="F7" s="31" t="s">
        <v>145</v>
      </c>
      <c r="G7" s="11">
        <f>VLOOKUP(E7,'學生資料(不要打開)'!$A$2:$I$1769,4,FALSE)</f>
        <v>13</v>
      </c>
      <c r="H7" s="30" t="s">
        <v>1191</v>
      </c>
      <c r="I7" s="30" t="s">
        <v>1185</v>
      </c>
    </row>
    <row r="8" spans="1:9" x14ac:dyDescent="0.25">
      <c r="A8" s="30" t="s">
        <v>109</v>
      </c>
      <c r="B8" s="30" t="s">
        <v>1184</v>
      </c>
      <c r="C8" s="30" t="s">
        <v>1193</v>
      </c>
      <c r="D8" s="30" t="s">
        <v>1192</v>
      </c>
      <c r="E8" s="30" t="s">
        <v>954</v>
      </c>
      <c r="F8" s="31" t="s">
        <v>145</v>
      </c>
      <c r="G8" s="11">
        <f>VLOOKUP(E8,'學生資料(不要打開)'!$A$2:$I$1769,4,FALSE)</f>
        <v>23</v>
      </c>
      <c r="H8" s="30" t="s">
        <v>1191</v>
      </c>
      <c r="I8" s="30" t="s">
        <v>1185</v>
      </c>
    </row>
    <row r="9" spans="1:9" x14ac:dyDescent="0.25">
      <c r="A9" s="30" t="s">
        <v>109</v>
      </c>
      <c r="B9" s="30" t="s">
        <v>1184</v>
      </c>
      <c r="C9" s="30" t="s">
        <v>1193</v>
      </c>
      <c r="D9" s="30" t="s">
        <v>1192</v>
      </c>
      <c r="E9" s="30" t="s">
        <v>1189</v>
      </c>
      <c r="F9" s="31" t="s">
        <v>135</v>
      </c>
      <c r="G9" s="11">
        <f>VLOOKUP(E9,'學生資料(不要打開)'!$A$2:$I$1769,4,FALSE)</f>
        <v>12</v>
      </c>
      <c r="H9" s="30" t="s">
        <v>1191</v>
      </c>
      <c r="I9" s="30" t="s">
        <v>1185</v>
      </c>
    </row>
    <row r="10" spans="1:9" s="10" customFormat="1" x14ac:dyDescent="0.25">
      <c r="A10" s="30" t="s">
        <v>109</v>
      </c>
      <c r="B10" s="30" t="s">
        <v>1184</v>
      </c>
      <c r="C10" s="30" t="s">
        <v>1193</v>
      </c>
      <c r="D10" s="30" t="s">
        <v>1192</v>
      </c>
      <c r="E10" s="30" t="s">
        <v>1190</v>
      </c>
      <c r="F10" s="31" t="s">
        <v>135</v>
      </c>
      <c r="G10" s="11">
        <f>VLOOKUP(E10,'學生資料(不要打開)'!$A$2:$I$1769,4,FALSE)</f>
        <v>28</v>
      </c>
      <c r="H10" s="30" t="s">
        <v>1191</v>
      </c>
      <c r="I10" s="30" t="s">
        <v>1185</v>
      </c>
    </row>
  </sheetData>
  <autoFilter ref="A2:I10"/>
  <mergeCells count="1">
    <mergeCell ref="B1:I1"/>
  </mergeCells>
  <phoneticPr fontId="3" type="noConversion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"/>
  <dimension ref="A1:I4"/>
  <sheetViews>
    <sheetView workbookViewId="0">
      <selection activeCell="I2" sqref="I2"/>
    </sheetView>
  </sheetViews>
  <sheetFormatPr defaultRowHeight="15.75" x14ac:dyDescent="0.25"/>
  <cols>
    <col min="1" max="1" width="5.5" style="9" bestFit="1" customWidth="1"/>
    <col min="2" max="2" width="44.125" style="10" customWidth="1"/>
    <col min="3" max="3" width="8" style="10" bestFit="1" customWidth="1"/>
    <col min="4" max="4" width="7.75" style="10" bestFit="1" customWidth="1"/>
    <col min="5" max="5" width="9.875" style="10" customWidth="1"/>
    <col min="6" max="6" width="6.375" style="10" customWidth="1"/>
    <col min="7" max="7" width="7.875" style="10" bestFit="1" customWidth="1"/>
    <col min="8" max="8" width="21.75" style="10" customWidth="1"/>
    <col min="9" max="9" width="9" style="10" bestFit="1" customWidth="1"/>
    <col min="10" max="16384" width="9" style="10"/>
  </cols>
  <sheetData>
    <row r="1" spans="1:9" s="9" customFormat="1" x14ac:dyDescent="0.25">
      <c r="A1" s="4"/>
      <c r="B1" s="67" t="s">
        <v>626</v>
      </c>
      <c r="C1" s="67"/>
      <c r="D1" s="67"/>
      <c r="E1" s="67"/>
      <c r="F1" s="67"/>
      <c r="G1" s="67"/>
      <c r="H1" s="67"/>
      <c r="I1" s="8"/>
    </row>
    <row r="2" spans="1:9" s="9" customFormat="1" ht="31.5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4</v>
      </c>
      <c r="H2" s="11" t="s">
        <v>5</v>
      </c>
      <c r="I2" s="11" t="s">
        <v>6</v>
      </c>
    </row>
    <row r="3" spans="1:9" ht="31.5" x14ac:dyDescent="0.25">
      <c r="A3" s="11" t="s">
        <v>109</v>
      </c>
      <c r="B3" s="11" t="s">
        <v>615</v>
      </c>
      <c r="C3" s="6" t="s">
        <v>616</v>
      </c>
      <c r="D3" s="11" t="s">
        <v>623</v>
      </c>
      <c r="E3" s="11" t="s">
        <v>304</v>
      </c>
      <c r="F3" s="11" t="s">
        <v>306</v>
      </c>
      <c r="G3" s="11" t="str">
        <f>VLOOKUP(E3,'學生資料(不要打開)'!$A$2:$I$1769,4,FALSE)</f>
        <v xml:space="preserve"> 28</v>
      </c>
      <c r="H3" s="11" t="s">
        <v>625</v>
      </c>
      <c r="I3" s="11" t="s">
        <v>617</v>
      </c>
    </row>
    <row r="4" spans="1:9" ht="31.5" x14ac:dyDescent="0.25">
      <c r="A4" s="11" t="s">
        <v>109</v>
      </c>
      <c r="B4" s="11" t="s">
        <v>615</v>
      </c>
      <c r="C4" s="6" t="s">
        <v>616</v>
      </c>
      <c r="D4" s="11" t="s">
        <v>624</v>
      </c>
      <c r="E4" s="11" t="s">
        <v>348</v>
      </c>
      <c r="F4" s="11" t="s">
        <v>342</v>
      </c>
      <c r="G4" s="11" t="str">
        <f>VLOOKUP(E4,'學生資料(不要打開)'!$A$2:$I$1769,4,FALSE)</f>
        <v xml:space="preserve"> 14</v>
      </c>
      <c r="H4" s="11" t="s">
        <v>625</v>
      </c>
      <c r="I4" s="11" t="s">
        <v>617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19"/>
  <dimension ref="A1:I149"/>
  <sheetViews>
    <sheetView topLeftCell="A25" zoomScale="85" zoomScaleNormal="85" workbookViewId="0">
      <selection activeCell="I17" sqref="I17"/>
    </sheetView>
  </sheetViews>
  <sheetFormatPr defaultRowHeight="15.75" x14ac:dyDescent="0.25"/>
  <cols>
    <col min="1" max="1" width="9" style="27"/>
    <col min="2" max="2" width="70.75" style="23" bestFit="1" customWidth="1"/>
    <col min="3" max="3" width="9" style="23"/>
    <col min="4" max="4" width="20.875" style="23" bestFit="1" customWidth="1"/>
    <col min="5" max="7" width="9" style="23"/>
    <col min="8" max="8" width="19.25" style="23" bestFit="1" customWidth="1"/>
    <col min="9" max="9" width="118.625" style="23" bestFit="1" customWidth="1"/>
    <col min="10" max="16384" width="9" style="23"/>
  </cols>
  <sheetData>
    <row r="1" spans="1:9" s="9" customFormat="1" x14ac:dyDescent="0.25">
      <c r="A1" s="7"/>
      <c r="B1" s="67" t="s">
        <v>21</v>
      </c>
      <c r="C1" s="67"/>
      <c r="D1" s="67"/>
      <c r="E1" s="67"/>
      <c r="F1" s="67"/>
      <c r="G1" s="67"/>
      <c r="H1" s="67"/>
      <c r="I1" s="8"/>
    </row>
    <row r="2" spans="1:9" s="9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9" customFormat="1" x14ac:dyDescent="0.25">
      <c r="A3" s="21" t="s">
        <v>55</v>
      </c>
      <c r="B3" s="4" t="s">
        <v>64</v>
      </c>
      <c r="C3" s="4" t="s">
        <v>81</v>
      </c>
      <c r="D3" s="4" t="s">
        <v>66</v>
      </c>
      <c r="E3" s="21" t="s">
        <v>83</v>
      </c>
      <c r="F3" s="21" t="s">
        <v>103</v>
      </c>
      <c r="G3" s="11">
        <f>VLOOKUP(E3,'學生資料(不要打開)'!$A$2:$I$1769,4,FALSE)</f>
        <v>12</v>
      </c>
      <c r="H3" s="21" t="s">
        <v>107</v>
      </c>
      <c r="I3" s="21" t="s">
        <v>80</v>
      </c>
    </row>
    <row r="4" spans="1:9" s="9" customFormat="1" x14ac:dyDescent="0.25">
      <c r="A4" s="21" t="s">
        <v>55</v>
      </c>
      <c r="B4" s="21" t="s">
        <v>64</v>
      </c>
      <c r="C4" s="4" t="s">
        <v>81</v>
      </c>
      <c r="D4" s="21" t="s">
        <v>66</v>
      </c>
      <c r="E4" s="21" t="s">
        <v>84</v>
      </c>
      <c r="F4" s="21" t="s">
        <v>104</v>
      </c>
      <c r="G4" s="11">
        <f>VLOOKUP(E4,'學生資料(不要打開)'!$A$2:$I$1769,4,FALSE)</f>
        <v>13</v>
      </c>
      <c r="H4" s="21" t="s">
        <v>107</v>
      </c>
      <c r="I4" s="21" t="s">
        <v>80</v>
      </c>
    </row>
    <row r="5" spans="1:9" s="9" customFormat="1" x14ac:dyDescent="0.25">
      <c r="A5" s="21" t="s">
        <v>55</v>
      </c>
      <c r="B5" s="21" t="s">
        <v>64</v>
      </c>
      <c r="C5" s="4" t="s">
        <v>81</v>
      </c>
      <c r="D5" s="21" t="s">
        <v>66</v>
      </c>
      <c r="E5" s="21" t="s">
        <v>85</v>
      </c>
      <c r="F5" s="21" t="s">
        <v>104</v>
      </c>
      <c r="G5" s="11">
        <f>VLOOKUP(E5,'學生資料(不要打開)'!$A$2:$I$1769,4,FALSE)</f>
        <v>4</v>
      </c>
      <c r="H5" s="21" t="s">
        <v>107</v>
      </c>
      <c r="I5" s="21" t="s">
        <v>80</v>
      </c>
    </row>
    <row r="6" spans="1:9" s="9" customFormat="1" x14ac:dyDescent="0.25">
      <c r="A6" s="21" t="s">
        <v>55</v>
      </c>
      <c r="B6" s="21" t="s">
        <v>64</v>
      </c>
      <c r="C6" s="4" t="s">
        <v>81</v>
      </c>
      <c r="D6" s="21" t="s">
        <v>66</v>
      </c>
      <c r="E6" s="21" t="s">
        <v>86</v>
      </c>
      <c r="F6" s="21" t="s">
        <v>103</v>
      </c>
      <c r="G6" s="11">
        <f>VLOOKUP(E6,'學生資料(不要打開)'!$A$2:$I$1769,4,FALSE)</f>
        <v>21</v>
      </c>
      <c r="H6" s="21" t="s">
        <v>107</v>
      </c>
      <c r="I6" s="21" t="s">
        <v>80</v>
      </c>
    </row>
    <row r="7" spans="1:9" s="9" customFormat="1" x14ac:dyDescent="0.25">
      <c r="A7" s="21" t="s">
        <v>55</v>
      </c>
      <c r="B7" s="21" t="s">
        <v>64</v>
      </c>
      <c r="C7" s="4" t="s">
        <v>81</v>
      </c>
      <c r="D7" s="21" t="s">
        <v>66</v>
      </c>
      <c r="E7" s="21" t="s">
        <v>87</v>
      </c>
      <c r="F7" s="21" t="s">
        <v>103</v>
      </c>
      <c r="G7" s="11">
        <f>VLOOKUP(E7,'學生資料(不要打開)'!$A$2:$I$1769,4,FALSE)</f>
        <v>14</v>
      </c>
      <c r="H7" s="21" t="s">
        <v>107</v>
      </c>
      <c r="I7" s="21" t="s">
        <v>80</v>
      </c>
    </row>
    <row r="8" spans="1:9" s="9" customFormat="1" x14ac:dyDescent="0.25">
      <c r="A8" s="21" t="s">
        <v>55</v>
      </c>
      <c r="B8" s="21" t="s">
        <v>64</v>
      </c>
      <c r="C8" s="4" t="s">
        <v>81</v>
      </c>
      <c r="D8" s="21" t="s">
        <v>66</v>
      </c>
      <c r="E8" s="21" t="s">
        <v>88</v>
      </c>
      <c r="F8" s="21" t="s">
        <v>105</v>
      </c>
      <c r="G8" s="11">
        <f>VLOOKUP(E8,'學生資料(不要打開)'!$A$2:$I$1769,4,FALSE)</f>
        <v>21</v>
      </c>
      <c r="H8" s="21" t="s">
        <v>107</v>
      </c>
      <c r="I8" s="21" t="s">
        <v>80</v>
      </c>
    </row>
    <row r="9" spans="1:9" s="9" customFormat="1" x14ac:dyDescent="0.25">
      <c r="A9" s="21" t="s">
        <v>55</v>
      </c>
      <c r="B9" s="21" t="s">
        <v>64</v>
      </c>
      <c r="C9" s="4" t="s">
        <v>81</v>
      </c>
      <c r="D9" s="21" t="s">
        <v>66</v>
      </c>
      <c r="E9" s="21" t="s">
        <v>89</v>
      </c>
      <c r="F9" s="21" t="s">
        <v>103</v>
      </c>
      <c r="G9" s="11">
        <f>VLOOKUP(E9,'學生資料(不要打開)'!$A$2:$I$1769,4,FALSE)</f>
        <v>23</v>
      </c>
      <c r="H9" s="21" t="s">
        <v>107</v>
      </c>
      <c r="I9" s="21" t="s">
        <v>80</v>
      </c>
    </row>
    <row r="10" spans="1:9" s="9" customFormat="1" x14ac:dyDescent="0.25">
      <c r="A10" s="21" t="s">
        <v>55</v>
      </c>
      <c r="B10" s="21" t="s">
        <v>64</v>
      </c>
      <c r="C10" s="4" t="s">
        <v>81</v>
      </c>
      <c r="D10" s="21" t="s">
        <v>66</v>
      </c>
      <c r="E10" s="21" t="s">
        <v>90</v>
      </c>
      <c r="F10" s="33" t="s">
        <v>103</v>
      </c>
      <c r="G10" s="11">
        <f>VLOOKUP(E10,'學生資料(不要打開)'!$A$2:$I$1769,4,FALSE)</f>
        <v>3</v>
      </c>
      <c r="H10" s="21" t="s">
        <v>107</v>
      </c>
      <c r="I10" s="21" t="s">
        <v>80</v>
      </c>
    </row>
    <row r="11" spans="1:9" s="9" customFormat="1" x14ac:dyDescent="0.25">
      <c r="A11" s="21" t="s">
        <v>55</v>
      </c>
      <c r="B11" s="21" t="s">
        <v>64</v>
      </c>
      <c r="C11" s="4" t="s">
        <v>81</v>
      </c>
      <c r="D11" s="21" t="s">
        <v>66</v>
      </c>
      <c r="E11" s="21" t="s">
        <v>91</v>
      </c>
      <c r="F11" s="21" t="s">
        <v>105</v>
      </c>
      <c r="G11" s="11">
        <f>VLOOKUP(E11,'學生資料(不要打開)'!$A$2:$I$1769,4,FALSE)</f>
        <v>8</v>
      </c>
      <c r="H11" s="21" t="s">
        <v>107</v>
      </c>
      <c r="I11" s="21" t="s">
        <v>80</v>
      </c>
    </row>
    <row r="12" spans="1:9" s="9" customFormat="1" x14ac:dyDescent="0.25">
      <c r="A12" s="21" t="s">
        <v>55</v>
      </c>
      <c r="B12" s="21" t="s">
        <v>64</v>
      </c>
      <c r="C12" s="4" t="s">
        <v>81</v>
      </c>
      <c r="D12" s="21" t="s">
        <v>66</v>
      </c>
      <c r="E12" s="21" t="s">
        <v>92</v>
      </c>
      <c r="F12" s="21" t="s">
        <v>104</v>
      </c>
      <c r="G12" s="11">
        <f>VLOOKUP(E12,'學生資料(不要打開)'!$A$2:$I$1769,4,FALSE)</f>
        <v>21</v>
      </c>
      <c r="H12" s="21" t="s">
        <v>107</v>
      </c>
      <c r="I12" s="21" t="s">
        <v>80</v>
      </c>
    </row>
    <row r="13" spans="1:9" s="9" customFormat="1" x14ac:dyDescent="0.25">
      <c r="A13" s="21" t="s">
        <v>55</v>
      </c>
      <c r="B13" s="33" t="s">
        <v>64</v>
      </c>
      <c r="C13" s="4" t="s">
        <v>81</v>
      </c>
      <c r="D13" s="21" t="s">
        <v>66</v>
      </c>
      <c r="E13" s="33" t="s">
        <v>93</v>
      </c>
      <c r="F13" s="33" t="s">
        <v>103</v>
      </c>
      <c r="G13" s="11">
        <f>VLOOKUP(E13,'學生資料(不要打開)'!$A$2:$I$1769,4,FALSE)</f>
        <v>4</v>
      </c>
      <c r="H13" s="21" t="s">
        <v>107</v>
      </c>
      <c r="I13" s="21" t="s">
        <v>80</v>
      </c>
    </row>
    <row r="14" spans="1:9" s="9" customFormat="1" x14ac:dyDescent="0.25">
      <c r="A14" s="21" t="s">
        <v>55</v>
      </c>
      <c r="B14" s="33" t="s">
        <v>64</v>
      </c>
      <c r="C14" s="4" t="s">
        <v>81</v>
      </c>
      <c r="D14" s="21" t="s">
        <v>66</v>
      </c>
      <c r="E14" s="33" t="s">
        <v>94</v>
      </c>
      <c r="F14" s="33" t="s">
        <v>104</v>
      </c>
      <c r="G14" s="11">
        <f>VLOOKUP(E14,'學生資料(不要打開)'!$A$2:$I$1769,4,FALSE)</f>
        <v>16</v>
      </c>
      <c r="H14" s="21" t="s">
        <v>107</v>
      </c>
      <c r="I14" s="21" t="s">
        <v>80</v>
      </c>
    </row>
    <row r="15" spans="1:9" s="9" customFormat="1" x14ac:dyDescent="0.25">
      <c r="A15" s="21" t="s">
        <v>55</v>
      </c>
      <c r="B15" s="33" t="s">
        <v>64</v>
      </c>
      <c r="C15" s="4" t="s">
        <v>81</v>
      </c>
      <c r="D15" s="21" t="s">
        <v>66</v>
      </c>
      <c r="E15" s="21" t="s">
        <v>95</v>
      </c>
      <c r="F15" s="21" t="s">
        <v>103</v>
      </c>
      <c r="G15" s="11">
        <f>VLOOKUP(E15,'學生資料(不要打開)'!$A$2:$I$1769,4,FALSE)</f>
        <v>24</v>
      </c>
      <c r="H15" s="21" t="s">
        <v>107</v>
      </c>
      <c r="I15" s="21" t="s">
        <v>80</v>
      </c>
    </row>
    <row r="16" spans="1:9" s="9" customFormat="1" x14ac:dyDescent="0.25">
      <c r="A16" s="21" t="s">
        <v>55</v>
      </c>
      <c r="B16" s="33" t="s">
        <v>64</v>
      </c>
      <c r="C16" s="4" t="s">
        <v>81</v>
      </c>
      <c r="D16" s="21" t="s">
        <v>66</v>
      </c>
      <c r="E16" s="33" t="s">
        <v>96</v>
      </c>
      <c r="F16" s="33" t="s">
        <v>103</v>
      </c>
      <c r="G16" s="11">
        <f>VLOOKUP(E16,'學生資料(不要打開)'!$A$2:$I$1769,4,FALSE)</f>
        <v>18</v>
      </c>
      <c r="H16" s="21" t="s">
        <v>107</v>
      </c>
      <c r="I16" s="21" t="s">
        <v>80</v>
      </c>
    </row>
    <row r="17" spans="1:9" s="9" customFormat="1" x14ac:dyDescent="0.25">
      <c r="A17" s="21" t="s">
        <v>55</v>
      </c>
      <c r="B17" s="33" t="s">
        <v>64</v>
      </c>
      <c r="C17" s="4" t="s">
        <v>81</v>
      </c>
      <c r="D17" s="21" t="s">
        <v>66</v>
      </c>
      <c r="E17" s="21" t="s">
        <v>97</v>
      </c>
      <c r="F17" s="21" t="s">
        <v>103</v>
      </c>
      <c r="G17" s="11">
        <f>VLOOKUP(E17,'學生資料(不要打開)'!$A$2:$I$1769,4,FALSE)</f>
        <v>10</v>
      </c>
      <c r="H17" s="21" t="s">
        <v>108</v>
      </c>
      <c r="I17" s="21" t="s">
        <v>80</v>
      </c>
    </row>
    <row r="18" spans="1:9" s="9" customFormat="1" x14ac:dyDescent="0.25">
      <c r="A18" s="21" t="s">
        <v>55</v>
      </c>
      <c r="B18" s="33" t="s">
        <v>64</v>
      </c>
      <c r="C18" s="4" t="s">
        <v>81</v>
      </c>
      <c r="D18" s="21" t="s">
        <v>66</v>
      </c>
      <c r="E18" s="21" t="s">
        <v>98</v>
      </c>
      <c r="F18" s="21" t="s">
        <v>103</v>
      </c>
      <c r="G18" s="11">
        <f>VLOOKUP(E18,'學生資料(不要打開)'!$A$2:$I$1769,4,FALSE)</f>
        <v>6</v>
      </c>
      <c r="H18" s="21" t="s">
        <v>108</v>
      </c>
      <c r="I18" s="21" t="s">
        <v>80</v>
      </c>
    </row>
    <row r="19" spans="1:9" s="9" customFormat="1" x14ac:dyDescent="0.25">
      <c r="A19" s="21" t="s">
        <v>55</v>
      </c>
      <c r="B19" s="33" t="s">
        <v>64</v>
      </c>
      <c r="C19" s="4" t="s">
        <v>81</v>
      </c>
      <c r="D19" s="21" t="s">
        <v>66</v>
      </c>
      <c r="E19" s="21" t="s">
        <v>99</v>
      </c>
      <c r="F19" s="33" t="s">
        <v>104</v>
      </c>
      <c r="G19" s="11">
        <f>VLOOKUP(E19,'學生資料(不要打開)'!$A$2:$I$1769,4,FALSE)</f>
        <v>22</v>
      </c>
      <c r="H19" s="21" t="s">
        <v>108</v>
      </c>
      <c r="I19" s="21" t="s">
        <v>80</v>
      </c>
    </row>
    <row r="20" spans="1:9" s="9" customFormat="1" x14ac:dyDescent="0.25">
      <c r="A20" s="21" t="s">
        <v>55</v>
      </c>
      <c r="B20" s="21" t="s">
        <v>64</v>
      </c>
      <c r="C20" s="21" t="s">
        <v>81</v>
      </c>
      <c r="D20" s="21" t="s">
        <v>66</v>
      </c>
      <c r="E20" s="21" t="s">
        <v>100</v>
      </c>
      <c r="F20" s="21" t="s">
        <v>104</v>
      </c>
      <c r="G20" s="11">
        <f>VLOOKUP(E20,'學生資料(不要打開)'!$A$2:$I$1769,4,FALSE)</f>
        <v>10</v>
      </c>
      <c r="H20" s="21" t="s">
        <v>107</v>
      </c>
      <c r="I20" s="21" t="s">
        <v>80</v>
      </c>
    </row>
    <row r="21" spans="1:9" s="9" customFormat="1" x14ac:dyDescent="0.25">
      <c r="A21" s="33" t="s">
        <v>55</v>
      </c>
      <c r="B21" s="33" t="s">
        <v>64</v>
      </c>
      <c r="C21" s="33" t="s">
        <v>81</v>
      </c>
      <c r="D21" s="33" t="s">
        <v>66</v>
      </c>
      <c r="E21" s="33" t="s">
        <v>101</v>
      </c>
      <c r="F21" s="33" t="s">
        <v>106</v>
      </c>
      <c r="G21" s="11">
        <f>VLOOKUP(E21,'學生資料(不要打開)'!$A$2:$I$1769,4,FALSE)</f>
        <v>2</v>
      </c>
      <c r="H21" s="33" t="s">
        <v>107</v>
      </c>
      <c r="I21" s="33" t="s">
        <v>80</v>
      </c>
    </row>
    <row r="22" spans="1:9" s="9" customFormat="1" x14ac:dyDescent="0.25">
      <c r="A22" s="21" t="s">
        <v>55</v>
      </c>
      <c r="B22" s="21" t="s">
        <v>64</v>
      </c>
      <c r="C22" s="21" t="s">
        <v>81</v>
      </c>
      <c r="D22" s="21" t="s">
        <v>66</v>
      </c>
      <c r="E22" s="21" t="s">
        <v>102</v>
      </c>
      <c r="F22" s="21" t="s">
        <v>103</v>
      </c>
      <c r="G22" s="11">
        <f>VLOOKUP(E22,'學生資料(不要打開)'!$A$2:$I$1769,4,FALSE)</f>
        <v>19</v>
      </c>
      <c r="H22" s="21" t="s">
        <v>107</v>
      </c>
      <c r="I22" s="21" t="s">
        <v>80</v>
      </c>
    </row>
    <row r="23" spans="1:9" s="9" customFormat="1" x14ac:dyDescent="0.25">
      <c r="A23" s="21" t="s">
        <v>166</v>
      </c>
      <c r="B23" s="33" t="s">
        <v>167</v>
      </c>
      <c r="C23" s="33" t="s">
        <v>29</v>
      </c>
      <c r="D23" s="33" t="s">
        <v>179</v>
      </c>
      <c r="E23" s="33" t="s">
        <v>97</v>
      </c>
      <c r="F23" s="33" t="s">
        <v>103</v>
      </c>
      <c r="G23" s="11">
        <f>VLOOKUP(E23,'學生資料(不要打開)'!$A$2:$I$1769,4,FALSE)</f>
        <v>10</v>
      </c>
      <c r="H23" s="33" t="s">
        <v>169</v>
      </c>
      <c r="I23" s="33" t="s">
        <v>170</v>
      </c>
    </row>
    <row r="24" spans="1:9" s="9" customFormat="1" x14ac:dyDescent="0.25">
      <c r="A24" s="33" t="s">
        <v>166</v>
      </c>
      <c r="B24" s="33" t="s">
        <v>167</v>
      </c>
      <c r="C24" s="33" t="s">
        <v>29</v>
      </c>
      <c r="D24" s="33" t="s">
        <v>179</v>
      </c>
      <c r="E24" s="33" t="s">
        <v>98</v>
      </c>
      <c r="F24" s="33" t="s">
        <v>103</v>
      </c>
      <c r="G24" s="11">
        <f>VLOOKUP(E24,'學生資料(不要打開)'!$A$2:$I$1769,4,FALSE)</f>
        <v>6</v>
      </c>
      <c r="H24" s="33" t="s">
        <v>169</v>
      </c>
      <c r="I24" s="21" t="s">
        <v>170</v>
      </c>
    </row>
    <row r="25" spans="1:9" s="9" customFormat="1" x14ac:dyDescent="0.25">
      <c r="A25" s="33" t="s">
        <v>166</v>
      </c>
      <c r="B25" s="33" t="s">
        <v>167</v>
      </c>
      <c r="C25" s="33" t="s">
        <v>29</v>
      </c>
      <c r="D25" s="33" t="s">
        <v>179</v>
      </c>
      <c r="E25" s="33" t="s">
        <v>168</v>
      </c>
      <c r="F25" s="33" t="s">
        <v>145</v>
      </c>
      <c r="G25" s="11">
        <f>VLOOKUP(E25,'學生資料(不要打開)'!$A$2:$I$1769,4,FALSE)</f>
        <v>10</v>
      </c>
      <c r="H25" s="33" t="s">
        <v>169</v>
      </c>
      <c r="I25" s="21" t="s">
        <v>170</v>
      </c>
    </row>
    <row r="26" spans="1:9" s="9" customFormat="1" x14ac:dyDescent="0.25">
      <c r="A26" s="33" t="s">
        <v>55</v>
      </c>
      <c r="B26" s="33" t="s">
        <v>178</v>
      </c>
      <c r="C26" s="33" t="s">
        <v>29</v>
      </c>
      <c r="D26" s="33" t="s">
        <v>66</v>
      </c>
      <c r="E26" s="33" t="s">
        <v>87</v>
      </c>
      <c r="F26" s="33" t="s">
        <v>103</v>
      </c>
      <c r="G26" s="11">
        <f>VLOOKUP(E26,'學生資料(不要打開)'!$A$2:$I$1769,4,FALSE)</f>
        <v>14</v>
      </c>
      <c r="H26" s="33" t="s">
        <v>107</v>
      </c>
      <c r="I26" s="21" t="s">
        <v>178</v>
      </c>
    </row>
    <row r="27" spans="1:9" s="9" customFormat="1" x14ac:dyDescent="0.25">
      <c r="A27" s="33" t="s">
        <v>55</v>
      </c>
      <c r="B27" s="33" t="s">
        <v>178</v>
      </c>
      <c r="C27" s="33" t="s">
        <v>29</v>
      </c>
      <c r="D27" s="33" t="s">
        <v>66</v>
      </c>
      <c r="E27" s="33" t="s">
        <v>88</v>
      </c>
      <c r="F27" s="33" t="s">
        <v>105</v>
      </c>
      <c r="G27" s="11">
        <f>VLOOKUP(E27,'學生資料(不要打開)'!$A$2:$I$1769,4,FALSE)</f>
        <v>21</v>
      </c>
      <c r="H27" s="33" t="s">
        <v>107</v>
      </c>
      <c r="I27" s="21" t="s">
        <v>178</v>
      </c>
    </row>
    <row r="28" spans="1:9" s="7" customFormat="1" x14ac:dyDescent="0.25">
      <c r="A28" s="33" t="s">
        <v>55</v>
      </c>
      <c r="B28" s="33" t="s">
        <v>178</v>
      </c>
      <c r="C28" s="33" t="s">
        <v>29</v>
      </c>
      <c r="D28" s="33" t="s">
        <v>66</v>
      </c>
      <c r="E28" s="33" t="s">
        <v>89</v>
      </c>
      <c r="F28" s="33" t="s">
        <v>103</v>
      </c>
      <c r="G28" s="11">
        <f>VLOOKUP(E28,'學生資料(不要打開)'!$A$2:$I$1769,4,FALSE)</f>
        <v>23</v>
      </c>
      <c r="H28" s="33" t="s">
        <v>107</v>
      </c>
      <c r="I28" s="21" t="s">
        <v>178</v>
      </c>
    </row>
    <row r="29" spans="1:9" s="7" customFormat="1" x14ac:dyDescent="0.25">
      <c r="A29" s="33" t="s">
        <v>55</v>
      </c>
      <c r="B29" s="33" t="s">
        <v>178</v>
      </c>
      <c r="C29" s="33" t="s">
        <v>29</v>
      </c>
      <c r="D29" s="33" t="s">
        <v>67</v>
      </c>
      <c r="E29" s="33" t="s">
        <v>95</v>
      </c>
      <c r="F29" s="33" t="s">
        <v>103</v>
      </c>
      <c r="G29" s="11">
        <f>VLOOKUP(E29,'學生資料(不要打開)'!$A$2:$I$1769,4,FALSE)</f>
        <v>24</v>
      </c>
      <c r="H29" s="33" t="s">
        <v>107</v>
      </c>
      <c r="I29" s="21" t="s">
        <v>178</v>
      </c>
    </row>
    <row r="30" spans="1:9" s="7" customFormat="1" x14ac:dyDescent="0.25">
      <c r="A30" s="33" t="s">
        <v>55</v>
      </c>
      <c r="B30" s="33" t="s">
        <v>178</v>
      </c>
      <c r="C30" s="33" t="s">
        <v>29</v>
      </c>
      <c r="D30" s="33" t="s">
        <v>67</v>
      </c>
      <c r="E30" s="33" t="s">
        <v>92</v>
      </c>
      <c r="F30" s="33" t="s">
        <v>104</v>
      </c>
      <c r="G30" s="11">
        <f>VLOOKUP(E30,'學生資料(不要打開)'!$A$2:$I$1769,4,FALSE)</f>
        <v>21</v>
      </c>
      <c r="H30" s="33" t="s">
        <v>107</v>
      </c>
      <c r="I30" s="21" t="s">
        <v>178</v>
      </c>
    </row>
    <row r="31" spans="1:9" s="7" customFormat="1" x14ac:dyDescent="0.25">
      <c r="A31" s="33" t="s">
        <v>55</v>
      </c>
      <c r="B31" s="33" t="s">
        <v>178</v>
      </c>
      <c r="C31" s="33" t="s">
        <v>29</v>
      </c>
      <c r="D31" s="33" t="s">
        <v>67</v>
      </c>
      <c r="E31" s="33" t="s">
        <v>94</v>
      </c>
      <c r="F31" s="33" t="s">
        <v>104</v>
      </c>
      <c r="G31" s="11">
        <f>VLOOKUP(E31,'學生資料(不要打開)'!$A$2:$I$1769,4,FALSE)</f>
        <v>16</v>
      </c>
      <c r="H31" s="33" t="s">
        <v>107</v>
      </c>
      <c r="I31" s="21" t="s">
        <v>178</v>
      </c>
    </row>
    <row r="32" spans="1:9" s="7" customFormat="1" x14ac:dyDescent="0.25">
      <c r="A32" s="33" t="s">
        <v>55</v>
      </c>
      <c r="B32" s="33" t="s">
        <v>182</v>
      </c>
      <c r="C32" s="33" t="s">
        <v>29</v>
      </c>
      <c r="D32" s="33" t="s">
        <v>183</v>
      </c>
      <c r="E32" s="33" t="s">
        <v>97</v>
      </c>
      <c r="F32" s="33" t="s">
        <v>103</v>
      </c>
      <c r="G32" s="11">
        <f>VLOOKUP(E32,'學生資料(不要打開)'!$A$2:$I$1769,4,FALSE)</f>
        <v>10</v>
      </c>
      <c r="H32" s="33" t="s">
        <v>169</v>
      </c>
      <c r="I32" s="21" t="s">
        <v>184</v>
      </c>
    </row>
    <row r="33" spans="1:9" s="7" customFormat="1" x14ac:dyDescent="0.25">
      <c r="A33" s="33" t="s">
        <v>55</v>
      </c>
      <c r="B33" s="33" t="s">
        <v>182</v>
      </c>
      <c r="C33" s="33" t="s">
        <v>29</v>
      </c>
      <c r="D33" s="33" t="s">
        <v>183</v>
      </c>
      <c r="E33" s="33" t="s">
        <v>98</v>
      </c>
      <c r="F33" s="33" t="s">
        <v>103</v>
      </c>
      <c r="G33" s="11">
        <f>VLOOKUP(E33,'學生資料(不要打開)'!$A$2:$I$1769,4,FALSE)</f>
        <v>6</v>
      </c>
      <c r="H33" s="33" t="s">
        <v>169</v>
      </c>
      <c r="I33" s="21" t="s">
        <v>184</v>
      </c>
    </row>
    <row r="34" spans="1:9" s="7" customFormat="1" x14ac:dyDescent="0.25">
      <c r="A34" s="33" t="s">
        <v>55</v>
      </c>
      <c r="B34" s="33" t="s">
        <v>182</v>
      </c>
      <c r="C34" s="33" t="s">
        <v>29</v>
      </c>
      <c r="D34" s="33" t="s">
        <v>183</v>
      </c>
      <c r="E34" s="33" t="s">
        <v>99</v>
      </c>
      <c r="F34" s="33" t="s">
        <v>104</v>
      </c>
      <c r="G34" s="11">
        <f>VLOOKUP(E34,'學生資料(不要打開)'!$A$2:$I$1769,4,FALSE)</f>
        <v>22</v>
      </c>
      <c r="H34" s="33" t="s">
        <v>169</v>
      </c>
      <c r="I34" s="33" t="s">
        <v>184</v>
      </c>
    </row>
    <row r="35" spans="1:9" s="7" customFormat="1" x14ac:dyDescent="0.25">
      <c r="A35" s="33" t="s">
        <v>55</v>
      </c>
      <c r="B35" s="33" t="s">
        <v>185</v>
      </c>
      <c r="C35" s="33" t="s">
        <v>29</v>
      </c>
      <c r="D35" s="33" t="s">
        <v>66</v>
      </c>
      <c r="E35" s="33" t="s">
        <v>92</v>
      </c>
      <c r="F35" s="33" t="s">
        <v>104</v>
      </c>
      <c r="G35" s="11">
        <f>VLOOKUP(E35,'學生資料(不要打開)'!$A$2:$I$1769,4,FALSE)</f>
        <v>21</v>
      </c>
      <c r="H35" s="33" t="s">
        <v>107</v>
      </c>
      <c r="I35" s="33" t="s">
        <v>186</v>
      </c>
    </row>
    <row r="36" spans="1:9" s="7" customFormat="1" x14ac:dyDescent="0.25">
      <c r="A36" s="33" t="s">
        <v>55</v>
      </c>
      <c r="B36" s="33" t="s">
        <v>185</v>
      </c>
      <c r="C36" s="33" t="s">
        <v>29</v>
      </c>
      <c r="D36" s="33" t="s">
        <v>66</v>
      </c>
      <c r="E36" s="33" t="s">
        <v>93</v>
      </c>
      <c r="F36" s="33" t="s">
        <v>103</v>
      </c>
      <c r="G36" s="11">
        <f>VLOOKUP(E36,'學生資料(不要打開)'!$A$2:$I$1769,4,FALSE)</f>
        <v>4</v>
      </c>
      <c r="H36" s="33" t="s">
        <v>107</v>
      </c>
      <c r="I36" s="33" t="s">
        <v>186</v>
      </c>
    </row>
    <row r="37" spans="1:9" s="7" customFormat="1" x14ac:dyDescent="0.25">
      <c r="A37" s="33" t="s">
        <v>55</v>
      </c>
      <c r="B37" s="33" t="s">
        <v>185</v>
      </c>
      <c r="C37" s="33" t="s">
        <v>29</v>
      </c>
      <c r="D37" s="33" t="s">
        <v>66</v>
      </c>
      <c r="E37" s="33" t="s">
        <v>94</v>
      </c>
      <c r="F37" s="33" t="s">
        <v>104</v>
      </c>
      <c r="G37" s="11">
        <f>VLOOKUP(E37,'學生資料(不要打開)'!$A$2:$I$1769,4,FALSE)</f>
        <v>16</v>
      </c>
      <c r="H37" s="33" t="s">
        <v>107</v>
      </c>
      <c r="I37" s="33" t="s">
        <v>186</v>
      </c>
    </row>
    <row r="38" spans="1:9" s="7" customFormat="1" x14ac:dyDescent="0.25">
      <c r="A38" s="33" t="s">
        <v>55</v>
      </c>
      <c r="B38" s="33" t="s">
        <v>185</v>
      </c>
      <c r="C38" s="33" t="s">
        <v>29</v>
      </c>
      <c r="D38" s="33" t="s">
        <v>66</v>
      </c>
      <c r="E38" s="33" t="s">
        <v>95</v>
      </c>
      <c r="F38" s="33" t="s">
        <v>103</v>
      </c>
      <c r="G38" s="11">
        <f>VLOOKUP(E38,'學生資料(不要打開)'!$A$2:$I$1769,4,FALSE)</f>
        <v>24</v>
      </c>
      <c r="H38" s="33" t="s">
        <v>107</v>
      </c>
      <c r="I38" s="33" t="s">
        <v>186</v>
      </c>
    </row>
    <row r="39" spans="1:9" s="7" customFormat="1" x14ac:dyDescent="0.25">
      <c r="A39" s="33" t="s">
        <v>55</v>
      </c>
      <c r="B39" s="33" t="s">
        <v>185</v>
      </c>
      <c r="C39" s="33" t="s">
        <v>29</v>
      </c>
      <c r="D39" s="33" t="s">
        <v>66</v>
      </c>
      <c r="E39" s="33" t="s">
        <v>96</v>
      </c>
      <c r="F39" s="33" t="s">
        <v>103</v>
      </c>
      <c r="G39" s="11">
        <f>VLOOKUP(E39,'學生資料(不要打開)'!$A$2:$I$1769,4,FALSE)</f>
        <v>18</v>
      </c>
      <c r="H39" s="33" t="s">
        <v>107</v>
      </c>
      <c r="I39" s="33" t="s">
        <v>186</v>
      </c>
    </row>
    <row r="40" spans="1:9" s="9" customFormat="1" x14ac:dyDescent="0.25">
      <c r="A40" s="33" t="s">
        <v>55</v>
      </c>
      <c r="B40" s="33" t="s">
        <v>185</v>
      </c>
      <c r="C40" s="33" t="s">
        <v>29</v>
      </c>
      <c r="D40" s="33" t="s">
        <v>66</v>
      </c>
      <c r="E40" s="33" t="s">
        <v>87</v>
      </c>
      <c r="F40" s="33" t="s">
        <v>103</v>
      </c>
      <c r="G40" s="11">
        <f>VLOOKUP(E40,'學生資料(不要打開)'!$A$2:$I$1769,4,FALSE)</f>
        <v>14</v>
      </c>
      <c r="H40" s="33" t="s">
        <v>107</v>
      </c>
      <c r="I40" s="33" t="s">
        <v>186</v>
      </c>
    </row>
    <row r="41" spans="1:9" s="9" customFormat="1" x14ac:dyDescent="0.25">
      <c r="A41" s="33" t="s">
        <v>55</v>
      </c>
      <c r="B41" s="33" t="s">
        <v>185</v>
      </c>
      <c r="C41" s="33" t="s">
        <v>29</v>
      </c>
      <c r="D41" s="33" t="s">
        <v>66</v>
      </c>
      <c r="E41" s="33" t="s">
        <v>88</v>
      </c>
      <c r="F41" s="33" t="s">
        <v>105</v>
      </c>
      <c r="G41" s="11">
        <f>VLOOKUP(E41,'學生資料(不要打開)'!$A$2:$I$1769,4,FALSE)</f>
        <v>21</v>
      </c>
      <c r="H41" s="33" t="s">
        <v>107</v>
      </c>
      <c r="I41" s="33" t="s">
        <v>186</v>
      </c>
    </row>
    <row r="42" spans="1:9" s="9" customFormat="1" x14ac:dyDescent="0.25">
      <c r="A42" s="33" t="s">
        <v>55</v>
      </c>
      <c r="B42" s="33" t="s">
        <v>185</v>
      </c>
      <c r="C42" s="33" t="s">
        <v>29</v>
      </c>
      <c r="D42" s="33" t="s">
        <v>66</v>
      </c>
      <c r="E42" s="33" t="s">
        <v>89</v>
      </c>
      <c r="F42" s="33" t="s">
        <v>103</v>
      </c>
      <c r="G42" s="11">
        <f>VLOOKUP(E42,'學生資料(不要打開)'!$A$2:$I$1769,4,FALSE)</f>
        <v>23</v>
      </c>
      <c r="H42" s="33" t="s">
        <v>107</v>
      </c>
      <c r="I42" s="33" t="s">
        <v>186</v>
      </c>
    </row>
    <row r="43" spans="1:9" s="9" customFormat="1" x14ac:dyDescent="0.25">
      <c r="A43" s="33" t="s">
        <v>55</v>
      </c>
      <c r="B43" s="33" t="s">
        <v>185</v>
      </c>
      <c r="C43" s="33" t="s">
        <v>29</v>
      </c>
      <c r="D43" s="33" t="s">
        <v>66</v>
      </c>
      <c r="E43" s="33" t="s">
        <v>187</v>
      </c>
      <c r="F43" s="33" t="s">
        <v>105</v>
      </c>
      <c r="G43" s="11">
        <f>VLOOKUP(E43,'學生資料(不要打開)'!$A$2:$I$1769,4,FALSE)</f>
        <v>19</v>
      </c>
      <c r="H43" s="33" t="s">
        <v>107</v>
      </c>
      <c r="I43" s="33" t="s">
        <v>186</v>
      </c>
    </row>
    <row r="44" spans="1:9" s="9" customFormat="1" x14ac:dyDescent="0.25">
      <c r="A44" s="33" t="s">
        <v>55</v>
      </c>
      <c r="B44" s="33" t="s">
        <v>185</v>
      </c>
      <c r="C44" s="33" t="s">
        <v>29</v>
      </c>
      <c r="D44" s="33" t="s">
        <v>67</v>
      </c>
      <c r="E44" s="33" t="s">
        <v>84</v>
      </c>
      <c r="F44" s="33" t="s">
        <v>104</v>
      </c>
      <c r="G44" s="11">
        <f>VLOOKUP(E44,'學生資料(不要打開)'!$A$2:$I$1769,4,FALSE)</f>
        <v>13</v>
      </c>
      <c r="H44" s="33" t="s">
        <v>107</v>
      </c>
      <c r="I44" s="33" t="s">
        <v>186</v>
      </c>
    </row>
    <row r="45" spans="1:9" s="9" customFormat="1" x14ac:dyDescent="0.25">
      <c r="A45" s="33" t="s">
        <v>55</v>
      </c>
      <c r="B45" s="33" t="s">
        <v>185</v>
      </c>
      <c r="C45" s="33" t="s">
        <v>29</v>
      </c>
      <c r="D45" s="33" t="s">
        <v>67</v>
      </c>
      <c r="E45" s="33" t="s">
        <v>85</v>
      </c>
      <c r="F45" s="33" t="s">
        <v>104</v>
      </c>
      <c r="G45" s="11">
        <f>VLOOKUP(E45,'學生資料(不要打開)'!$A$2:$I$1769,4,FALSE)</f>
        <v>4</v>
      </c>
      <c r="H45" s="33" t="s">
        <v>107</v>
      </c>
      <c r="I45" s="33" t="s">
        <v>186</v>
      </c>
    </row>
    <row r="46" spans="1:9" s="9" customFormat="1" x14ac:dyDescent="0.25">
      <c r="A46" s="33" t="s">
        <v>55</v>
      </c>
      <c r="B46" s="33" t="s">
        <v>185</v>
      </c>
      <c r="C46" s="33" t="s">
        <v>29</v>
      </c>
      <c r="D46" s="33" t="s">
        <v>67</v>
      </c>
      <c r="E46" s="33" t="s">
        <v>86</v>
      </c>
      <c r="F46" s="33" t="s">
        <v>103</v>
      </c>
      <c r="G46" s="11">
        <f>VLOOKUP(E46,'學生資料(不要打開)'!$A$2:$I$1769,4,FALSE)</f>
        <v>21</v>
      </c>
      <c r="H46" s="33" t="s">
        <v>107</v>
      </c>
      <c r="I46" s="33" t="s">
        <v>186</v>
      </c>
    </row>
    <row r="47" spans="1:9" s="9" customFormat="1" x14ac:dyDescent="0.25">
      <c r="A47" s="33" t="s">
        <v>55</v>
      </c>
      <c r="B47" s="33" t="s">
        <v>185</v>
      </c>
      <c r="C47" s="33" t="s">
        <v>29</v>
      </c>
      <c r="D47" s="33" t="s">
        <v>67</v>
      </c>
      <c r="E47" s="33" t="s">
        <v>83</v>
      </c>
      <c r="F47" s="33" t="s">
        <v>103</v>
      </c>
      <c r="G47" s="11">
        <f>VLOOKUP(E47,'學生資料(不要打開)'!$A$2:$I$1769,4,FALSE)</f>
        <v>12</v>
      </c>
      <c r="H47" s="33" t="s">
        <v>107</v>
      </c>
      <c r="I47" s="33" t="s">
        <v>186</v>
      </c>
    </row>
    <row r="48" spans="1:9" s="9" customFormat="1" x14ac:dyDescent="0.25">
      <c r="A48" s="33" t="s">
        <v>513</v>
      </c>
      <c r="B48" s="33" t="s">
        <v>512</v>
      </c>
      <c r="C48" s="33" t="s">
        <v>485</v>
      </c>
      <c r="D48" s="33" t="s">
        <v>516</v>
      </c>
      <c r="E48" s="33" t="s">
        <v>97</v>
      </c>
      <c r="F48" s="33" t="s">
        <v>103</v>
      </c>
      <c r="G48" s="11">
        <f>VLOOKUP(E48,'學生資料(不要打開)'!$A$2:$I$1769,4,FALSE)</f>
        <v>10</v>
      </c>
      <c r="H48" s="33" t="s">
        <v>107</v>
      </c>
      <c r="I48" s="33" t="s">
        <v>514</v>
      </c>
    </row>
    <row r="49" spans="1:9" s="9" customFormat="1" x14ac:dyDescent="0.25">
      <c r="A49" s="33" t="s">
        <v>513</v>
      </c>
      <c r="B49" s="33" t="s">
        <v>512</v>
      </c>
      <c r="C49" s="33" t="s">
        <v>485</v>
      </c>
      <c r="D49" s="33" t="s">
        <v>516</v>
      </c>
      <c r="E49" s="33" t="s">
        <v>99</v>
      </c>
      <c r="F49" s="33" t="s">
        <v>104</v>
      </c>
      <c r="G49" s="11">
        <f>VLOOKUP(E49,'學生資料(不要打開)'!$A$2:$I$1769,4,FALSE)</f>
        <v>22</v>
      </c>
      <c r="H49" s="33" t="s">
        <v>107</v>
      </c>
      <c r="I49" s="33" t="s">
        <v>514</v>
      </c>
    </row>
    <row r="50" spans="1:9" s="9" customFormat="1" x14ac:dyDescent="0.25">
      <c r="A50" s="33" t="s">
        <v>513</v>
      </c>
      <c r="B50" s="33" t="s">
        <v>512</v>
      </c>
      <c r="C50" s="33" t="s">
        <v>485</v>
      </c>
      <c r="D50" s="33" t="s">
        <v>516</v>
      </c>
      <c r="E50" s="33" t="s">
        <v>98</v>
      </c>
      <c r="F50" s="33" t="s">
        <v>103</v>
      </c>
      <c r="G50" s="11">
        <f>VLOOKUP(E50,'學生資料(不要打開)'!$A$2:$I$1769,4,FALSE)</f>
        <v>6</v>
      </c>
      <c r="H50" s="33" t="s">
        <v>107</v>
      </c>
      <c r="I50" s="33" t="s">
        <v>514</v>
      </c>
    </row>
    <row r="51" spans="1:9" s="10" customFormat="1" x14ac:dyDescent="0.25">
      <c r="A51" s="33" t="s">
        <v>513</v>
      </c>
      <c r="B51" s="33" t="s">
        <v>512</v>
      </c>
      <c r="C51" s="33" t="s">
        <v>485</v>
      </c>
      <c r="D51" s="33" t="s">
        <v>516</v>
      </c>
      <c r="E51" s="33" t="s">
        <v>139</v>
      </c>
      <c r="F51" s="33" t="s">
        <v>77</v>
      </c>
      <c r="G51" s="11">
        <f>VLOOKUP(E51,'學生資料(不要打開)'!$A$2:$I$1769,4,FALSE)</f>
        <v>21</v>
      </c>
      <c r="H51" s="33" t="s">
        <v>107</v>
      </c>
      <c r="I51" s="33" t="s">
        <v>514</v>
      </c>
    </row>
    <row r="52" spans="1:9" s="9" customFormat="1" x14ac:dyDescent="0.25">
      <c r="A52" s="33" t="s">
        <v>513</v>
      </c>
      <c r="B52" s="33" t="s">
        <v>512</v>
      </c>
      <c r="C52" s="33" t="s">
        <v>485</v>
      </c>
      <c r="D52" s="33" t="s">
        <v>516</v>
      </c>
      <c r="E52" s="33" t="s">
        <v>163</v>
      </c>
      <c r="F52" s="33" t="s">
        <v>77</v>
      </c>
      <c r="G52" s="11">
        <f>VLOOKUP(E52,'學生資料(不要打開)'!$A$2:$I$1769,4,FALSE)</f>
        <v>19</v>
      </c>
      <c r="H52" s="33" t="s">
        <v>107</v>
      </c>
      <c r="I52" s="33" t="s">
        <v>514</v>
      </c>
    </row>
    <row r="53" spans="1:9" s="9" customFormat="1" x14ac:dyDescent="0.25">
      <c r="A53" s="33" t="s">
        <v>513</v>
      </c>
      <c r="B53" s="33" t="s">
        <v>512</v>
      </c>
      <c r="C53" s="33" t="s">
        <v>485</v>
      </c>
      <c r="D53" s="33" t="s">
        <v>516</v>
      </c>
      <c r="E53" s="33" t="s">
        <v>521</v>
      </c>
      <c r="F53" s="33" t="s">
        <v>78</v>
      </c>
      <c r="G53" s="11">
        <f>VLOOKUP(E53,'學生資料(不要打開)'!$A$2:$I$1769,4,FALSE)</f>
        <v>21</v>
      </c>
      <c r="H53" s="33" t="s">
        <v>107</v>
      </c>
      <c r="I53" s="33" t="s">
        <v>514</v>
      </c>
    </row>
    <row r="54" spans="1:9" s="9" customFormat="1" x14ac:dyDescent="0.25">
      <c r="A54" s="33" t="s">
        <v>513</v>
      </c>
      <c r="B54" s="33" t="s">
        <v>512</v>
      </c>
      <c r="C54" s="33" t="s">
        <v>485</v>
      </c>
      <c r="D54" s="33" t="s">
        <v>516</v>
      </c>
      <c r="E54" s="33" t="s">
        <v>532</v>
      </c>
      <c r="F54" s="33" t="s">
        <v>78</v>
      </c>
      <c r="G54" s="11">
        <f>VLOOKUP(E54,'學生資料(不要打開)'!$A$2:$I$1769,4,FALSE)</f>
        <v>17</v>
      </c>
      <c r="H54" s="33" t="s">
        <v>107</v>
      </c>
      <c r="I54" s="33" t="s">
        <v>514</v>
      </c>
    </row>
    <row r="55" spans="1:9" s="9" customFormat="1" x14ac:dyDescent="0.25">
      <c r="A55" s="33" t="s">
        <v>513</v>
      </c>
      <c r="B55" s="33" t="s">
        <v>512</v>
      </c>
      <c r="C55" s="33" t="s">
        <v>485</v>
      </c>
      <c r="D55" s="33" t="s">
        <v>535</v>
      </c>
      <c r="E55" s="33" t="s">
        <v>533</v>
      </c>
      <c r="F55" s="33" t="s">
        <v>78</v>
      </c>
      <c r="G55" s="11">
        <f>VLOOKUP(E55,'學生資料(不要打開)'!$A$2:$I$1769,4,FALSE)</f>
        <v>8</v>
      </c>
      <c r="H55" s="33" t="s">
        <v>107</v>
      </c>
      <c r="I55" s="33" t="s">
        <v>514</v>
      </c>
    </row>
    <row r="56" spans="1:9" s="9" customFormat="1" x14ac:dyDescent="0.25">
      <c r="A56" s="33" t="s">
        <v>513</v>
      </c>
      <c r="B56" s="33" t="s">
        <v>512</v>
      </c>
      <c r="C56" s="33" t="s">
        <v>485</v>
      </c>
      <c r="D56" s="33" t="s">
        <v>535</v>
      </c>
      <c r="E56" s="33" t="s">
        <v>534</v>
      </c>
      <c r="F56" s="33" t="s">
        <v>78</v>
      </c>
      <c r="G56" s="11">
        <f>VLOOKUP(E56,'學生資料(不要打開)'!$A$2:$I$1769,4,FALSE)</f>
        <v>18</v>
      </c>
      <c r="H56" s="33" t="s">
        <v>107</v>
      </c>
      <c r="I56" s="33" t="s">
        <v>514</v>
      </c>
    </row>
    <row r="57" spans="1:9" x14ac:dyDescent="0.25">
      <c r="A57" s="33" t="s">
        <v>1206</v>
      </c>
      <c r="B57" s="33" t="s">
        <v>1205</v>
      </c>
      <c r="C57" s="33" t="s">
        <v>29</v>
      </c>
      <c r="D57" s="33" t="s">
        <v>1207</v>
      </c>
      <c r="E57" s="33" t="s">
        <v>163</v>
      </c>
      <c r="F57" s="33" t="s">
        <v>77</v>
      </c>
      <c r="G57" s="11">
        <f>VLOOKUP(E57,'學生資料(不要打開)'!$A$2:$I$1769,4,FALSE)</f>
        <v>19</v>
      </c>
      <c r="H57" s="33" t="s">
        <v>107</v>
      </c>
      <c r="I57" s="33" t="s">
        <v>1208</v>
      </c>
    </row>
    <row r="58" spans="1:9" x14ac:dyDescent="0.25">
      <c r="A58" s="33" t="s">
        <v>1235</v>
      </c>
      <c r="B58" s="33" t="s">
        <v>1205</v>
      </c>
      <c r="C58" s="33" t="s">
        <v>29</v>
      </c>
      <c r="D58" s="33" t="s">
        <v>516</v>
      </c>
      <c r="E58" s="33" t="s">
        <v>518</v>
      </c>
      <c r="F58" s="33" t="s">
        <v>78</v>
      </c>
      <c r="G58" s="11">
        <f>VLOOKUP(E58,'學生資料(不要打開)'!$A$2:$I$1769,4,FALSE)</f>
        <v>7</v>
      </c>
      <c r="H58" s="33" t="s">
        <v>107</v>
      </c>
      <c r="I58" s="33" t="s">
        <v>1208</v>
      </c>
    </row>
    <row r="59" spans="1:9" x14ac:dyDescent="0.25">
      <c r="A59" s="33" t="s">
        <v>1206</v>
      </c>
      <c r="B59" s="33" t="s">
        <v>1227</v>
      </c>
      <c r="C59" s="33" t="s">
        <v>29</v>
      </c>
      <c r="D59" s="33" t="s">
        <v>1237</v>
      </c>
      <c r="E59" s="33" t="s">
        <v>163</v>
      </c>
      <c r="F59" s="33" t="s">
        <v>77</v>
      </c>
      <c r="G59" s="11">
        <f>VLOOKUP(E59,'學生資料(不要打開)'!$A$2:$I$1769,4,FALSE)</f>
        <v>19</v>
      </c>
      <c r="H59" s="33" t="s">
        <v>107</v>
      </c>
      <c r="I59" s="33" t="s">
        <v>1231</v>
      </c>
    </row>
    <row r="60" spans="1:9" x14ac:dyDescent="0.25">
      <c r="A60" s="33" t="s">
        <v>1206</v>
      </c>
      <c r="B60" s="33" t="s">
        <v>1227</v>
      </c>
      <c r="C60" s="33" t="s">
        <v>29</v>
      </c>
      <c r="D60" s="33" t="s">
        <v>1237</v>
      </c>
      <c r="E60" s="33" t="s">
        <v>139</v>
      </c>
      <c r="F60" s="33" t="s">
        <v>77</v>
      </c>
      <c r="G60" s="11">
        <f>VLOOKUP(E60,'學生資料(不要打開)'!$A$2:$I$1769,4,FALSE)</f>
        <v>21</v>
      </c>
      <c r="H60" s="33" t="s">
        <v>107</v>
      </c>
      <c r="I60" s="33" t="s">
        <v>1231</v>
      </c>
    </row>
    <row r="61" spans="1:9" x14ac:dyDescent="0.25">
      <c r="A61" s="33" t="s">
        <v>1206</v>
      </c>
      <c r="B61" s="33" t="s">
        <v>1227</v>
      </c>
      <c r="C61" s="33" t="s">
        <v>29</v>
      </c>
      <c r="D61" s="33" t="s">
        <v>1237</v>
      </c>
      <c r="E61" s="33" t="s">
        <v>972</v>
      </c>
      <c r="F61" s="33" t="s">
        <v>77</v>
      </c>
      <c r="G61" s="11">
        <f>VLOOKUP(E61,'學生資料(不要打開)'!$A$2:$I$1769,4,FALSE)</f>
        <v>4</v>
      </c>
      <c r="H61" s="33" t="s">
        <v>107</v>
      </c>
      <c r="I61" s="33" t="s">
        <v>1231</v>
      </c>
    </row>
    <row r="62" spans="1:9" x14ac:dyDescent="0.25">
      <c r="A62" s="33" t="s">
        <v>1206</v>
      </c>
      <c r="B62" s="33" t="s">
        <v>1227</v>
      </c>
      <c r="C62" s="33" t="s">
        <v>29</v>
      </c>
      <c r="D62" s="33" t="s">
        <v>1237</v>
      </c>
      <c r="E62" s="33" t="s">
        <v>967</v>
      </c>
      <c r="F62" s="33" t="s">
        <v>77</v>
      </c>
      <c r="G62" s="11">
        <f>VLOOKUP(E62,'學生資料(不要打開)'!$A$2:$I$1769,4,FALSE)</f>
        <v>10</v>
      </c>
      <c r="H62" s="33" t="s">
        <v>107</v>
      </c>
      <c r="I62" s="33" t="s">
        <v>1231</v>
      </c>
    </row>
    <row r="63" spans="1:9" x14ac:dyDescent="0.25">
      <c r="A63" s="33" t="s">
        <v>1206</v>
      </c>
      <c r="B63" s="33" t="s">
        <v>1227</v>
      </c>
      <c r="C63" s="33" t="s">
        <v>29</v>
      </c>
      <c r="D63" s="33" t="s">
        <v>1237</v>
      </c>
      <c r="E63" s="33" t="s">
        <v>521</v>
      </c>
      <c r="F63" s="33" t="s">
        <v>78</v>
      </c>
      <c r="G63" s="11">
        <f>VLOOKUP(E63,'學生資料(不要打開)'!$A$2:$I$1769,4,FALSE)</f>
        <v>21</v>
      </c>
      <c r="H63" s="33" t="s">
        <v>107</v>
      </c>
      <c r="I63" s="33" t="s">
        <v>1231</v>
      </c>
    </row>
    <row r="64" spans="1:9" x14ac:dyDescent="0.25">
      <c r="A64" s="33" t="s">
        <v>1206</v>
      </c>
      <c r="B64" s="33" t="s">
        <v>1227</v>
      </c>
      <c r="C64" s="33" t="s">
        <v>29</v>
      </c>
      <c r="D64" s="33" t="s">
        <v>1237</v>
      </c>
      <c r="E64" s="33" t="s">
        <v>677</v>
      </c>
      <c r="F64" s="33" t="s">
        <v>78</v>
      </c>
      <c r="G64" s="11">
        <f>VLOOKUP(E64,'學生資料(不要打開)'!$A$2:$I$1769,4,FALSE)</f>
        <v>4</v>
      </c>
      <c r="H64" s="33" t="s">
        <v>107</v>
      </c>
      <c r="I64" s="33" t="s">
        <v>1231</v>
      </c>
    </row>
    <row r="65" spans="1:9" x14ac:dyDescent="0.25">
      <c r="A65" s="33" t="s">
        <v>1236</v>
      </c>
      <c r="B65" s="33" t="s">
        <v>1228</v>
      </c>
      <c r="C65" s="33" t="s">
        <v>29</v>
      </c>
      <c r="D65" s="33" t="s">
        <v>66</v>
      </c>
      <c r="E65" s="33" t="s">
        <v>518</v>
      </c>
      <c r="F65" s="33" t="s">
        <v>78</v>
      </c>
      <c r="G65" s="11">
        <f>VLOOKUP(E65,'學生資料(不要打開)'!$A$2:$I$1769,4,FALSE)</f>
        <v>7</v>
      </c>
      <c r="H65" s="33" t="s">
        <v>107</v>
      </c>
      <c r="I65" s="33" t="s">
        <v>1232</v>
      </c>
    </row>
    <row r="66" spans="1:9" x14ac:dyDescent="0.25">
      <c r="A66" s="33" t="s">
        <v>1236</v>
      </c>
      <c r="B66" s="33" t="s">
        <v>1228</v>
      </c>
      <c r="C66" s="33" t="s">
        <v>29</v>
      </c>
      <c r="D66" s="33" t="s">
        <v>66</v>
      </c>
      <c r="E66" s="33" t="s">
        <v>532</v>
      </c>
      <c r="F66" s="33" t="s">
        <v>78</v>
      </c>
      <c r="G66" s="11">
        <f>VLOOKUP(E66,'學生資料(不要打開)'!$A$2:$I$1769,4,FALSE)</f>
        <v>17</v>
      </c>
      <c r="H66" s="33" t="s">
        <v>107</v>
      </c>
      <c r="I66" s="33" t="s">
        <v>1232</v>
      </c>
    </row>
    <row r="67" spans="1:9" x14ac:dyDescent="0.25">
      <c r="A67" s="33" t="s">
        <v>1236</v>
      </c>
      <c r="B67" s="33" t="s">
        <v>1228</v>
      </c>
      <c r="C67" s="33" t="s">
        <v>29</v>
      </c>
      <c r="D67" s="33" t="s">
        <v>66</v>
      </c>
      <c r="E67" s="33" t="s">
        <v>534</v>
      </c>
      <c r="F67" s="33" t="s">
        <v>78</v>
      </c>
      <c r="G67" s="11">
        <f>VLOOKUP(E67,'學生資料(不要打開)'!$A$2:$I$1769,4,FALSE)</f>
        <v>18</v>
      </c>
      <c r="H67" s="33" t="s">
        <v>107</v>
      </c>
      <c r="I67" s="33" t="s">
        <v>1232</v>
      </c>
    </row>
    <row r="68" spans="1:9" x14ac:dyDescent="0.25">
      <c r="A68" s="33" t="s">
        <v>1236</v>
      </c>
      <c r="B68" s="33" t="s">
        <v>1229</v>
      </c>
      <c r="C68" s="33" t="s">
        <v>29</v>
      </c>
      <c r="D68" s="33" t="s">
        <v>66</v>
      </c>
      <c r="E68" s="33" t="s">
        <v>163</v>
      </c>
      <c r="F68" s="33" t="s">
        <v>77</v>
      </c>
      <c r="G68" s="11">
        <f>VLOOKUP(E68,'學生資料(不要打開)'!$A$2:$I$1769,4,FALSE)</f>
        <v>19</v>
      </c>
      <c r="H68" s="33" t="s">
        <v>107</v>
      </c>
      <c r="I68" s="33" t="s">
        <v>1233</v>
      </c>
    </row>
    <row r="69" spans="1:9" x14ac:dyDescent="0.25">
      <c r="A69" s="33" t="s">
        <v>1236</v>
      </c>
      <c r="B69" s="33" t="s">
        <v>1229</v>
      </c>
      <c r="C69" s="33" t="s">
        <v>29</v>
      </c>
      <c r="D69" s="33" t="s">
        <v>66</v>
      </c>
      <c r="E69" s="33" t="s">
        <v>139</v>
      </c>
      <c r="F69" s="33" t="s">
        <v>77</v>
      </c>
      <c r="G69" s="11">
        <f>VLOOKUP(E69,'學生資料(不要打開)'!$A$2:$I$1769,4,FALSE)</f>
        <v>21</v>
      </c>
      <c r="H69" s="33" t="s">
        <v>107</v>
      </c>
      <c r="I69" s="33" t="s">
        <v>1233</v>
      </c>
    </row>
    <row r="70" spans="1:9" x14ac:dyDescent="0.25">
      <c r="A70" s="33" t="s">
        <v>1236</v>
      </c>
      <c r="B70" s="33" t="s">
        <v>1229</v>
      </c>
      <c r="C70" s="33" t="s">
        <v>29</v>
      </c>
      <c r="D70" s="33" t="s">
        <v>66</v>
      </c>
      <c r="E70" s="33" t="s">
        <v>521</v>
      </c>
      <c r="F70" s="33" t="s">
        <v>78</v>
      </c>
      <c r="G70" s="11">
        <f>VLOOKUP(E70,'學生資料(不要打開)'!$A$2:$I$1769,4,FALSE)</f>
        <v>21</v>
      </c>
      <c r="H70" s="33" t="s">
        <v>107</v>
      </c>
      <c r="I70" s="33" t="s">
        <v>1233</v>
      </c>
    </row>
    <row r="71" spans="1:9" x14ac:dyDescent="0.25">
      <c r="A71" s="33" t="s">
        <v>1206</v>
      </c>
      <c r="B71" s="33" t="s">
        <v>1230</v>
      </c>
      <c r="C71" s="33" t="s">
        <v>29</v>
      </c>
      <c r="D71" s="33" t="s">
        <v>1018</v>
      </c>
      <c r="E71" s="33" t="s">
        <v>97</v>
      </c>
      <c r="F71" s="33" t="s">
        <v>103</v>
      </c>
      <c r="G71" s="11">
        <f>VLOOKUP(E71,'學生資料(不要打開)'!$A$2:$I$1769,4,FALSE)</f>
        <v>10</v>
      </c>
      <c r="H71" s="33" t="s">
        <v>107</v>
      </c>
      <c r="I71" s="33" t="s">
        <v>1234</v>
      </c>
    </row>
    <row r="72" spans="1:9" x14ac:dyDescent="0.25">
      <c r="B72" s="26"/>
      <c r="C72" s="26"/>
      <c r="D72" s="26"/>
      <c r="E72" s="28"/>
      <c r="F72" s="28"/>
      <c r="G72" s="28"/>
      <c r="H72" s="26"/>
      <c r="I72" s="26"/>
    </row>
    <row r="73" spans="1:9" x14ac:dyDescent="0.25">
      <c r="B73" s="26"/>
      <c r="C73" s="26"/>
      <c r="D73" s="26"/>
      <c r="H73" s="26"/>
      <c r="I73" s="26"/>
    </row>
    <row r="74" spans="1:9" x14ac:dyDescent="0.25">
      <c r="C74" s="26"/>
    </row>
    <row r="75" spans="1:9" x14ac:dyDescent="0.25">
      <c r="C75" s="26"/>
    </row>
    <row r="76" spans="1:9" x14ac:dyDescent="0.25">
      <c r="C76" s="26"/>
    </row>
    <row r="77" spans="1:9" x14ac:dyDescent="0.25">
      <c r="C77" s="26"/>
      <c r="E77" s="29"/>
      <c r="F77" s="29"/>
      <c r="G77" s="29"/>
    </row>
    <row r="78" spans="1:9" x14ac:dyDescent="0.25">
      <c r="C78" s="26"/>
    </row>
    <row r="79" spans="1:9" x14ac:dyDescent="0.25">
      <c r="C79" s="26"/>
      <c r="F79" s="28"/>
      <c r="G79" s="28"/>
    </row>
    <row r="80" spans="1:9" x14ac:dyDescent="0.25">
      <c r="C80" s="26"/>
    </row>
    <row r="81" spans="3:7" x14ac:dyDescent="0.25">
      <c r="C81" s="26"/>
    </row>
    <row r="82" spans="3:7" x14ac:dyDescent="0.25">
      <c r="C82" s="26"/>
    </row>
    <row r="83" spans="3:7" x14ac:dyDescent="0.25">
      <c r="C83" s="26"/>
    </row>
    <row r="84" spans="3:7" x14ac:dyDescent="0.25">
      <c r="C84" s="26"/>
    </row>
    <row r="85" spans="3:7" x14ac:dyDescent="0.25">
      <c r="C85" s="26"/>
    </row>
    <row r="86" spans="3:7" x14ac:dyDescent="0.25">
      <c r="C86" s="26"/>
      <c r="E86" s="29"/>
      <c r="F86" s="29"/>
      <c r="G86" s="29"/>
    </row>
    <row r="87" spans="3:7" x14ac:dyDescent="0.25">
      <c r="C87" s="26"/>
    </row>
    <row r="88" spans="3:7" x14ac:dyDescent="0.25">
      <c r="C88" s="26"/>
      <c r="E88" s="28"/>
      <c r="F88" s="28"/>
      <c r="G88" s="28"/>
    </row>
    <row r="89" spans="3:7" x14ac:dyDescent="0.25">
      <c r="C89" s="26"/>
    </row>
    <row r="90" spans="3:7" x14ac:dyDescent="0.25">
      <c r="C90" s="26"/>
      <c r="E90" s="29"/>
      <c r="F90" s="29"/>
      <c r="G90" s="29"/>
    </row>
    <row r="91" spans="3:7" x14ac:dyDescent="0.25">
      <c r="C91" s="26"/>
      <c r="E91" s="29"/>
      <c r="F91" s="29"/>
      <c r="G91" s="29"/>
    </row>
    <row r="92" spans="3:7" x14ac:dyDescent="0.25">
      <c r="C92" s="26"/>
    </row>
    <row r="93" spans="3:7" x14ac:dyDescent="0.25">
      <c r="C93" s="26"/>
      <c r="F93" s="28"/>
      <c r="G93" s="28"/>
    </row>
    <row r="94" spans="3:7" x14ac:dyDescent="0.25">
      <c r="C94" s="26"/>
    </row>
    <row r="95" spans="3:7" x14ac:dyDescent="0.25">
      <c r="C95" s="26"/>
    </row>
    <row r="96" spans="3:7" x14ac:dyDescent="0.25">
      <c r="C96" s="26"/>
    </row>
    <row r="97" spans="3:7" x14ac:dyDescent="0.25">
      <c r="C97" s="26"/>
    </row>
    <row r="98" spans="3:7" x14ac:dyDescent="0.25">
      <c r="C98" s="26"/>
    </row>
    <row r="99" spans="3:7" x14ac:dyDescent="0.25">
      <c r="C99" s="26"/>
    </row>
    <row r="100" spans="3:7" x14ac:dyDescent="0.25">
      <c r="C100" s="26"/>
    </row>
    <row r="101" spans="3:7" x14ac:dyDescent="0.25">
      <c r="C101" s="26"/>
    </row>
    <row r="102" spans="3:7" x14ac:dyDescent="0.25">
      <c r="C102" s="26"/>
    </row>
    <row r="103" spans="3:7" x14ac:dyDescent="0.25">
      <c r="C103" s="26"/>
    </row>
    <row r="104" spans="3:7" x14ac:dyDescent="0.25">
      <c r="C104" s="26"/>
    </row>
    <row r="105" spans="3:7" x14ac:dyDescent="0.25">
      <c r="C105" s="26"/>
    </row>
    <row r="106" spans="3:7" x14ac:dyDescent="0.25">
      <c r="C106" s="26"/>
      <c r="E106" s="29"/>
      <c r="F106" s="29"/>
      <c r="G106" s="29"/>
    </row>
    <row r="114" spans="5:9" x14ac:dyDescent="0.25">
      <c r="F114" s="28"/>
      <c r="G114" s="28"/>
    </row>
    <row r="119" spans="5:9" x14ac:dyDescent="0.25">
      <c r="E119" s="28"/>
      <c r="F119" s="28"/>
      <c r="G119" s="28"/>
    </row>
    <row r="121" spans="5:9" x14ac:dyDescent="0.25">
      <c r="E121" s="29"/>
      <c r="F121" s="29"/>
      <c r="G121" s="29"/>
    </row>
    <row r="122" spans="5:9" x14ac:dyDescent="0.25">
      <c r="E122" s="29"/>
      <c r="F122" s="29"/>
      <c r="G122" s="29"/>
    </row>
    <row r="123" spans="5:9" x14ac:dyDescent="0.25">
      <c r="H123" s="26"/>
      <c r="I123" s="26"/>
    </row>
    <row r="124" spans="5:9" x14ac:dyDescent="0.25">
      <c r="H124" s="26"/>
      <c r="I124" s="26"/>
    </row>
    <row r="125" spans="5:9" x14ac:dyDescent="0.25">
      <c r="H125" s="26"/>
      <c r="I125" s="26"/>
    </row>
    <row r="126" spans="5:9" x14ac:dyDescent="0.25">
      <c r="H126" s="26"/>
      <c r="I126" s="26"/>
    </row>
    <row r="127" spans="5:9" x14ac:dyDescent="0.25">
      <c r="H127" s="26"/>
      <c r="I127" s="26"/>
    </row>
    <row r="128" spans="5:9" x14ac:dyDescent="0.25">
      <c r="H128" s="26"/>
      <c r="I128" s="26"/>
    </row>
    <row r="129" spans="2:9" x14ac:dyDescent="0.25">
      <c r="H129" s="26"/>
      <c r="I129" s="26"/>
    </row>
    <row r="130" spans="2:9" x14ac:dyDescent="0.25">
      <c r="H130" s="26"/>
      <c r="I130" s="26"/>
    </row>
    <row r="131" spans="2:9" x14ac:dyDescent="0.25">
      <c r="H131" s="26"/>
      <c r="I131" s="26"/>
    </row>
    <row r="132" spans="2:9" x14ac:dyDescent="0.25">
      <c r="B132" s="29"/>
      <c r="E132" s="29"/>
      <c r="F132" s="26"/>
      <c r="G132" s="26"/>
      <c r="H132" s="26"/>
      <c r="I132" s="26"/>
    </row>
    <row r="133" spans="2:9" x14ac:dyDescent="0.25">
      <c r="B133" s="29"/>
      <c r="H133" s="26"/>
      <c r="I133" s="26"/>
    </row>
    <row r="134" spans="2:9" x14ac:dyDescent="0.25">
      <c r="B134" s="29"/>
      <c r="H134" s="26"/>
      <c r="I134" s="26"/>
    </row>
    <row r="138" spans="2:9" x14ac:dyDescent="0.25">
      <c r="E138" s="29"/>
      <c r="F138" s="29"/>
      <c r="G138" s="29"/>
    </row>
    <row r="142" spans="2:9" x14ac:dyDescent="0.25">
      <c r="F142" s="28"/>
      <c r="G142" s="28"/>
    </row>
    <row r="148" spans="5:9" x14ac:dyDescent="0.25">
      <c r="E148" s="28"/>
      <c r="F148" s="28"/>
      <c r="G148" s="28"/>
      <c r="H148" s="26"/>
      <c r="I148" s="26"/>
    </row>
    <row r="149" spans="5:9" x14ac:dyDescent="0.25">
      <c r="H149" s="26"/>
      <c r="I149" s="26"/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0"/>
  <dimension ref="A1:I59"/>
  <sheetViews>
    <sheetView zoomScale="80" zoomScaleNormal="80" workbookViewId="0">
      <selection activeCell="I13" sqref="I13"/>
    </sheetView>
  </sheetViews>
  <sheetFormatPr defaultRowHeight="15.75" x14ac:dyDescent="0.25"/>
  <cols>
    <col min="1" max="1" width="9" style="10"/>
    <col min="2" max="2" width="45.625" style="7" bestFit="1" customWidth="1"/>
    <col min="3" max="3" width="9" style="7"/>
    <col min="4" max="4" width="23.875" style="7" bestFit="1" customWidth="1"/>
    <col min="5" max="5" width="14.375" style="7" bestFit="1" customWidth="1"/>
    <col min="6" max="7" width="9" style="7"/>
    <col min="8" max="8" width="14.375" style="7" bestFit="1" customWidth="1"/>
    <col min="9" max="9" width="94.875" style="7" bestFit="1" customWidth="1"/>
    <col min="10" max="16384" width="9" style="7"/>
  </cols>
  <sheetData>
    <row r="1" spans="1:9" x14ac:dyDescent="0.25">
      <c r="A1" s="7"/>
      <c r="B1" s="67" t="s">
        <v>22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ht="31.5" x14ac:dyDescent="0.25">
      <c r="A3" s="36" t="s">
        <v>55</v>
      </c>
      <c r="B3" s="24" t="s">
        <v>64</v>
      </c>
      <c r="C3" s="4" t="s">
        <v>65</v>
      </c>
      <c r="D3" s="53" t="s">
        <v>66</v>
      </c>
      <c r="E3" s="4" t="s">
        <v>68</v>
      </c>
      <c r="F3" s="4" t="s">
        <v>77</v>
      </c>
      <c r="G3" s="11">
        <f>VLOOKUP(E3,'學生資料(不要打開)'!$A$2:$I$1769,4,FALSE)</f>
        <v>15</v>
      </c>
      <c r="H3" s="54" t="s">
        <v>79</v>
      </c>
      <c r="I3" s="25" t="s">
        <v>80</v>
      </c>
    </row>
    <row r="4" spans="1:9" x14ac:dyDescent="0.25">
      <c r="A4" s="36" t="s">
        <v>55</v>
      </c>
      <c r="B4" s="36" t="s">
        <v>64</v>
      </c>
      <c r="C4" s="36" t="s">
        <v>65</v>
      </c>
      <c r="D4" s="36" t="s">
        <v>66</v>
      </c>
      <c r="E4" s="36" t="s">
        <v>69</v>
      </c>
      <c r="F4" s="36" t="s">
        <v>77</v>
      </c>
      <c r="G4" s="11">
        <f>VLOOKUP(E4,'學生資料(不要打開)'!$A$2:$I$1769,4,FALSE)</f>
        <v>23</v>
      </c>
      <c r="H4" s="36" t="s">
        <v>79</v>
      </c>
      <c r="I4" s="36" t="s">
        <v>80</v>
      </c>
    </row>
    <row r="5" spans="1:9" x14ac:dyDescent="0.25">
      <c r="A5" s="36" t="s">
        <v>55</v>
      </c>
      <c r="B5" s="36" t="s">
        <v>64</v>
      </c>
      <c r="C5" s="36" t="s">
        <v>65</v>
      </c>
      <c r="D5" s="36" t="s">
        <v>66</v>
      </c>
      <c r="E5" s="36" t="s">
        <v>70</v>
      </c>
      <c r="F5" s="36" t="s">
        <v>78</v>
      </c>
      <c r="G5" s="11">
        <f>VLOOKUP(E5,'學生資料(不要打開)'!$A$2:$I$1769,4,FALSE)</f>
        <v>13</v>
      </c>
      <c r="H5" s="36" t="s">
        <v>79</v>
      </c>
      <c r="I5" s="36" t="s">
        <v>80</v>
      </c>
    </row>
    <row r="6" spans="1:9" x14ac:dyDescent="0.25">
      <c r="A6" s="36" t="s">
        <v>55</v>
      </c>
      <c r="B6" s="36" t="s">
        <v>64</v>
      </c>
      <c r="C6" s="36" t="s">
        <v>65</v>
      </c>
      <c r="D6" s="36" t="s">
        <v>67</v>
      </c>
      <c r="E6" s="36" t="s">
        <v>71</v>
      </c>
      <c r="F6" s="36" t="s">
        <v>78</v>
      </c>
      <c r="G6" s="11">
        <f>VLOOKUP(E6,'學生資料(不要打開)'!$A$2:$I$1769,4,FALSE)</f>
        <v>6</v>
      </c>
      <c r="H6" s="36" t="s">
        <v>79</v>
      </c>
      <c r="I6" s="36" t="s">
        <v>80</v>
      </c>
    </row>
    <row r="7" spans="1:9" x14ac:dyDescent="0.25">
      <c r="A7" s="36" t="s">
        <v>55</v>
      </c>
      <c r="B7" s="36" t="s">
        <v>64</v>
      </c>
      <c r="C7" s="36" t="s">
        <v>65</v>
      </c>
      <c r="D7" s="36" t="s">
        <v>67</v>
      </c>
      <c r="E7" s="36" t="s">
        <v>72</v>
      </c>
      <c r="F7" s="36" t="s">
        <v>78</v>
      </c>
      <c r="G7" s="11">
        <f>VLOOKUP(E7,'學生資料(不要打開)'!$A$2:$I$1769,4,FALSE)</f>
        <v>26</v>
      </c>
      <c r="H7" s="36" t="s">
        <v>79</v>
      </c>
      <c r="I7" s="36" t="s">
        <v>80</v>
      </c>
    </row>
    <row r="8" spans="1:9" x14ac:dyDescent="0.25">
      <c r="A8" s="36" t="s">
        <v>55</v>
      </c>
      <c r="B8" s="36" t="s">
        <v>64</v>
      </c>
      <c r="C8" s="36" t="s">
        <v>65</v>
      </c>
      <c r="D8" s="36" t="s">
        <v>67</v>
      </c>
      <c r="E8" s="36" t="s">
        <v>73</v>
      </c>
      <c r="F8" s="36" t="s">
        <v>78</v>
      </c>
      <c r="G8" s="11">
        <f>VLOOKUP(E8,'學生資料(不要打開)'!$A$2:$I$1769,4,FALSE)</f>
        <v>20</v>
      </c>
      <c r="H8" s="36" t="s">
        <v>79</v>
      </c>
      <c r="I8" s="36" t="s">
        <v>80</v>
      </c>
    </row>
    <row r="9" spans="1:9" x14ac:dyDescent="0.25">
      <c r="A9" s="36" t="s">
        <v>55</v>
      </c>
      <c r="B9" s="36" t="s">
        <v>64</v>
      </c>
      <c r="C9" s="36" t="s">
        <v>65</v>
      </c>
      <c r="D9" s="36" t="s">
        <v>67</v>
      </c>
      <c r="E9" s="36" t="s">
        <v>74</v>
      </c>
      <c r="F9" s="36" t="s">
        <v>77</v>
      </c>
      <c r="G9" s="11">
        <f>VLOOKUP(E9,'學生資料(不要打開)'!$A$2:$I$1769,4,FALSE)</f>
        <v>12</v>
      </c>
      <c r="H9" s="36" t="s">
        <v>79</v>
      </c>
      <c r="I9" s="36" t="s">
        <v>80</v>
      </c>
    </row>
    <row r="10" spans="1:9" x14ac:dyDescent="0.25">
      <c r="A10" s="36" t="s">
        <v>55</v>
      </c>
      <c r="B10" s="36" t="s">
        <v>64</v>
      </c>
      <c r="C10" s="36" t="s">
        <v>65</v>
      </c>
      <c r="D10" s="36" t="s">
        <v>67</v>
      </c>
      <c r="E10" s="36" t="s">
        <v>75</v>
      </c>
      <c r="F10" s="36" t="s">
        <v>77</v>
      </c>
      <c r="G10" s="11">
        <f>VLOOKUP(E10,'學生資料(不要打開)'!$A$2:$I$1769,4,FALSE)</f>
        <v>7</v>
      </c>
      <c r="H10" s="36" t="s">
        <v>79</v>
      </c>
      <c r="I10" s="36" t="s">
        <v>80</v>
      </c>
    </row>
    <row r="11" spans="1:9" x14ac:dyDescent="0.25">
      <c r="A11" s="36" t="s">
        <v>55</v>
      </c>
      <c r="B11" s="36" t="s">
        <v>64</v>
      </c>
      <c r="C11" s="36" t="s">
        <v>29</v>
      </c>
      <c r="D11" s="36" t="s">
        <v>67</v>
      </c>
      <c r="E11" s="36" t="s">
        <v>76</v>
      </c>
      <c r="F11" s="36" t="s">
        <v>77</v>
      </c>
      <c r="G11" s="11">
        <f>VLOOKUP(E11,'學生資料(不要打開)'!$A$2:$I$1769,4,FALSE)</f>
        <v>24</v>
      </c>
      <c r="H11" s="36" t="s">
        <v>79</v>
      </c>
      <c r="I11" s="36" t="s">
        <v>80</v>
      </c>
    </row>
    <row r="12" spans="1:9" x14ac:dyDescent="0.25">
      <c r="A12" s="36" t="s">
        <v>55</v>
      </c>
      <c r="B12" s="36" t="s">
        <v>180</v>
      </c>
      <c r="C12" s="36" t="s">
        <v>29</v>
      </c>
      <c r="D12" s="36" t="s">
        <v>66</v>
      </c>
      <c r="E12" s="36" t="s">
        <v>68</v>
      </c>
      <c r="F12" s="36" t="s">
        <v>77</v>
      </c>
      <c r="G12" s="11">
        <f>VLOOKUP(E12,'學生資料(不要打開)'!$A$2:$I$1769,4,FALSE)</f>
        <v>15</v>
      </c>
      <c r="H12" s="36" t="s">
        <v>79</v>
      </c>
      <c r="I12" s="36" t="s">
        <v>181</v>
      </c>
    </row>
    <row r="13" spans="1:9" x14ac:dyDescent="0.25">
      <c r="A13" s="36" t="s">
        <v>55</v>
      </c>
      <c r="B13" s="36" t="s">
        <v>180</v>
      </c>
      <c r="C13" s="36" t="s">
        <v>29</v>
      </c>
      <c r="D13" s="36" t="s">
        <v>66</v>
      </c>
      <c r="E13" s="36" t="s">
        <v>69</v>
      </c>
      <c r="F13" s="36" t="s">
        <v>77</v>
      </c>
      <c r="G13" s="11">
        <f>VLOOKUP(E13,'學生資料(不要打開)'!$A$2:$I$1769,4,FALSE)</f>
        <v>23</v>
      </c>
      <c r="H13" s="36" t="s">
        <v>79</v>
      </c>
      <c r="I13" s="36" t="s">
        <v>181</v>
      </c>
    </row>
    <row r="14" spans="1:9" x14ac:dyDescent="0.25">
      <c r="A14" s="36" t="s">
        <v>55</v>
      </c>
      <c r="B14" s="36" t="s">
        <v>180</v>
      </c>
      <c r="C14" s="36" t="s">
        <v>29</v>
      </c>
      <c r="D14" s="36" t="s">
        <v>66</v>
      </c>
      <c r="E14" s="36" t="s">
        <v>70</v>
      </c>
      <c r="F14" s="36" t="s">
        <v>78</v>
      </c>
      <c r="G14" s="11">
        <f>VLOOKUP(E14,'學生資料(不要打開)'!$A$2:$I$1769,4,FALSE)</f>
        <v>13</v>
      </c>
      <c r="H14" s="36" t="s">
        <v>79</v>
      </c>
      <c r="I14" s="36" t="s">
        <v>181</v>
      </c>
    </row>
    <row r="15" spans="1:9" x14ac:dyDescent="0.25">
      <c r="A15" s="36" t="s">
        <v>55</v>
      </c>
      <c r="B15" s="36" t="s">
        <v>185</v>
      </c>
      <c r="C15" s="36" t="s">
        <v>29</v>
      </c>
      <c r="D15" s="36" t="s">
        <v>67</v>
      </c>
      <c r="E15" s="36" t="s">
        <v>68</v>
      </c>
      <c r="F15" s="36" t="s">
        <v>77</v>
      </c>
      <c r="G15" s="11">
        <f>VLOOKUP(E15,'學生資料(不要打開)'!$A$2:$I$1769,4,FALSE)</f>
        <v>15</v>
      </c>
      <c r="H15" s="36" t="s">
        <v>79</v>
      </c>
      <c r="I15" s="36" t="s">
        <v>186</v>
      </c>
    </row>
    <row r="16" spans="1:9" x14ac:dyDescent="0.25">
      <c r="A16" s="36" t="s">
        <v>55</v>
      </c>
      <c r="B16" s="36" t="s">
        <v>185</v>
      </c>
      <c r="C16" s="36" t="s">
        <v>29</v>
      </c>
      <c r="D16" s="36" t="s">
        <v>67</v>
      </c>
      <c r="E16" s="36" t="s">
        <v>69</v>
      </c>
      <c r="F16" s="36" t="s">
        <v>77</v>
      </c>
      <c r="G16" s="11">
        <f>VLOOKUP(E16,'學生資料(不要打開)'!$A$2:$I$1769,4,FALSE)</f>
        <v>23</v>
      </c>
      <c r="H16" s="36" t="s">
        <v>79</v>
      </c>
      <c r="I16" s="36" t="s">
        <v>186</v>
      </c>
    </row>
    <row r="17" spans="1:9" s="9" customFormat="1" x14ac:dyDescent="0.25">
      <c r="A17" s="36" t="s">
        <v>55</v>
      </c>
      <c r="B17" s="36" t="s">
        <v>185</v>
      </c>
      <c r="C17" s="36" t="s">
        <v>29</v>
      </c>
      <c r="D17" s="36" t="s">
        <v>67</v>
      </c>
      <c r="E17" s="36" t="s">
        <v>70</v>
      </c>
      <c r="F17" s="36" t="s">
        <v>78</v>
      </c>
      <c r="G17" s="11">
        <f>VLOOKUP(E17,'學生資料(不要打開)'!$A$2:$I$1769,4,FALSE)</f>
        <v>13</v>
      </c>
      <c r="H17" s="36" t="s">
        <v>79</v>
      </c>
      <c r="I17" s="36" t="s">
        <v>186</v>
      </c>
    </row>
    <row r="18" spans="1:9" x14ac:dyDescent="0.25">
      <c r="A18" s="36" t="s">
        <v>55</v>
      </c>
      <c r="B18" s="36" t="s">
        <v>185</v>
      </c>
      <c r="C18" s="36" t="s">
        <v>29</v>
      </c>
      <c r="D18" s="36" t="s">
        <v>67</v>
      </c>
      <c r="E18" s="36" t="s">
        <v>74</v>
      </c>
      <c r="F18" s="36" t="s">
        <v>77</v>
      </c>
      <c r="G18" s="11">
        <f>VLOOKUP(E18,'學生資料(不要打開)'!$A$2:$I$1769,4,FALSE)</f>
        <v>12</v>
      </c>
      <c r="H18" s="36" t="s">
        <v>79</v>
      </c>
      <c r="I18" s="36" t="s">
        <v>186</v>
      </c>
    </row>
    <row r="19" spans="1:9" x14ac:dyDescent="0.25">
      <c r="A19" s="36" t="s">
        <v>55</v>
      </c>
      <c r="B19" s="36" t="s">
        <v>185</v>
      </c>
      <c r="C19" s="36" t="s">
        <v>29</v>
      </c>
      <c r="D19" s="36" t="s">
        <v>67</v>
      </c>
      <c r="E19" s="36" t="s">
        <v>75</v>
      </c>
      <c r="F19" s="36" t="s">
        <v>77</v>
      </c>
      <c r="G19" s="11">
        <f>VLOOKUP(E19,'學生資料(不要打開)'!$A$2:$I$1769,4,FALSE)</f>
        <v>7</v>
      </c>
      <c r="H19" s="36" t="s">
        <v>79</v>
      </c>
      <c r="I19" s="36" t="s">
        <v>186</v>
      </c>
    </row>
    <row r="20" spans="1:9" x14ac:dyDescent="0.25">
      <c r="A20" s="36" t="s">
        <v>55</v>
      </c>
      <c r="B20" s="36" t="s">
        <v>185</v>
      </c>
      <c r="C20" s="36" t="s">
        <v>29</v>
      </c>
      <c r="D20" s="36" t="s">
        <v>67</v>
      </c>
      <c r="E20" s="36" t="s">
        <v>76</v>
      </c>
      <c r="F20" s="36" t="s">
        <v>77</v>
      </c>
      <c r="G20" s="11">
        <f>VLOOKUP(E20,'學生資料(不要打開)'!$A$2:$I$1769,4,FALSE)</f>
        <v>24</v>
      </c>
      <c r="H20" s="36" t="s">
        <v>79</v>
      </c>
      <c r="I20" s="36" t="s">
        <v>186</v>
      </c>
    </row>
    <row r="21" spans="1:9" x14ac:dyDescent="0.25">
      <c r="A21" s="36" t="s">
        <v>55</v>
      </c>
      <c r="B21" s="36" t="s">
        <v>188</v>
      </c>
      <c r="C21" s="36" t="s">
        <v>29</v>
      </c>
      <c r="D21" s="36" t="s">
        <v>67</v>
      </c>
      <c r="E21" s="36" t="s">
        <v>190</v>
      </c>
      <c r="F21" s="36" t="s">
        <v>191</v>
      </c>
      <c r="G21" s="11">
        <f>VLOOKUP(E21,'學生資料(不要打開)'!$A$2:$I$1769,4,FALSE)</f>
        <v>7</v>
      </c>
      <c r="H21" s="36" t="s">
        <v>79</v>
      </c>
      <c r="I21" s="36" t="s">
        <v>189</v>
      </c>
    </row>
    <row r="22" spans="1:9" x14ac:dyDescent="0.25">
      <c r="A22" s="36" t="s">
        <v>55</v>
      </c>
      <c r="B22" s="36" t="s">
        <v>188</v>
      </c>
      <c r="C22" s="36" t="s">
        <v>29</v>
      </c>
      <c r="D22" s="36" t="s">
        <v>67</v>
      </c>
      <c r="E22" s="36" t="s">
        <v>192</v>
      </c>
      <c r="F22" s="36" t="s">
        <v>191</v>
      </c>
      <c r="G22" s="11">
        <f>VLOOKUP(E22,'學生資料(不要打開)'!$A$2:$I$1769,4,FALSE)</f>
        <v>24</v>
      </c>
      <c r="H22" s="36" t="s">
        <v>79</v>
      </c>
      <c r="I22" s="36" t="s">
        <v>189</v>
      </c>
    </row>
    <row r="23" spans="1:9" x14ac:dyDescent="0.25">
      <c r="A23" s="36" t="s">
        <v>166</v>
      </c>
      <c r="B23" s="36" t="s">
        <v>487</v>
      </c>
      <c r="C23" s="36" t="s">
        <v>485</v>
      </c>
      <c r="D23" s="36" t="s">
        <v>486</v>
      </c>
      <c r="E23" s="36" t="s">
        <v>68</v>
      </c>
      <c r="F23" s="36" t="s">
        <v>77</v>
      </c>
      <c r="G23" s="11">
        <f>VLOOKUP(E23,'學生資料(不要打開)'!$A$2:$I$1769,4,FALSE)</f>
        <v>15</v>
      </c>
      <c r="H23" s="36" t="s">
        <v>489</v>
      </c>
      <c r="I23" s="36" t="s">
        <v>488</v>
      </c>
    </row>
    <row r="24" spans="1:9" x14ac:dyDescent="0.25">
      <c r="A24" s="36" t="s">
        <v>166</v>
      </c>
      <c r="B24" s="36" t="s">
        <v>490</v>
      </c>
      <c r="C24" s="36" t="s">
        <v>485</v>
      </c>
      <c r="D24" s="36" t="s">
        <v>486</v>
      </c>
      <c r="E24" s="36" t="s">
        <v>491</v>
      </c>
      <c r="F24" s="36" t="s">
        <v>492</v>
      </c>
      <c r="G24" s="11">
        <f>VLOOKUP(E24,'學生資料(不要打開)'!$A$2:$I$1769,4,FALSE)</f>
        <v>23</v>
      </c>
      <c r="H24" s="36" t="s">
        <v>489</v>
      </c>
      <c r="I24" s="36" t="s">
        <v>493</v>
      </c>
    </row>
    <row r="25" spans="1:9" x14ac:dyDescent="0.25">
      <c r="A25" s="36" t="s">
        <v>166</v>
      </c>
      <c r="B25" s="36" t="s">
        <v>487</v>
      </c>
      <c r="C25" s="36" t="s">
        <v>485</v>
      </c>
      <c r="D25" s="36" t="s">
        <v>486</v>
      </c>
      <c r="E25" s="36" t="s">
        <v>70</v>
      </c>
      <c r="F25" s="36" t="s">
        <v>78</v>
      </c>
      <c r="G25" s="11">
        <f>VLOOKUP(E25,'學生資料(不要打開)'!$A$2:$I$1769,4,FALSE)</f>
        <v>13</v>
      </c>
      <c r="H25" s="36" t="s">
        <v>489</v>
      </c>
      <c r="I25" s="36" t="s">
        <v>488</v>
      </c>
    </row>
    <row r="26" spans="1:9" x14ac:dyDescent="0.25">
      <c r="A26" s="36" t="s">
        <v>513</v>
      </c>
      <c r="B26" s="36" t="s">
        <v>512</v>
      </c>
      <c r="C26" s="36" t="s">
        <v>485</v>
      </c>
      <c r="D26" s="36" t="s">
        <v>302</v>
      </c>
      <c r="E26" s="36" t="s">
        <v>511</v>
      </c>
      <c r="F26" s="36" t="s">
        <v>78</v>
      </c>
      <c r="G26" s="11">
        <f>VLOOKUP(E26,'學生資料(不要打開)'!$A$2:$I$1769,4,FALSE)</f>
        <v>19</v>
      </c>
      <c r="H26" s="36" t="s">
        <v>515</v>
      </c>
      <c r="I26" s="36" t="s">
        <v>514</v>
      </c>
    </row>
    <row r="27" spans="1:9" x14ac:dyDescent="0.25">
      <c r="A27" s="36" t="s">
        <v>513</v>
      </c>
      <c r="B27" s="36" t="s">
        <v>512</v>
      </c>
      <c r="C27" s="36" t="s">
        <v>485</v>
      </c>
      <c r="D27" s="36" t="s">
        <v>302</v>
      </c>
      <c r="E27" s="36" t="s">
        <v>173</v>
      </c>
      <c r="F27" s="36" t="s">
        <v>78</v>
      </c>
      <c r="G27" s="11">
        <f>VLOOKUP(E27,'學生資料(不要打開)'!$A$2:$I$1769,4,FALSE)</f>
        <v>23</v>
      </c>
      <c r="H27" s="36" t="s">
        <v>515</v>
      </c>
      <c r="I27" s="36" t="s">
        <v>514</v>
      </c>
    </row>
    <row r="28" spans="1:9" x14ac:dyDescent="0.25">
      <c r="A28" s="36" t="s">
        <v>513</v>
      </c>
      <c r="B28" s="36" t="s">
        <v>512</v>
      </c>
      <c r="C28" s="36" t="s">
        <v>485</v>
      </c>
      <c r="D28" s="36" t="s">
        <v>302</v>
      </c>
      <c r="E28" s="36" t="s">
        <v>174</v>
      </c>
      <c r="F28" s="36" t="s">
        <v>104</v>
      </c>
      <c r="G28" s="11">
        <f>VLOOKUP(E28,'學生資料(不要打開)'!$A$2:$I$1769,4,FALSE)</f>
        <v>14</v>
      </c>
      <c r="H28" s="36" t="s">
        <v>515</v>
      </c>
      <c r="I28" s="36" t="s">
        <v>514</v>
      </c>
    </row>
    <row r="29" spans="1:9" x14ac:dyDescent="0.25">
      <c r="A29" s="36" t="s">
        <v>912</v>
      </c>
      <c r="B29" s="36" t="s">
        <v>913</v>
      </c>
      <c r="C29" s="36" t="s">
        <v>914</v>
      </c>
      <c r="D29" s="36" t="s">
        <v>915</v>
      </c>
      <c r="E29" s="36" t="s">
        <v>916</v>
      </c>
      <c r="F29" s="36" t="s">
        <v>917</v>
      </c>
      <c r="G29" s="11">
        <f>VLOOKUP(E29,'學生資料(不要打開)'!$A$2:$I$1769,4,FALSE)</f>
        <v>19</v>
      </c>
      <c r="H29" s="36" t="s">
        <v>918</v>
      </c>
      <c r="I29" s="36" t="s">
        <v>919</v>
      </c>
    </row>
    <row r="30" spans="1:9" x14ac:dyDescent="0.25">
      <c r="A30" s="36" t="s">
        <v>912</v>
      </c>
      <c r="B30" s="36" t="s">
        <v>913</v>
      </c>
      <c r="C30" s="36" t="s">
        <v>914</v>
      </c>
      <c r="D30" s="36" t="s">
        <v>915</v>
      </c>
      <c r="E30" s="36" t="s">
        <v>920</v>
      </c>
      <c r="F30" s="36" t="s">
        <v>917</v>
      </c>
      <c r="G30" s="11">
        <f>VLOOKUP(E30,'學生資料(不要打開)'!$A$2:$I$1769,4,FALSE)</f>
        <v>23</v>
      </c>
      <c r="H30" s="36" t="s">
        <v>918</v>
      </c>
      <c r="I30" s="36" t="s">
        <v>919</v>
      </c>
    </row>
    <row r="31" spans="1:9" x14ac:dyDescent="0.25">
      <c r="A31" s="36" t="s">
        <v>912</v>
      </c>
      <c r="B31" s="36" t="s">
        <v>913</v>
      </c>
      <c r="C31" s="36" t="s">
        <v>914</v>
      </c>
      <c r="D31" s="36" t="s">
        <v>915</v>
      </c>
      <c r="E31" s="36" t="s">
        <v>921</v>
      </c>
      <c r="F31" s="36" t="s">
        <v>922</v>
      </c>
      <c r="G31" s="11">
        <f>VLOOKUP(E31,'學生資料(不要打開)'!$A$2:$I$1769,4,FALSE)</f>
        <v>14</v>
      </c>
      <c r="H31" s="36" t="s">
        <v>918</v>
      </c>
      <c r="I31" s="36" t="s">
        <v>919</v>
      </c>
    </row>
    <row r="32" spans="1:9" x14ac:dyDescent="0.25">
      <c r="A32" s="36" t="s">
        <v>1209</v>
      </c>
      <c r="B32" s="36" t="s">
        <v>1210</v>
      </c>
      <c r="C32" s="36" t="s">
        <v>1211</v>
      </c>
      <c r="D32" s="36" t="s">
        <v>1212</v>
      </c>
      <c r="E32" s="36" t="s">
        <v>1213</v>
      </c>
      <c r="F32" s="36" t="s">
        <v>1214</v>
      </c>
      <c r="G32" s="11">
        <f>VLOOKUP(E32,'學生資料(不要打開)'!$A$2:$I$1769,4,FALSE)</f>
        <v>15</v>
      </c>
      <c r="H32" s="36" t="s">
        <v>1215</v>
      </c>
      <c r="I32" s="36" t="s">
        <v>1216</v>
      </c>
    </row>
    <row r="33" spans="1:9" x14ac:dyDescent="0.25">
      <c r="A33" s="36" t="s">
        <v>1217</v>
      </c>
      <c r="B33" s="36" t="s">
        <v>1218</v>
      </c>
      <c r="C33" s="36" t="s">
        <v>1219</v>
      </c>
      <c r="D33" s="36" t="s">
        <v>1220</v>
      </c>
      <c r="E33" s="36" t="s">
        <v>1221</v>
      </c>
      <c r="F33" s="36" t="s">
        <v>1214</v>
      </c>
      <c r="G33" s="11">
        <f>VLOOKUP(E33,'學生資料(不要打開)'!$A$2:$I$1769,4,FALSE)</f>
        <v>23</v>
      </c>
      <c r="H33" s="36" t="s">
        <v>1222</v>
      </c>
      <c r="I33" s="36" t="s">
        <v>1216</v>
      </c>
    </row>
    <row r="34" spans="1:9" x14ac:dyDescent="0.25">
      <c r="A34" s="36" t="s">
        <v>1223</v>
      </c>
      <c r="B34" s="36" t="s">
        <v>1218</v>
      </c>
      <c r="C34" s="36" t="s">
        <v>1224</v>
      </c>
      <c r="D34" s="36" t="s">
        <v>1220</v>
      </c>
      <c r="E34" s="36" t="s">
        <v>1225</v>
      </c>
      <c r="F34" s="36" t="s">
        <v>1226</v>
      </c>
      <c r="G34" s="11">
        <f>VLOOKUP(E34,'學生資料(不要打開)'!$A$2:$I$1769,4,FALSE)</f>
        <v>13</v>
      </c>
      <c r="H34" s="36" t="s">
        <v>1222</v>
      </c>
      <c r="I34" s="36" t="s">
        <v>1216</v>
      </c>
    </row>
    <row r="35" spans="1:9" x14ac:dyDescent="0.25">
      <c r="I35" s="26"/>
    </row>
    <row r="36" spans="1:9" x14ac:dyDescent="0.25">
      <c r="I36" s="26"/>
    </row>
    <row r="37" spans="1:9" x14ac:dyDescent="0.25">
      <c r="I37" s="26"/>
    </row>
    <row r="38" spans="1:9" x14ac:dyDescent="0.25">
      <c r="I38" s="26"/>
    </row>
    <row r="39" spans="1:9" x14ac:dyDescent="0.25">
      <c r="I39" s="26"/>
    </row>
    <row r="40" spans="1:9" x14ac:dyDescent="0.25">
      <c r="I40" s="26"/>
    </row>
    <row r="41" spans="1:9" x14ac:dyDescent="0.25">
      <c r="I41" s="26"/>
    </row>
    <row r="42" spans="1:9" x14ac:dyDescent="0.25">
      <c r="I42" s="26"/>
    </row>
    <row r="43" spans="1:9" x14ac:dyDescent="0.25">
      <c r="I43" s="26"/>
    </row>
    <row r="44" spans="1:9" x14ac:dyDescent="0.25">
      <c r="I44" s="26"/>
    </row>
    <row r="45" spans="1:9" s="9" customFormat="1" x14ac:dyDescent="0.25">
      <c r="A45" s="10"/>
      <c r="B45" s="7"/>
      <c r="C45" s="7"/>
      <c r="D45" s="7"/>
      <c r="E45" s="7"/>
      <c r="F45" s="7"/>
      <c r="G45" s="7"/>
      <c r="H45" s="7"/>
      <c r="I45" s="26"/>
    </row>
    <row r="46" spans="1:9" s="9" customFormat="1" x14ac:dyDescent="0.25">
      <c r="A46" s="10"/>
      <c r="B46" s="7"/>
      <c r="C46" s="7"/>
      <c r="D46" s="7"/>
      <c r="E46" s="7"/>
      <c r="F46" s="7"/>
      <c r="G46" s="7"/>
      <c r="H46" s="7"/>
      <c r="I46" s="26"/>
    </row>
    <row r="47" spans="1:9" s="9" customFormat="1" x14ac:dyDescent="0.25">
      <c r="A47" s="10"/>
      <c r="B47" s="7"/>
      <c r="C47" s="7"/>
      <c r="D47" s="7"/>
      <c r="E47" s="7"/>
      <c r="F47" s="7"/>
      <c r="G47" s="7"/>
      <c r="H47" s="7"/>
      <c r="I47" s="26"/>
    </row>
    <row r="48" spans="1:9" s="9" customFormat="1" x14ac:dyDescent="0.25">
      <c r="A48" s="10"/>
      <c r="B48" s="7"/>
      <c r="C48" s="7"/>
      <c r="D48" s="7"/>
      <c r="E48" s="7"/>
      <c r="F48" s="7"/>
      <c r="G48" s="7"/>
      <c r="H48" s="7"/>
      <c r="I48" s="26"/>
    </row>
    <row r="49" spans="9:9" x14ac:dyDescent="0.25">
      <c r="I49" s="26"/>
    </row>
    <row r="50" spans="9:9" x14ac:dyDescent="0.25">
      <c r="I50" s="26"/>
    </row>
    <row r="51" spans="9:9" x14ac:dyDescent="0.25">
      <c r="I51" s="26"/>
    </row>
    <row r="52" spans="9:9" x14ac:dyDescent="0.25">
      <c r="I52" s="26"/>
    </row>
    <row r="53" spans="9:9" x14ac:dyDescent="0.25">
      <c r="I53" s="26"/>
    </row>
    <row r="54" spans="9:9" x14ac:dyDescent="0.25">
      <c r="I54" s="26"/>
    </row>
    <row r="55" spans="9:9" x14ac:dyDescent="0.25">
      <c r="I55" s="26"/>
    </row>
    <row r="56" spans="9:9" x14ac:dyDescent="0.25">
      <c r="I56" s="26"/>
    </row>
    <row r="57" spans="9:9" x14ac:dyDescent="0.25">
      <c r="I57" s="26"/>
    </row>
    <row r="58" spans="9:9" x14ac:dyDescent="0.25">
      <c r="I58" s="26"/>
    </row>
    <row r="59" spans="9:9" x14ac:dyDescent="0.25">
      <c r="I59" s="26"/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1"/>
  <dimension ref="A1:I16"/>
  <sheetViews>
    <sheetView zoomScale="85" zoomScaleNormal="85" workbookViewId="0">
      <selection activeCell="H37" sqref="H37"/>
    </sheetView>
  </sheetViews>
  <sheetFormatPr defaultRowHeight="15.75" x14ac:dyDescent="0.25"/>
  <cols>
    <col min="1" max="1" width="9" style="9"/>
    <col min="2" max="2" width="30.75" style="9" bestFit="1" customWidth="1"/>
    <col min="3" max="7" width="9" style="9"/>
    <col min="8" max="9" width="11.625" style="9" customWidth="1"/>
    <col min="10" max="16384" width="9" style="9"/>
  </cols>
  <sheetData>
    <row r="1" spans="1:9" s="7" customFormat="1" x14ac:dyDescent="0.25">
      <c r="B1" s="67" t="s">
        <v>15</v>
      </c>
      <c r="C1" s="67"/>
      <c r="D1" s="67"/>
      <c r="E1" s="67"/>
      <c r="F1" s="67"/>
      <c r="G1" s="67"/>
      <c r="H1" s="67"/>
      <c r="I1" s="8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7" customFormat="1" x14ac:dyDescent="0.25">
      <c r="A3" s="4" t="s">
        <v>522</v>
      </c>
      <c r="B3" s="4" t="s">
        <v>523</v>
      </c>
      <c r="C3" s="4" t="s">
        <v>485</v>
      </c>
      <c r="D3" s="4" t="s">
        <v>524</v>
      </c>
      <c r="E3" s="4" t="s">
        <v>525</v>
      </c>
      <c r="F3" s="4" t="s">
        <v>526</v>
      </c>
      <c r="G3" s="11">
        <f>VLOOKUP(E3,'學生資料(不要打開)'!$A$2:$I$1769,4,FALSE)</f>
        <v>6</v>
      </c>
      <c r="H3" s="4" t="s">
        <v>527</v>
      </c>
      <c r="I3" s="4" t="s">
        <v>528</v>
      </c>
    </row>
    <row r="4" spans="1:9" x14ac:dyDescent="0.25">
      <c r="A4" s="4" t="s">
        <v>522</v>
      </c>
      <c r="B4" s="4" t="s">
        <v>523</v>
      </c>
      <c r="C4" s="4" t="s">
        <v>485</v>
      </c>
      <c r="D4" s="4" t="s">
        <v>524</v>
      </c>
      <c r="E4" s="4" t="s">
        <v>529</v>
      </c>
      <c r="F4" s="4" t="s">
        <v>526</v>
      </c>
      <c r="G4" s="11">
        <f>VLOOKUP(E4,'學生資料(不要打開)'!$A$2:$I$1769,4,FALSE)</f>
        <v>12</v>
      </c>
      <c r="H4" s="4" t="s">
        <v>527</v>
      </c>
      <c r="I4" s="4" t="s">
        <v>528</v>
      </c>
    </row>
    <row r="5" spans="1:9" x14ac:dyDescent="0.25">
      <c r="A5" s="4" t="s">
        <v>522</v>
      </c>
      <c r="B5" s="4" t="s">
        <v>523</v>
      </c>
      <c r="C5" s="4" t="s">
        <v>485</v>
      </c>
      <c r="D5" s="4" t="s">
        <v>524</v>
      </c>
      <c r="E5" s="4" t="s">
        <v>530</v>
      </c>
      <c r="F5" s="4" t="s">
        <v>526</v>
      </c>
      <c r="G5" s="11">
        <f>VLOOKUP(E5,'學生資料(不要打開)'!$A$2:$I$1769,4,FALSE)</f>
        <v>1</v>
      </c>
      <c r="H5" s="4" t="s">
        <v>527</v>
      </c>
      <c r="I5" s="4" t="s">
        <v>528</v>
      </c>
    </row>
    <row r="6" spans="1:9" s="7" customFormat="1" x14ac:dyDescent="0.25">
      <c r="A6" s="4" t="s">
        <v>522</v>
      </c>
      <c r="B6" s="4" t="s">
        <v>523</v>
      </c>
      <c r="C6" s="4" t="s">
        <v>485</v>
      </c>
      <c r="D6" s="4" t="s">
        <v>524</v>
      </c>
      <c r="E6" s="4" t="s">
        <v>531</v>
      </c>
      <c r="F6" s="4" t="s">
        <v>526</v>
      </c>
      <c r="G6" s="11">
        <f>VLOOKUP(E6,'學生資料(不要打開)'!$A$2:$I$1769,4,FALSE)</f>
        <v>3</v>
      </c>
      <c r="H6" s="4" t="s">
        <v>527</v>
      </c>
      <c r="I6" s="4" t="s">
        <v>528</v>
      </c>
    </row>
    <row r="9" spans="1:9" s="7" customFormat="1" x14ac:dyDescent="0.25">
      <c r="A9" s="9"/>
      <c r="B9" s="9"/>
      <c r="C9" s="9"/>
      <c r="D9" s="9"/>
      <c r="E9" s="9"/>
      <c r="F9" s="9"/>
      <c r="G9" s="9"/>
      <c r="H9" s="9"/>
      <c r="I9" s="9"/>
    </row>
    <row r="14" spans="1:9" s="7" customFormat="1" x14ac:dyDescent="0.25">
      <c r="A14" s="9"/>
      <c r="B14" s="9"/>
      <c r="C14" s="9"/>
      <c r="D14" s="9"/>
      <c r="E14" s="9"/>
      <c r="F14" s="9"/>
      <c r="G14" s="9"/>
      <c r="H14" s="9"/>
      <c r="I14" s="9"/>
    </row>
    <row r="15" spans="1:9" s="7" customFormat="1" x14ac:dyDescent="0.25">
      <c r="A15" s="9"/>
      <c r="B15" s="9"/>
      <c r="C15" s="9"/>
      <c r="D15" s="9"/>
      <c r="E15" s="9"/>
      <c r="F15" s="9"/>
      <c r="G15" s="9"/>
      <c r="H15" s="9"/>
      <c r="I15" s="9"/>
    </row>
    <row r="16" spans="1:9" s="7" customFormat="1" x14ac:dyDescent="0.25">
      <c r="A16" s="9"/>
      <c r="B16" s="9"/>
      <c r="C16" s="9"/>
      <c r="D16" s="9"/>
      <c r="E16" s="9"/>
      <c r="F16" s="9"/>
      <c r="G16" s="9"/>
      <c r="H16" s="9"/>
      <c r="I16" s="9"/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2"/>
  <dimension ref="A1:I6"/>
  <sheetViews>
    <sheetView zoomScale="80" zoomScaleNormal="80" workbookViewId="0">
      <selection activeCell="D20" sqref="D20"/>
    </sheetView>
  </sheetViews>
  <sheetFormatPr defaultRowHeight="15.75" x14ac:dyDescent="0.25"/>
  <cols>
    <col min="1" max="1" width="9" style="9"/>
    <col min="2" max="2" width="55.625" style="7" bestFit="1" customWidth="1"/>
    <col min="3" max="7" width="9" style="9"/>
    <col min="8" max="8" width="11.375" style="9" bestFit="1" customWidth="1"/>
    <col min="9" max="9" width="118.875" style="9" bestFit="1" customWidth="1"/>
    <col min="10" max="16384" width="9" style="9"/>
  </cols>
  <sheetData>
    <row r="1" spans="1:9" s="7" customFormat="1" x14ac:dyDescent="0.25">
      <c r="A1" s="24"/>
      <c r="B1" s="24" t="s">
        <v>193</v>
      </c>
      <c r="C1" s="24"/>
      <c r="D1" s="24"/>
      <c r="E1" s="24"/>
      <c r="F1" s="24"/>
      <c r="G1" s="24"/>
      <c r="H1" s="24"/>
      <c r="I1" s="24"/>
    </row>
    <row r="2" spans="1:9" s="7" customFormat="1" x14ac:dyDescent="0.25">
      <c r="A2" s="24" t="s">
        <v>194</v>
      </c>
      <c r="B2" s="24" t="s">
        <v>195</v>
      </c>
      <c r="C2" s="24" t="s">
        <v>196</v>
      </c>
      <c r="D2" s="24" t="s">
        <v>197</v>
      </c>
      <c r="E2" s="24" t="s">
        <v>198</v>
      </c>
      <c r="F2" s="24" t="s">
        <v>199</v>
      </c>
      <c r="G2" s="24" t="s">
        <v>1315</v>
      </c>
      <c r="H2" s="24" t="s">
        <v>200</v>
      </c>
      <c r="I2" s="24" t="s">
        <v>201</v>
      </c>
    </row>
    <row r="3" spans="1:9" ht="47.25" x14ac:dyDescent="0.25">
      <c r="A3" s="24" t="s">
        <v>202</v>
      </c>
      <c r="B3" s="24" t="s">
        <v>203</v>
      </c>
      <c r="C3" s="24" t="s">
        <v>204</v>
      </c>
      <c r="D3" s="24" t="s">
        <v>205</v>
      </c>
      <c r="E3" s="24" t="s">
        <v>206</v>
      </c>
      <c r="F3" s="24" t="s">
        <v>207</v>
      </c>
      <c r="G3" s="11">
        <f>VLOOKUP(E3,'學生資料(不要打開)'!$A$2:$I$1769,4,FALSE)</f>
        <v>1</v>
      </c>
      <c r="H3" s="24" t="s">
        <v>208</v>
      </c>
      <c r="I3" s="25" t="s">
        <v>9736</v>
      </c>
    </row>
    <row r="4" spans="1:9" x14ac:dyDescent="0.25">
      <c r="A4" s="24" t="s">
        <v>202</v>
      </c>
      <c r="B4" s="24" t="s">
        <v>209</v>
      </c>
      <c r="C4" s="24" t="s">
        <v>204</v>
      </c>
      <c r="D4" s="24" t="s">
        <v>205</v>
      </c>
      <c r="E4" s="24" t="s">
        <v>206</v>
      </c>
      <c r="F4" s="24" t="s">
        <v>207</v>
      </c>
      <c r="G4" s="11">
        <f>VLOOKUP(E4,'學生資料(不要打開)'!$A$2:$I$1769,4,FALSE)</f>
        <v>1</v>
      </c>
      <c r="H4" s="24" t="s">
        <v>208</v>
      </c>
      <c r="I4" s="24" t="s">
        <v>210</v>
      </c>
    </row>
    <row r="5" spans="1:9" s="7" customFormat="1" x14ac:dyDescent="0.25">
      <c r="A5" s="24" t="s">
        <v>202</v>
      </c>
      <c r="B5" s="24" t="s">
        <v>188</v>
      </c>
      <c r="C5" s="24" t="s">
        <v>204</v>
      </c>
      <c r="D5" s="24" t="s">
        <v>205</v>
      </c>
      <c r="E5" s="24" t="s">
        <v>206</v>
      </c>
      <c r="F5" s="24" t="s">
        <v>211</v>
      </c>
      <c r="G5" s="11">
        <f>VLOOKUP(E5,'學生資料(不要打開)'!$A$2:$I$1769,4,FALSE)</f>
        <v>1</v>
      </c>
      <c r="H5" s="24" t="s">
        <v>208</v>
      </c>
      <c r="I5" s="24" t="s">
        <v>212</v>
      </c>
    </row>
    <row r="6" spans="1:9" x14ac:dyDescent="0.25">
      <c r="A6" s="24" t="s">
        <v>1128</v>
      </c>
      <c r="B6" s="24" t="s">
        <v>1129</v>
      </c>
      <c r="C6" s="24" t="s">
        <v>29</v>
      </c>
      <c r="D6" s="24" t="s">
        <v>1130</v>
      </c>
      <c r="E6" s="24" t="s">
        <v>1131</v>
      </c>
      <c r="F6" s="24" t="s">
        <v>1132</v>
      </c>
      <c r="G6" s="11">
        <f>VLOOKUP(E6,'學生資料(不要打開)'!$A$2:$I$1769,4,FALSE)</f>
        <v>4</v>
      </c>
      <c r="H6" s="24" t="s">
        <v>1133</v>
      </c>
      <c r="I6" s="24" t="s">
        <v>1134</v>
      </c>
    </row>
  </sheetData>
  <phoneticPr fontId="3" type="noConversion"/>
  <dataValidations count="1">
    <dataValidation allowBlank="1" showErrorMessage="1" sqref="A1:I3 C4 E5 F4:H4 G5:G6"/>
  </dataValidations>
  <pageMargins left="0.7" right="0.7" top="0.75" bottom="0.75" header="0.3" footer="0.3"/>
  <pageSetup paperSize="9" orientation="portrait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3"/>
  <dimension ref="A1:I19"/>
  <sheetViews>
    <sheetView zoomScale="90" zoomScaleNormal="90" workbookViewId="0">
      <selection activeCell="H37" sqref="H37"/>
    </sheetView>
  </sheetViews>
  <sheetFormatPr defaultRowHeight="15.75" x14ac:dyDescent="0.25"/>
  <cols>
    <col min="1" max="1" width="5.5" style="10" customWidth="1"/>
    <col min="2" max="2" width="27.375" style="7" customWidth="1"/>
    <col min="3" max="3" width="9" style="9" bestFit="1" customWidth="1"/>
    <col min="4" max="4" width="10.125" style="9" bestFit="1" customWidth="1"/>
    <col min="5" max="5" width="9" style="9"/>
    <col min="6" max="7" width="5.25" style="9" customWidth="1"/>
    <col min="8" max="8" width="9" style="9" customWidth="1"/>
    <col min="9" max="9" width="54.125" style="9" bestFit="1" customWidth="1"/>
    <col min="10" max="16384" width="9" style="9"/>
  </cols>
  <sheetData>
    <row r="1" spans="1:9" s="7" customFormat="1" x14ac:dyDescent="0.25">
      <c r="B1" s="67" t="s">
        <v>18</v>
      </c>
      <c r="C1" s="67"/>
      <c r="D1" s="67"/>
      <c r="E1" s="67"/>
      <c r="F1" s="67"/>
      <c r="G1" s="67"/>
      <c r="H1" s="67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ht="31.5" x14ac:dyDescent="0.25">
      <c r="A3" s="4" t="s">
        <v>637</v>
      </c>
      <c r="B3" s="11" t="s">
        <v>638</v>
      </c>
      <c r="C3" s="11" t="s">
        <v>633</v>
      </c>
      <c r="D3" s="11" t="s">
        <v>634</v>
      </c>
      <c r="E3" s="11" t="s">
        <v>605</v>
      </c>
      <c r="F3" s="11" t="s">
        <v>82</v>
      </c>
      <c r="G3" s="11">
        <f>VLOOKUP(E3,'學生資料(不要打開)'!$A$2:$I$1769,4,FALSE)</f>
        <v>12</v>
      </c>
      <c r="H3" s="11" t="s">
        <v>635</v>
      </c>
      <c r="I3" s="11" t="s">
        <v>636</v>
      </c>
    </row>
    <row r="4" spans="1:9" ht="31.5" x14ac:dyDescent="0.25">
      <c r="A4" s="4" t="s">
        <v>637</v>
      </c>
      <c r="B4" s="11" t="s">
        <v>638</v>
      </c>
      <c r="C4" s="11" t="s">
        <v>633</v>
      </c>
      <c r="D4" s="11" t="s">
        <v>634</v>
      </c>
      <c r="E4" s="11" t="s">
        <v>68</v>
      </c>
      <c r="F4" s="11" t="s">
        <v>77</v>
      </c>
      <c r="G4" s="11">
        <f>VLOOKUP(E4,'學生資料(不要打開)'!$A$2:$I$1769,4,FALSE)</f>
        <v>15</v>
      </c>
      <c r="H4" s="11" t="s">
        <v>635</v>
      </c>
      <c r="I4" s="11" t="s">
        <v>636</v>
      </c>
    </row>
    <row r="5" spans="1:9" ht="31.5" x14ac:dyDescent="0.25">
      <c r="A5" s="4" t="s">
        <v>637</v>
      </c>
      <c r="B5" s="11" t="s">
        <v>638</v>
      </c>
      <c r="C5" s="11" t="s">
        <v>633</v>
      </c>
      <c r="D5" s="11" t="s">
        <v>634</v>
      </c>
      <c r="E5" s="11" t="s">
        <v>69</v>
      </c>
      <c r="F5" s="11" t="s">
        <v>77</v>
      </c>
      <c r="G5" s="11">
        <f>VLOOKUP(E5,'學生資料(不要打開)'!$A$2:$I$1769,4,FALSE)</f>
        <v>23</v>
      </c>
      <c r="H5" s="11" t="s">
        <v>635</v>
      </c>
      <c r="I5" s="11" t="s">
        <v>636</v>
      </c>
    </row>
    <row r="6" spans="1:9" ht="31.5" x14ac:dyDescent="0.25">
      <c r="A6" s="4" t="s">
        <v>637</v>
      </c>
      <c r="B6" s="11" t="s">
        <v>638</v>
      </c>
      <c r="C6" s="11" t="s">
        <v>633</v>
      </c>
      <c r="D6" s="11" t="s">
        <v>634</v>
      </c>
      <c r="E6" s="11" t="s">
        <v>70</v>
      </c>
      <c r="F6" s="11" t="s">
        <v>78</v>
      </c>
      <c r="G6" s="11">
        <f>VLOOKUP(E6,'學生資料(不要打開)'!$A$2:$I$1769,4,FALSE)</f>
        <v>13</v>
      </c>
      <c r="H6" s="11" t="s">
        <v>635</v>
      </c>
      <c r="I6" s="52" t="s">
        <v>636</v>
      </c>
    </row>
    <row r="7" spans="1:9" ht="31.5" x14ac:dyDescent="0.25">
      <c r="A7" s="21" t="s">
        <v>701</v>
      </c>
      <c r="B7" s="22" t="s">
        <v>702</v>
      </c>
      <c r="C7" s="22" t="s">
        <v>703</v>
      </c>
      <c r="D7" s="22" t="s">
        <v>704</v>
      </c>
      <c r="E7" s="21" t="s">
        <v>688</v>
      </c>
      <c r="F7" s="22" t="s">
        <v>686</v>
      </c>
      <c r="G7" s="11">
        <f>VLOOKUP(E7,'學生資料(不要打開)'!$A$2:$I$1769,4,FALSE)</f>
        <v>3</v>
      </c>
      <c r="H7" s="11" t="s">
        <v>635</v>
      </c>
      <c r="I7" s="21" t="s">
        <v>706</v>
      </c>
    </row>
    <row r="8" spans="1:9" ht="31.5" x14ac:dyDescent="0.25">
      <c r="A8" s="21" t="s">
        <v>701</v>
      </c>
      <c r="B8" s="22" t="s">
        <v>702</v>
      </c>
      <c r="C8" s="22" t="s">
        <v>703</v>
      </c>
      <c r="D8" s="22" t="s">
        <v>704</v>
      </c>
      <c r="E8" s="21" t="s">
        <v>689</v>
      </c>
      <c r="F8" s="22" t="s">
        <v>686</v>
      </c>
      <c r="G8" s="11">
        <f>VLOOKUP(E8,'學生資料(不要打開)'!$A$2:$I$1769,4,FALSE)</f>
        <v>7</v>
      </c>
      <c r="H8" s="11" t="s">
        <v>635</v>
      </c>
      <c r="I8" s="21" t="s">
        <v>706</v>
      </c>
    </row>
    <row r="9" spans="1:9" ht="31.5" x14ac:dyDescent="0.25">
      <c r="A9" s="21" t="s">
        <v>701</v>
      </c>
      <c r="B9" s="22" t="s">
        <v>702</v>
      </c>
      <c r="C9" s="22" t="s">
        <v>703</v>
      </c>
      <c r="D9" s="22" t="s">
        <v>704</v>
      </c>
      <c r="E9" s="21" t="s">
        <v>690</v>
      </c>
      <c r="F9" s="22" t="s">
        <v>686</v>
      </c>
      <c r="G9" s="11">
        <f>VLOOKUP(E9,'學生資料(不要打開)'!$A$2:$I$1769,4,FALSE)</f>
        <v>8</v>
      </c>
      <c r="H9" s="11" t="s">
        <v>635</v>
      </c>
      <c r="I9" s="21" t="s">
        <v>706</v>
      </c>
    </row>
    <row r="10" spans="1:9" x14ac:dyDescent="0.25">
      <c r="A10" s="21" t="s">
        <v>701</v>
      </c>
      <c r="B10" s="22" t="s">
        <v>702</v>
      </c>
      <c r="C10" s="22" t="s">
        <v>703</v>
      </c>
      <c r="D10" s="22" t="s">
        <v>705</v>
      </c>
      <c r="E10" s="21" t="s">
        <v>691</v>
      </c>
      <c r="F10" s="22" t="s">
        <v>686</v>
      </c>
      <c r="G10" s="11">
        <f>VLOOKUP(E10,'學生資料(不要打開)'!$A$2:$I$1769,4,FALSE)</f>
        <v>14</v>
      </c>
      <c r="H10" s="11" t="s">
        <v>635</v>
      </c>
      <c r="I10" s="21" t="s">
        <v>706</v>
      </c>
    </row>
    <row r="11" spans="1:9" x14ac:dyDescent="0.25">
      <c r="A11" s="21" t="s">
        <v>701</v>
      </c>
      <c r="B11" s="22" t="s">
        <v>702</v>
      </c>
      <c r="C11" s="22" t="s">
        <v>703</v>
      </c>
      <c r="D11" s="22" t="s">
        <v>705</v>
      </c>
      <c r="E11" s="21" t="s">
        <v>692</v>
      </c>
      <c r="F11" s="22" t="s">
        <v>686</v>
      </c>
      <c r="G11" s="11">
        <f>VLOOKUP(E11,'學生資料(不要打開)'!$A$2:$I$1769,4,FALSE)</f>
        <v>25</v>
      </c>
      <c r="H11" s="11" t="s">
        <v>635</v>
      </c>
      <c r="I11" s="21" t="s">
        <v>706</v>
      </c>
    </row>
    <row r="12" spans="1:9" ht="31.5" x14ac:dyDescent="0.25">
      <c r="A12" s="21" t="s">
        <v>701</v>
      </c>
      <c r="B12" s="22" t="s">
        <v>702</v>
      </c>
      <c r="C12" s="22" t="s">
        <v>703</v>
      </c>
      <c r="D12" s="22" t="s">
        <v>704</v>
      </c>
      <c r="E12" s="21" t="s">
        <v>693</v>
      </c>
      <c r="F12" s="22" t="s">
        <v>687</v>
      </c>
      <c r="G12" s="11">
        <f>VLOOKUP(E12,'學生資料(不要打開)'!$A$2:$I$1769,4,FALSE)</f>
        <v>26</v>
      </c>
      <c r="H12" s="11" t="s">
        <v>635</v>
      </c>
      <c r="I12" s="21" t="s">
        <v>706</v>
      </c>
    </row>
    <row r="13" spans="1:9" ht="31.5" x14ac:dyDescent="0.25">
      <c r="A13" s="21" t="s">
        <v>701</v>
      </c>
      <c r="B13" s="22" t="s">
        <v>702</v>
      </c>
      <c r="C13" s="22" t="s">
        <v>703</v>
      </c>
      <c r="D13" s="22" t="s">
        <v>704</v>
      </c>
      <c r="E13" s="21" t="s">
        <v>694</v>
      </c>
      <c r="F13" s="22" t="s">
        <v>687</v>
      </c>
      <c r="G13" s="11">
        <f>VLOOKUP(E13,'學生資料(不要打開)'!$A$2:$I$1769,4,FALSE)</f>
        <v>1</v>
      </c>
      <c r="H13" s="11" t="s">
        <v>635</v>
      </c>
      <c r="I13" s="21" t="s">
        <v>706</v>
      </c>
    </row>
    <row r="14" spans="1:9" x14ac:dyDescent="0.25">
      <c r="A14" s="21" t="s">
        <v>701</v>
      </c>
      <c r="B14" s="22" t="s">
        <v>702</v>
      </c>
      <c r="C14" s="22" t="s">
        <v>703</v>
      </c>
      <c r="D14" s="22" t="s">
        <v>705</v>
      </c>
      <c r="E14" s="21" t="s">
        <v>695</v>
      </c>
      <c r="F14" s="22" t="s">
        <v>687</v>
      </c>
      <c r="G14" s="11">
        <f>VLOOKUP(E14,'學生資料(不要打開)'!$A$2:$I$1769,4,FALSE)</f>
        <v>2</v>
      </c>
      <c r="H14" s="11" t="s">
        <v>635</v>
      </c>
      <c r="I14" s="21" t="s">
        <v>706</v>
      </c>
    </row>
    <row r="15" spans="1:9" x14ac:dyDescent="0.25">
      <c r="A15" s="21" t="s">
        <v>701</v>
      </c>
      <c r="B15" s="22" t="s">
        <v>702</v>
      </c>
      <c r="C15" s="22" t="s">
        <v>703</v>
      </c>
      <c r="D15" s="22" t="s">
        <v>705</v>
      </c>
      <c r="E15" s="21" t="s">
        <v>696</v>
      </c>
      <c r="F15" s="22" t="s">
        <v>687</v>
      </c>
      <c r="G15" s="11">
        <f>VLOOKUP(E15,'學生資料(不要打開)'!$A$2:$I$1769,4,FALSE)</f>
        <v>5</v>
      </c>
      <c r="H15" s="11" t="s">
        <v>635</v>
      </c>
      <c r="I15" s="21" t="s">
        <v>706</v>
      </c>
    </row>
    <row r="16" spans="1:9" x14ac:dyDescent="0.25">
      <c r="A16" s="21" t="s">
        <v>701</v>
      </c>
      <c r="B16" s="22" t="s">
        <v>702</v>
      </c>
      <c r="C16" s="22" t="s">
        <v>703</v>
      </c>
      <c r="D16" s="22" t="s">
        <v>705</v>
      </c>
      <c r="E16" s="21" t="s">
        <v>699</v>
      </c>
      <c r="F16" s="22" t="s">
        <v>687</v>
      </c>
      <c r="G16" s="11">
        <f>VLOOKUP(E16,'學生資料(不要打開)'!$A$2:$I$1769,4,FALSE)</f>
        <v>7</v>
      </c>
      <c r="H16" s="11" t="s">
        <v>635</v>
      </c>
      <c r="I16" s="21" t="s">
        <v>706</v>
      </c>
    </row>
    <row r="17" spans="1:9" ht="31.5" x14ac:dyDescent="0.25">
      <c r="A17" s="21" t="s">
        <v>701</v>
      </c>
      <c r="B17" s="22" t="s">
        <v>702</v>
      </c>
      <c r="C17" s="22" t="s">
        <v>703</v>
      </c>
      <c r="D17" s="22" t="s">
        <v>704</v>
      </c>
      <c r="E17" s="21" t="s">
        <v>697</v>
      </c>
      <c r="F17" s="22" t="s">
        <v>687</v>
      </c>
      <c r="G17" s="11">
        <f>VLOOKUP(E17,'學生資料(不要打開)'!$A$2:$I$1769,4,FALSE)</f>
        <v>8</v>
      </c>
      <c r="H17" s="11" t="s">
        <v>635</v>
      </c>
      <c r="I17" s="21" t="s">
        <v>706</v>
      </c>
    </row>
    <row r="18" spans="1:9" x14ac:dyDescent="0.25">
      <c r="A18" s="21" t="s">
        <v>701</v>
      </c>
      <c r="B18" s="22" t="s">
        <v>702</v>
      </c>
      <c r="C18" s="22" t="s">
        <v>703</v>
      </c>
      <c r="D18" s="22" t="s">
        <v>705</v>
      </c>
      <c r="E18" s="21" t="s">
        <v>698</v>
      </c>
      <c r="F18" s="22" t="s">
        <v>687</v>
      </c>
      <c r="G18" s="11">
        <f>VLOOKUP(E18,'學生資料(不要打開)'!$A$2:$I$1769,4,FALSE)</f>
        <v>21</v>
      </c>
      <c r="H18" s="11" t="s">
        <v>635</v>
      </c>
      <c r="I18" s="21" t="s">
        <v>706</v>
      </c>
    </row>
    <row r="19" spans="1:9" ht="31.5" x14ac:dyDescent="0.25">
      <c r="A19" s="21" t="s">
        <v>701</v>
      </c>
      <c r="B19" s="22" t="s">
        <v>702</v>
      </c>
      <c r="C19" s="22" t="s">
        <v>703</v>
      </c>
      <c r="D19" s="22" t="s">
        <v>704</v>
      </c>
      <c r="E19" s="21" t="s">
        <v>700</v>
      </c>
      <c r="F19" s="22" t="s">
        <v>687</v>
      </c>
      <c r="G19" s="11">
        <f>VLOOKUP(E19,'學生資料(不要打開)'!$A$2:$I$1769,4,FALSE)</f>
        <v>24</v>
      </c>
      <c r="H19" s="11" t="s">
        <v>635</v>
      </c>
      <c r="I19" s="21" t="s">
        <v>706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4"/>
  <dimension ref="A1:I28"/>
  <sheetViews>
    <sheetView topLeftCell="F2" zoomScale="90" zoomScaleNormal="90" workbookViewId="0">
      <selection activeCell="M22" sqref="M22"/>
    </sheetView>
  </sheetViews>
  <sheetFormatPr defaultRowHeight="15.75" x14ac:dyDescent="0.25"/>
  <cols>
    <col min="1" max="1" width="5.5" style="10" bestFit="1" customWidth="1"/>
    <col min="2" max="2" width="33.875" style="9" bestFit="1" customWidth="1"/>
    <col min="3" max="3" width="13.375" style="9" bestFit="1" customWidth="1"/>
    <col min="4" max="4" width="25" style="9" bestFit="1" customWidth="1"/>
    <col min="5" max="5" width="13.375" style="9" bestFit="1" customWidth="1"/>
    <col min="6" max="6" width="9.75" style="9" bestFit="1" customWidth="1"/>
    <col min="7" max="7" width="9.75" style="9" customWidth="1"/>
    <col min="8" max="8" width="13.375" style="9" bestFit="1" customWidth="1"/>
    <col min="9" max="9" width="38.5" style="9" bestFit="1" customWidth="1"/>
    <col min="10" max="16384" width="9" style="9"/>
  </cols>
  <sheetData>
    <row r="1" spans="1:9" s="7" customFormat="1" ht="16.5" hidden="1" customHeight="1" x14ac:dyDescent="0.25">
      <c r="B1" s="67" t="s">
        <v>19</v>
      </c>
      <c r="C1" s="67"/>
      <c r="D1" s="67"/>
      <c r="E1" s="67"/>
      <c r="F1" s="67"/>
      <c r="G1" s="67"/>
      <c r="H1" s="67"/>
      <c r="I1" s="8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21" t="s">
        <v>109</v>
      </c>
      <c r="B3" s="4" t="s">
        <v>610</v>
      </c>
      <c r="C3" s="4" t="s">
        <v>589</v>
      </c>
      <c r="D3" s="4" t="s">
        <v>611</v>
      </c>
      <c r="E3" s="4" t="s">
        <v>599</v>
      </c>
      <c r="F3" s="4" t="s">
        <v>145</v>
      </c>
      <c r="G3" s="11">
        <f>VLOOKUP(E3,'學生資料(不要打開)'!$A$2:$I$1769,4,FALSE)</f>
        <v>4</v>
      </c>
      <c r="H3" s="22" t="s">
        <v>612</v>
      </c>
      <c r="I3" s="22" t="s">
        <v>614</v>
      </c>
    </row>
    <row r="4" spans="1:9" x14ac:dyDescent="0.25">
      <c r="A4" s="21" t="s">
        <v>109</v>
      </c>
      <c r="B4" s="4" t="s">
        <v>610</v>
      </c>
      <c r="C4" s="4" t="s">
        <v>589</v>
      </c>
      <c r="D4" s="4" t="s">
        <v>611</v>
      </c>
      <c r="E4" s="4" t="s">
        <v>600</v>
      </c>
      <c r="F4" s="4" t="s">
        <v>145</v>
      </c>
      <c r="G4" s="11">
        <f>VLOOKUP(E4,'學生資料(不要打開)'!$A$2:$I$1769,4,FALSE)</f>
        <v>31</v>
      </c>
      <c r="H4" s="22" t="s">
        <v>612</v>
      </c>
      <c r="I4" s="22" t="s">
        <v>614</v>
      </c>
    </row>
    <row r="5" spans="1:9" x14ac:dyDescent="0.25">
      <c r="A5" s="21" t="s">
        <v>109</v>
      </c>
      <c r="B5" s="4" t="s">
        <v>610</v>
      </c>
      <c r="C5" s="4" t="s">
        <v>589</v>
      </c>
      <c r="D5" s="4" t="s">
        <v>611</v>
      </c>
      <c r="E5" s="4" t="s">
        <v>601</v>
      </c>
      <c r="F5" s="4" t="s">
        <v>135</v>
      </c>
      <c r="G5" s="11">
        <f>VLOOKUP(E5,'學生資料(不要打開)'!$A$2:$I$1769,4,FALSE)</f>
        <v>16</v>
      </c>
      <c r="H5" s="22" t="s">
        <v>612</v>
      </c>
      <c r="I5" s="22" t="s">
        <v>614</v>
      </c>
    </row>
    <row r="6" spans="1:9" x14ac:dyDescent="0.25">
      <c r="A6" s="21" t="s">
        <v>109</v>
      </c>
      <c r="B6" s="4" t="s">
        <v>610</v>
      </c>
      <c r="C6" s="4" t="s">
        <v>589</v>
      </c>
      <c r="D6" s="4" t="s">
        <v>611</v>
      </c>
      <c r="E6" s="4" t="s">
        <v>134</v>
      </c>
      <c r="F6" s="4" t="s">
        <v>135</v>
      </c>
      <c r="G6" s="11">
        <f>VLOOKUP(E6,'學生資料(不要打開)'!$A$2:$I$1769,4,FALSE)</f>
        <v>27</v>
      </c>
      <c r="H6" s="22" t="s">
        <v>612</v>
      </c>
      <c r="I6" s="22" t="s">
        <v>614</v>
      </c>
    </row>
    <row r="7" spans="1:9" x14ac:dyDescent="0.25">
      <c r="A7" s="21" t="s">
        <v>109</v>
      </c>
      <c r="B7" s="4" t="s">
        <v>610</v>
      </c>
      <c r="C7" s="4" t="s">
        <v>589</v>
      </c>
      <c r="D7" s="4" t="s">
        <v>611</v>
      </c>
      <c r="E7" s="4" t="s">
        <v>602</v>
      </c>
      <c r="F7" s="4" t="s">
        <v>140</v>
      </c>
      <c r="G7" s="11">
        <f>VLOOKUP(E7,'學生資料(不要打開)'!$A$2:$I$1769,4,FALSE)</f>
        <v>19</v>
      </c>
      <c r="H7" s="22" t="s">
        <v>612</v>
      </c>
      <c r="I7" s="22" t="s">
        <v>614</v>
      </c>
    </row>
    <row r="8" spans="1:9" x14ac:dyDescent="0.25">
      <c r="A8" s="21" t="s">
        <v>109</v>
      </c>
      <c r="B8" s="4" t="s">
        <v>610</v>
      </c>
      <c r="C8" s="4" t="s">
        <v>589</v>
      </c>
      <c r="D8" s="4" t="s">
        <v>611</v>
      </c>
      <c r="E8" s="4" t="s">
        <v>603</v>
      </c>
      <c r="F8" s="4" t="s">
        <v>82</v>
      </c>
      <c r="G8" s="11">
        <f>VLOOKUP(E8,'學生資料(不要打開)'!$A$2:$I$1769,4,FALSE)</f>
        <v>7</v>
      </c>
      <c r="H8" s="22" t="s">
        <v>613</v>
      </c>
      <c r="I8" s="22" t="s">
        <v>614</v>
      </c>
    </row>
    <row r="9" spans="1:9" x14ac:dyDescent="0.25">
      <c r="A9" s="21" t="s">
        <v>109</v>
      </c>
      <c r="B9" s="4" t="s">
        <v>610</v>
      </c>
      <c r="C9" s="4" t="s">
        <v>589</v>
      </c>
      <c r="D9" s="4" t="s">
        <v>611</v>
      </c>
      <c r="E9" s="4" t="s">
        <v>604</v>
      </c>
      <c r="F9" s="4" t="s">
        <v>82</v>
      </c>
      <c r="G9" s="11">
        <f>VLOOKUP(E9,'學生資料(不要打開)'!$A$2:$I$1769,4,FALSE)</f>
        <v>10</v>
      </c>
      <c r="H9" s="22" t="s">
        <v>613</v>
      </c>
      <c r="I9" s="22" t="s">
        <v>614</v>
      </c>
    </row>
    <row r="10" spans="1:9" x14ac:dyDescent="0.25">
      <c r="A10" s="21" t="s">
        <v>109</v>
      </c>
      <c r="B10" s="4" t="s">
        <v>610</v>
      </c>
      <c r="C10" s="4" t="s">
        <v>589</v>
      </c>
      <c r="D10" s="4" t="s">
        <v>611</v>
      </c>
      <c r="E10" s="4" t="s">
        <v>605</v>
      </c>
      <c r="F10" s="4" t="s">
        <v>82</v>
      </c>
      <c r="G10" s="11">
        <f>VLOOKUP(E10,'學生資料(不要打開)'!$A$2:$I$1769,4,FALSE)</f>
        <v>12</v>
      </c>
      <c r="H10" s="22" t="s">
        <v>613</v>
      </c>
      <c r="I10" s="22" t="s">
        <v>614</v>
      </c>
    </row>
    <row r="11" spans="1:9" x14ac:dyDescent="0.25">
      <c r="A11" s="21" t="s">
        <v>109</v>
      </c>
      <c r="B11" s="4" t="s">
        <v>610</v>
      </c>
      <c r="C11" s="4" t="s">
        <v>589</v>
      </c>
      <c r="D11" s="4" t="s">
        <v>611</v>
      </c>
      <c r="E11" s="4" t="s">
        <v>278</v>
      </c>
      <c r="F11" s="4" t="s">
        <v>283</v>
      </c>
      <c r="G11" s="11">
        <f>VLOOKUP(E11,'學生資料(不要打開)'!$A$2:$I$1769,4,FALSE)</f>
        <v>8</v>
      </c>
      <c r="H11" s="22" t="s">
        <v>613</v>
      </c>
      <c r="I11" s="22" t="s">
        <v>614</v>
      </c>
    </row>
    <row r="12" spans="1:9" x14ac:dyDescent="0.25">
      <c r="A12" s="21" t="s">
        <v>109</v>
      </c>
      <c r="B12" s="4" t="s">
        <v>610</v>
      </c>
      <c r="C12" s="4" t="s">
        <v>589</v>
      </c>
      <c r="D12" s="4" t="s">
        <v>611</v>
      </c>
      <c r="E12" s="4" t="s">
        <v>606</v>
      </c>
      <c r="F12" s="4" t="s">
        <v>609</v>
      </c>
      <c r="G12" s="11">
        <f>VLOOKUP(E12,'學生資料(不要打開)'!$A$2:$I$1769,4,FALSE)</f>
        <v>3</v>
      </c>
      <c r="H12" s="22" t="s">
        <v>613</v>
      </c>
      <c r="I12" s="22" t="s">
        <v>614</v>
      </c>
    </row>
    <row r="13" spans="1:9" x14ac:dyDescent="0.25">
      <c r="A13" s="21" t="s">
        <v>109</v>
      </c>
      <c r="B13" s="4" t="s">
        <v>610</v>
      </c>
      <c r="C13" s="4" t="s">
        <v>589</v>
      </c>
      <c r="D13" s="4" t="s">
        <v>611</v>
      </c>
      <c r="E13" s="4" t="s">
        <v>91</v>
      </c>
      <c r="F13" s="4" t="s">
        <v>105</v>
      </c>
      <c r="G13" s="11">
        <f>VLOOKUP(E13,'學生資料(不要打開)'!$A$2:$I$1769,4,FALSE)</f>
        <v>8</v>
      </c>
      <c r="H13" s="22" t="s">
        <v>613</v>
      </c>
      <c r="I13" s="22" t="s">
        <v>614</v>
      </c>
    </row>
    <row r="14" spans="1:9" x14ac:dyDescent="0.25">
      <c r="A14" s="21" t="s">
        <v>109</v>
      </c>
      <c r="B14" s="4" t="s">
        <v>610</v>
      </c>
      <c r="C14" s="4" t="s">
        <v>589</v>
      </c>
      <c r="D14" s="4" t="s">
        <v>611</v>
      </c>
      <c r="E14" s="4" t="s">
        <v>607</v>
      </c>
      <c r="F14" s="4" t="s">
        <v>105</v>
      </c>
      <c r="G14" s="11">
        <f>VLOOKUP(E14,'學生資料(不要打開)'!$A$2:$I$1769,4,FALSE)</f>
        <v>17</v>
      </c>
      <c r="H14" s="22" t="s">
        <v>613</v>
      </c>
      <c r="I14" s="22" t="s">
        <v>614</v>
      </c>
    </row>
    <row r="15" spans="1:9" x14ac:dyDescent="0.25">
      <c r="A15" s="21" t="s">
        <v>109</v>
      </c>
      <c r="B15" s="4" t="s">
        <v>610</v>
      </c>
      <c r="C15" s="4" t="s">
        <v>589</v>
      </c>
      <c r="D15" s="4" t="s">
        <v>611</v>
      </c>
      <c r="E15" s="4" t="s">
        <v>608</v>
      </c>
      <c r="F15" s="4" t="s">
        <v>105</v>
      </c>
      <c r="G15" s="11">
        <f>VLOOKUP(E15,'學生資料(不要打開)'!$A$2:$I$1769,4,FALSE)</f>
        <v>18</v>
      </c>
      <c r="H15" s="22" t="s">
        <v>613</v>
      </c>
      <c r="I15" s="22" t="s">
        <v>614</v>
      </c>
    </row>
    <row r="16" spans="1:9" x14ac:dyDescent="0.25">
      <c r="A16" s="21" t="s">
        <v>109</v>
      </c>
      <c r="B16" s="4" t="s">
        <v>610</v>
      </c>
      <c r="C16" s="4" t="s">
        <v>589</v>
      </c>
      <c r="D16" s="4" t="s">
        <v>611</v>
      </c>
      <c r="E16" s="4" t="s">
        <v>88</v>
      </c>
      <c r="F16" s="4" t="s">
        <v>105</v>
      </c>
      <c r="G16" s="11">
        <f>VLOOKUP(E16,'學生資料(不要打開)'!$A$2:$I$1769,4,FALSE)</f>
        <v>21</v>
      </c>
      <c r="H16" s="22" t="s">
        <v>613</v>
      </c>
      <c r="I16" s="22" t="s">
        <v>614</v>
      </c>
    </row>
    <row r="17" spans="1:9" s="23" customFormat="1" x14ac:dyDescent="0.25">
      <c r="A17" s="21" t="s">
        <v>642</v>
      </c>
      <c r="B17" s="21" t="s">
        <v>678</v>
      </c>
      <c r="C17" s="21" t="s">
        <v>132</v>
      </c>
      <c r="D17" s="21" t="s">
        <v>679</v>
      </c>
      <c r="E17" s="21" t="s">
        <v>91</v>
      </c>
      <c r="F17" s="21" t="s">
        <v>105</v>
      </c>
      <c r="G17" s="11">
        <f>VLOOKUP(E17,'學生資料(不要打開)'!$A$2:$I$1769,4,FALSE)</f>
        <v>8</v>
      </c>
      <c r="H17" s="21" t="s">
        <v>680</v>
      </c>
      <c r="I17" s="21" t="s">
        <v>681</v>
      </c>
    </row>
    <row r="18" spans="1:9" x14ac:dyDescent="0.25">
      <c r="A18" s="21" t="s">
        <v>828</v>
      </c>
      <c r="B18" s="21" t="s">
        <v>813</v>
      </c>
      <c r="C18" s="21" t="s">
        <v>829</v>
      </c>
      <c r="D18" s="21" t="s">
        <v>816</v>
      </c>
      <c r="E18" s="21" t="s">
        <v>819</v>
      </c>
      <c r="F18" s="21" t="s">
        <v>82</v>
      </c>
      <c r="G18" s="11">
        <f>VLOOKUP(E18,'學生資料(不要打開)'!$A$2:$I$1769,4,FALSE)</f>
        <v>2</v>
      </c>
      <c r="H18" s="21" t="s">
        <v>613</v>
      </c>
      <c r="I18" s="21" t="s">
        <v>815</v>
      </c>
    </row>
    <row r="19" spans="1:9" x14ac:dyDescent="0.25">
      <c r="A19" s="21" t="s">
        <v>828</v>
      </c>
      <c r="B19" s="21" t="s">
        <v>813</v>
      </c>
      <c r="C19" s="21" t="s">
        <v>829</v>
      </c>
      <c r="D19" s="21" t="s">
        <v>817</v>
      </c>
      <c r="E19" s="21" t="s">
        <v>604</v>
      </c>
      <c r="F19" s="21" t="s">
        <v>82</v>
      </c>
      <c r="G19" s="11">
        <f>VLOOKUP(E19,'學生資料(不要打開)'!$A$2:$I$1769,4,FALSE)</f>
        <v>10</v>
      </c>
      <c r="H19" s="21" t="s">
        <v>613</v>
      </c>
      <c r="I19" s="21" t="s">
        <v>815</v>
      </c>
    </row>
    <row r="20" spans="1:9" x14ac:dyDescent="0.25">
      <c r="A20" s="21" t="s">
        <v>828</v>
      </c>
      <c r="B20" s="21" t="s">
        <v>813</v>
      </c>
      <c r="C20" s="21" t="s">
        <v>829</v>
      </c>
      <c r="D20" s="21" t="s">
        <v>818</v>
      </c>
      <c r="E20" s="21" t="s">
        <v>820</v>
      </c>
      <c r="F20" s="21" t="s">
        <v>82</v>
      </c>
      <c r="G20" s="11">
        <f>VLOOKUP(E20,'學生資料(不要打開)'!$A$2:$I$1769,4,FALSE)</f>
        <v>28</v>
      </c>
      <c r="H20" s="21" t="s">
        <v>613</v>
      </c>
      <c r="I20" s="21" t="s">
        <v>815</v>
      </c>
    </row>
    <row r="21" spans="1:9" x14ac:dyDescent="0.25">
      <c r="A21" s="21" t="s">
        <v>828</v>
      </c>
      <c r="B21" s="21" t="s">
        <v>813</v>
      </c>
      <c r="C21" s="21" t="s">
        <v>829</v>
      </c>
      <c r="D21" s="21" t="s">
        <v>816</v>
      </c>
      <c r="E21" s="21" t="s">
        <v>821</v>
      </c>
      <c r="F21" s="21" t="s">
        <v>283</v>
      </c>
      <c r="G21" s="11">
        <f>VLOOKUP(E21,'學生資料(不要打開)'!$A$2:$I$1769,4,FALSE)</f>
        <v>15</v>
      </c>
      <c r="H21" s="21" t="s">
        <v>613</v>
      </c>
      <c r="I21" s="21" t="s">
        <v>815</v>
      </c>
    </row>
    <row r="22" spans="1:9" x14ac:dyDescent="0.25">
      <c r="A22" s="21" t="s">
        <v>828</v>
      </c>
      <c r="B22" s="21" t="s">
        <v>813</v>
      </c>
      <c r="C22" s="21" t="s">
        <v>829</v>
      </c>
      <c r="D22" s="21" t="s">
        <v>817</v>
      </c>
      <c r="E22" s="21" t="s">
        <v>822</v>
      </c>
      <c r="F22" s="21" t="s">
        <v>283</v>
      </c>
      <c r="G22" s="11">
        <f>VLOOKUP(E22,'學生資料(不要打開)'!$A$2:$I$1769,4,FALSE)</f>
        <v>18</v>
      </c>
      <c r="H22" s="21" t="s">
        <v>613</v>
      </c>
      <c r="I22" s="21" t="s">
        <v>815</v>
      </c>
    </row>
    <row r="23" spans="1:9" x14ac:dyDescent="0.25">
      <c r="A23" s="21" t="s">
        <v>828</v>
      </c>
      <c r="B23" s="21" t="s">
        <v>813</v>
      </c>
      <c r="C23" s="21" t="s">
        <v>829</v>
      </c>
      <c r="D23" s="21" t="s">
        <v>816</v>
      </c>
      <c r="E23" s="21" t="s">
        <v>823</v>
      </c>
      <c r="F23" s="21" t="s">
        <v>77</v>
      </c>
      <c r="G23" s="11">
        <f>VLOOKUP(E23,'學生資料(不要打開)'!$A$2:$I$1769,4,FALSE)</f>
        <v>6</v>
      </c>
      <c r="H23" s="21" t="s">
        <v>613</v>
      </c>
      <c r="I23" s="21" t="s">
        <v>815</v>
      </c>
    </row>
    <row r="24" spans="1:9" x14ac:dyDescent="0.25">
      <c r="A24" s="21" t="s">
        <v>828</v>
      </c>
      <c r="B24" s="21" t="s">
        <v>814</v>
      </c>
      <c r="C24" s="21" t="s">
        <v>829</v>
      </c>
      <c r="D24" s="21" t="s">
        <v>818</v>
      </c>
      <c r="E24" s="21" t="s">
        <v>824</v>
      </c>
      <c r="F24" s="21" t="s">
        <v>752</v>
      </c>
      <c r="G24" s="11">
        <f>VLOOKUP(E24,'學生資料(不要打開)'!$A$2:$I$1769,4,FALSE)</f>
        <v>8</v>
      </c>
      <c r="H24" s="21" t="s">
        <v>827</v>
      </c>
      <c r="I24" s="21" t="s">
        <v>815</v>
      </c>
    </row>
    <row r="25" spans="1:9" x14ac:dyDescent="0.25">
      <c r="A25" s="21" t="s">
        <v>828</v>
      </c>
      <c r="B25" s="21" t="s">
        <v>814</v>
      </c>
      <c r="C25" s="21" t="s">
        <v>829</v>
      </c>
      <c r="D25" s="21" t="s">
        <v>817</v>
      </c>
      <c r="E25" s="21" t="s">
        <v>825</v>
      </c>
      <c r="F25" s="21" t="s">
        <v>106</v>
      </c>
      <c r="G25" s="11">
        <f>VLOOKUP(E25,'學生資料(不要打開)'!$A$2:$I$1769,4,FALSE)</f>
        <v>20</v>
      </c>
      <c r="H25" s="21" t="s">
        <v>827</v>
      </c>
      <c r="I25" s="21" t="s">
        <v>815</v>
      </c>
    </row>
    <row r="26" spans="1:9" x14ac:dyDescent="0.25">
      <c r="A26" s="21" t="s">
        <v>828</v>
      </c>
      <c r="B26" s="21" t="s">
        <v>814</v>
      </c>
      <c r="C26" s="21" t="s">
        <v>829</v>
      </c>
      <c r="D26" s="21" t="s">
        <v>818</v>
      </c>
      <c r="E26" s="21" t="s">
        <v>603</v>
      </c>
      <c r="F26" s="21" t="s">
        <v>82</v>
      </c>
      <c r="G26" s="11">
        <f>VLOOKUP(E26,'學生資料(不要打開)'!$A$2:$I$1769,4,FALSE)</f>
        <v>7</v>
      </c>
      <c r="H26" s="21" t="s">
        <v>827</v>
      </c>
      <c r="I26" s="21" t="s">
        <v>815</v>
      </c>
    </row>
    <row r="27" spans="1:9" x14ac:dyDescent="0.25">
      <c r="A27" s="21" t="s">
        <v>828</v>
      </c>
      <c r="B27" s="21" t="s">
        <v>814</v>
      </c>
      <c r="C27" s="21" t="s">
        <v>829</v>
      </c>
      <c r="D27" s="21" t="s">
        <v>816</v>
      </c>
      <c r="E27" s="21" t="s">
        <v>605</v>
      </c>
      <c r="F27" s="21" t="s">
        <v>82</v>
      </c>
      <c r="G27" s="11">
        <f>VLOOKUP(E27,'學生資料(不要打開)'!$A$2:$I$1769,4,FALSE)</f>
        <v>12</v>
      </c>
      <c r="H27" s="21" t="s">
        <v>827</v>
      </c>
      <c r="I27" s="21" t="s">
        <v>815</v>
      </c>
    </row>
    <row r="28" spans="1:9" x14ac:dyDescent="0.25">
      <c r="A28" s="21" t="s">
        <v>828</v>
      </c>
      <c r="B28" s="21" t="s">
        <v>814</v>
      </c>
      <c r="C28" s="21" t="s">
        <v>829</v>
      </c>
      <c r="D28" s="21" t="s">
        <v>816</v>
      </c>
      <c r="E28" s="21" t="s">
        <v>826</v>
      </c>
      <c r="F28" s="21" t="s">
        <v>283</v>
      </c>
      <c r="G28" s="11">
        <f>VLOOKUP(E28,'學生資料(不要打開)'!$A$2:$I$1769,4,FALSE)</f>
        <v>11</v>
      </c>
      <c r="H28" s="21" t="s">
        <v>827</v>
      </c>
      <c r="I28" s="21" t="s">
        <v>815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5"/>
  <dimension ref="A1:I36"/>
  <sheetViews>
    <sheetView zoomScaleNormal="100" workbookViewId="0">
      <selection activeCell="H37" sqref="H37"/>
    </sheetView>
  </sheetViews>
  <sheetFormatPr defaultRowHeight="15.75" x14ac:dyDescent="0.25"/>
  <cols>
    <col min="1" max="1" width="9" style="10"/>
    <col min="2" max="2" width="35.25" style="7" bestFit="1" customWidth="1"/>
    <col min="3" max="3" width="9" style="7"/>
    <col min="4" max="4" width="21.25" style="7" customWidth="1"/>
    <col min="5" max="7" width="9" style="7"/>
    <col min="8" max="8" width="16.125" style="7" bestFit="1" customWidth="1"/>
    <col min="9" max="9" width="19.375" style="7" customWidth="1"/>
    <col min="10" max="16384" width="9" style="7"/>
  </cols>
  <sheetData>
    <row r="1" spans="1:9" x14ac:dyDescent="0.25">
      <c r="A1" s="7"/>
      <c r="B1" s="67" t="s">
        <v>20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21" t="s">
        <v>109</v>
      </c>
      <c r="B3" s="4" t="s">
        <v>159</v>
      </c>
      <c r="C3" s="4" t="s">
        <v>162</v>
      </c>
      <c r="D3" s="4" t="s">
        <v>161</v>
      </c>
      <c r="E3" s="4" t="s">
        <v>163</v>
      </c>
      <c r="F3" s="4" t="s">
        <v>77</v>
      </c>
      <c r="G3" s="11">
        <f>VLOOKUP(E3,'學生資料(不要打開)'!$A$2:$I$1769,4,FALSE)</f>
        <v>19</v>
      </c>
      <c r="H3" s="22" t="s">
        <v>165</v>
      </c>
      <c r="I3" s="22" t="s">
        <v>160</v>
      </c>
    </row>
    <row r="4" spans="1:9" x14ac:dyDescent="0.25">
      <c r="A4" s="21" t="s">
        <v>109</v>
      </c>
      <c r="B4" s="4" t="s">
        <v>159</v>
      </c>
      <c r="C4" s="4" t="s">
        <v>494</v>
      </c>
      <c r="D4" s="4" t="s">
        <v>161</v>
      </c>
      <c r="E4" s="4" t="s">
        <v>139</v>
      </c>
      <c r="F4" s="4" t="s">
        <v>77</v>
      </c>
      <c r="G4" s="11">
        <f>VLOOKUP(E4,'學生資料(不要打開)'!$A$2:$I$1769,4,FALSE)</f>
        <v>21</v>
      </c>
      <c r="H4" s="22" t="s">
        <v>165</v>
      </c>
      <c r="I4" s="22" t="s">
        <v>160</v>
      </c>
    </row>
    <row r="5" spans="1:9" x14ac:dyDescent="0.25">
      <c r="A5" s="21" t="s">
        <v>109</v>
      </c>
      <c r="B5" s="4" t="s">
        <v>159</v>
      </c>
      <c r="C5" s="4" t="s">
        <v>494</v>
      </c>
      <c r="D5" s="4" t="s">
        <v>161</v>
      </c>
      <c r="E5" s="4" t="s">
        <v>164</v>
      </c>
      <c r="F5" s="4" t="s">
        <v>78</v>
      </c>
      <c r="G5" s="11">
        <f>VLOOKUP(E5,'學生資料(不要打開)'!$A$2:$I$1769,4,FALSE)</f>
        <v>25</v>
      </c>
      <c r="H5" s="22" t="s">
        <v>176</v>
      </c>
      <c r="I5" s="22" t="s">
        <v>160</v>
      </c>
    </row>
    <row r="6" spans="1:9" x14ac:dyDescent="0.25">
      <c r="A6" s="21" t="s">
        <v>109</v>
      </c>
      <c r="B6" s="4" t="s">
        <v>159</v>
      </c>
      <c r="C6" s="4" t="s">
        <v>494</v>
      </c>
      <c r="D6" s="4" t="s">
        <v>171</v>
      </c>
      <c r="E6" s="4" t="s">
        <v>172</v>
      </c>
      <c r="F6" s="4" t="s">
        <v>78</v>
      </c>
      <c r="G6" s="11">
        <f>VLOOKUP(E6,'學生資料(不要打開)'!$A$2:$I$1769,4,FALSE)</f>
        <v>19</v>
      </c>
      <c r="H6" s="22" t="s">
        <v>177</v>
      </c>
      <c r="I6" s="22" t="s">
        <v>160</v>
      </c>
    </row>
    <row r="7" spans="1:9" x14ac:dyDescent="0.25">
      <c r="A7" s="21" t="s">
        <v>109</v>
      </c>
      <c r="B7" s="4" t="s">
        <v>159</v>
      </c>
      <c r="C7" s="4" t="s">
        <v>494</v>
      </c>
      <c r="D7" s="4" t="s">
        <v>171</v>
      </c>
      <c r="E7" s="4" t="s">
        <v>173</v>
      </c>
      <c r="F7" s="4" t="s">
        <v>78</v>
      </c>
      <c r="G7" s="11">
        <f>VLOOKUP(E7,'學生資料(不要打開)'!$A$2:$I$1769,4,FALSE)</f>
        <v>23</v>
      </c>
      <c r="H7" s="22" t="s">
        <v>177</v>
      </c>
      <c r="I7" s="22" t="s">
        <v>160</v>
      </c>
    </row>
    <row r="8" spans="1:9" x14ac:dyDescent="0.25">
      <c r="A8" s="21" t="s">
        <v>109</v>
      </c>
      <c r="B8" s="4" t="s">
        <v>159</v>
      </c>
      <c r="C8" s="4" t="s">
        <v>494</v>
      </c>
      <c r="D8" s="4" t="s">
        <v>171</v>
      </c>
      <c r="E8" s="4" t="s">
        <v>174</v>
      </c>
      <c r="F8" s="4" t="s">
        <v>175</v>
      </c>
      <c r="G8" s="11">
        <f>VLOOKUP(E8,'學生資料(不要打開)'!$A$2:$I$1769,4,FALSE)</f>
        <v>14</v>
      </c>
      <c r="H8" s="22" t="s">
        <v>177</v>
      </c>
      <c r="I8" s="22" t="s">
        <v>160</v>
      </c>
    </row>
    <row r="9" spans="1:9" ht="31.5" x14ac:dyDescent="0.25">
      <c r="A9" s="21" t="s">
        <v>166</v>
      </c>
      <c r="B9" s="4" t="s">
        <v>487</v>
      </c>
      <c r="C9" s="4" t="s">
        <v>494</v>
      </c>
      <c r="D9" s="4" t="s">
        <v>486</v>
      </c>
      <c r="E9" s="4" t="s">
        <v>163</v>
      </c>
      <c r="F9" s="4" t="s">
        <v>77</v>
      </c>
      <c r="G9" s="11">
        <f>VLOOKUP(E9,'學生資料(不要打開)'!$A$2:$I$1769,4,FALSE)</f>
        <v>19</v>
      </c>
      <c r="H9" s="22" t="s">
        <v>165</v>
      </c>
      <c r="I9" s="22" t="s">
        <v>488</v>
      </c>
    </row>
    <row r="10" spans="1:9" ht="31.5" x14ac:dyDescent="0.25">
      <c r="A10" s="21" t="s">
        <v>166</v>
      </c>
      <c r="B10" s="4" t="s">
        <v>487</v>
      </c>
      <c r="C10" s="4" t="s">
        <v>494</v>
      </c>
      <c r="D10" s="4" t="s">
        <v>486</v>
      </c>
      <c r="E10" s="4" t="s">
        <v>139</v>
      </c>
      <c r="F10" s="4" t="s">
        <v>77</v>
      </c>
      <c r="G10" s="11">
        <f>VLOOKUP(E10,'學生資料(不要打開)'!$A$2:$I$1769,4,FALSE)</f>
        <v>21</v>
      </c>
      <c r="H10" s="22" t="s">
        <v>165</v>
      </c>
      <c r="I10" s="22" t="s">
        <v>488</v>
      </c>
    </row>
    <row r="11" spans="1:9" ht="31.5" x14ac:dyDescent="0.25">
      <c r="A11" s="21" t="s">
        <v>166</v>
      </c>
      <c r="B11" s="4" t="s">
        <v>487</v>
      </c>
      <c r="C11" s="4" t="s">
        <v>494</v>
      </c>
      <c r="D11" s="4" t="s">
        <v>486</v>
      </c>
      <c r="E11" s="4" t="s">
        <v>164</v>
      </c>
      <c r="F11" s="4" t="s">
        <v>78</v>
      </c>
      <c r="G11" s="11">
        <f>VLOOKUP(E11,'學生資料(不要打開)'!$A$2:$I$1769,4,FALSE)</f>
        <v>25</v>
      </c>
      <c r="H11" s="22" t="s">
        <v>165</v>
      </c>
      <c r="I11" s="22" t="s">
        <v>488</v>
      </c>
    </row>
    <row r="12" spans="1:9" x14ac:dyDescent="0.25">
      <c r="A12" s="21" t="s">
        <v>513</v>
      </c>
      <c r="B12" s="4" t="s">
        <v>512</v>
      </c>
      <c r="C12" s="4" t="s">
        <v>494</v>
      </c>
      <c r="D12" s="4" t="s">
        <v>516</v>
      </c>
      <c r="E12" s="4" t="s">
        <v>517</v>
      </c>
      <c r="F12" s="4" t="s">
        <v>103</v>
      </c>
      <c r="G12" s="11">
        <f>VLOOKUP(E12,'學生資料(不要打開)'!$A$2:$I$1769,4,FALSE)</f>
        <v>9</v>
      </c>
      <c r="H12" s="22" t="s">
        <v>520</v>
      </c>
      <c r="I12" s="22" t="s">
        <v>514</v>
      </c>
    </row>
    <row r="13" spans="1:9" x14ac:dyDescent="0.25">
      <c r="A13" s="21" t="s">
        <v>513</v>
      </c>
      <c r="B13" s="4" t="s">
        <v>512</v>
      </c>
      <c r="C13" s="4" t="s">
        <v>494</v>
      </c>
      <c r="D13" s="4" t="s">
        <v>516</v>
      </c>
      <c r="E13" s="4" t="s">
        <v>83</v>
      </c>
      <c r="F13" s="4" t="s">
        <v>103</v>
      </c>
      <c r="G13" s="11">
        <f>VLOOKUP(E13,'學生資料(不要打開)'!$A$2:$I$1769,4,FALSE)</f>
        <v>12</v>
      </c>
      <c r="H13" s="22" t="s">
        <v>520</v>
      </c>
      <c r="I13" s="22" t="s">
        <v>514</v>
      </c>
    </row>
    <row r="14" spans="1:9" x14ac:dyDescent="0.25">
      <c r="A14" s="21" t="s">
        <v>513</v>
      </c>
      <c r="B14" s="4" t="s">
        <v>512</v>
      </c>
      <c r="C14" s="4" t="s">
        <v>494</v>
      </c>
      <c r="D14" s="4" t="s">
        <v>516</v>
      </c>
      <c r="E14" s="4" t="s">
        <v>518</v>
      </c>
      <c r="F14" s="4" t="s">
        <v>78</v>
      </c>
      <c r="G14" s="11">
        <f>VLOOKUP(E14,'學生資料(不要打開)'!$A$2:$I$1769,4,FALSE)</f>
        <v>7</v>
      </c>
      <c r="H14" s="22" t="s">
        <v>520</v>
      </c>
      <c r="I14" s="22" t="s">
        <v>514</v>
      </c>
    </row>
    <row r="15" spans="1:9" x14ac:dyDescent="0.25">
      <c r="A15" s="21" t="s">
        <v>513</v>
      </c>
      <c r="B15" s="4" t="s">
        <v>512</v>
      </c>
      <c r="C15" s="4" t="s">
        <v>494</v>
      </c>
      <c r="D15" s="4" t="s">
        <v>516</v>
      </c>
      <c r="E15" s="4" t="s">
        <v>519</v>
      </c>
      <c r="F15" s="4" t="s">
        <v>104</v>
      </c>
      <c r="G15" s="11">
        <f>VLOOKUP(E15,'學生資料(不要打開)'!$A$2:$I$1769,4,FALSE)</f>
        <v>8</v>
      </c>
      <c r="H15" s="22" t="s">
        <v>520</v>
      </c>
      <c r="I15" s="22" t="s">
        <v>514</v>
      </c>
    </row>
    <row r="16" spans="1:9" x14ac:dyDescent="0.25">
      <c r="A16" s="21" t="s">
        <v>513</v>
      </c>
      <c r="B16" s="4" t="s">
        <v>512</v>
      </c>
      <c r="C16" s="4" t="s">
        <v>494</v>
      </c>
      <c r="D16" s="4" t="s">
        <v>516</v>
      </c>
      <c r="E16" s="4" t="s">
        <v>164</v>
      </c>
      <c r="F16" s="4" t="s">
        <v>78</v>
      </c>
      <c r="G16" s="11">
        <f>VLOOKUP(E16,'學生資料(不要打開)'!$A$2:$I$1769,4,FALSE)</f>
        <v>25</v>
      </c>
      <c r="H16" s="22" t="s">
        <v>520</v>
      </c>
      <c r="I16" s="22" t="s">
        <v>514</v>
      </c>
    </row>
    <row r="17" spans="1:9" ht="47.25" x14ac:dyDescent="0.25">
      <c r="A17" s="21" t="s">
        <v>55</v>
      </c>
      <c r="B17" s="4" t="s">
        <v>966</v>
      </c>
      <c r="C17" s="4" t="s">
        <v>977</v>
      </c>
      <c r="D17" s="4" t="s">
        <v>857</v>
      </c>
      <c r="E17" s="4" t="s">
        <v>68</v>
      </c>
      <c r="F17" s="4" t="s">
        <v>77</v>
      </c>
      <c r="G17" s="11">
        <f>VLOOKUP(E17,'學生資料(不要打開)'!$A$2:$I$1769,4,FALSE)</f>
        <v>15</v>
      </c>
      <c r="H17" s="22" t="s">
        <v>975</v>
      </c>
      <c r="I17" s="22" t="s">
        <v>9747</v>
      </c>
    </row>
    <row r="18" spans="1:9" ht="47.25" x14ac:dyDescent="0.25">
      <c r="A18" s="21" t="s">
        <v>55</v>
      </c>
      <c r="B18" s="4" t="s">
        <v>966</v>
      </c>
      <c r="C18" s="4" t="s">
        <v>977</v>
      </c>
      <c r="D18" s="4" t="s">
        <v>857</v>
      </c>
      <c r="E18" s="4" t="s">
        <v>163</v>
      </c>
      <c r="F18" s="4" t="s">
        <v>77</v>
      </c>
      <c r="G18" s="11">
        <f>VLOOKUP(E18,'學生資料(不要打開)'!$A$2:$I$1769,4,FALSE)</f>
        <v>19</v>
      </c>
      <c r="H18" s="22" t="s">
        <v>975</v>
      </c>
      <c r="I18" s="22" t="s">
        <v>9747</v>
      </c>
    </row>
    <row r="19" spans="1:9" ht="47.25" x14ac:dyDescent="0.25">
      <c r="A19" s="21" t="s">
        <v>55</v>
      </c>
      <c r="B19" s="4" t="s">
        <v>966</v>
      </c>
      <c r="C19" s="4" t="s">
        <v>977</v>
      </c>
      <c r="D19" s="4" t="s">
        <v>857</v>
      </c>
      <c r="E19" s="4" t="s">
        <v>139</v>
      </c>
      <c r="F19" s="4" t="s">
        <v>77</v>
      </c>
      <c r="G19" s="11">
        <f>VLOOKUP(E19,'學生資料(不要打開)'!$A$2:$I$1769,4,FALSE)</f>
        <v>21</v>
      </c>
      <c r="H19" s="22" t="s">
        <v>975</v>
      </c>
      <c r="I19" s="22" t="s">
        <v>9747</v>
      </c>
    </row>
    <row r="20" spans="1:9" ht="47.25" x14ac:dyDescent="0.25">
      <c r="A20" s="21" t="s">
        <v>55</v>
      </c>
      <c r="B20" s="4" t="s">
        <v>966</v>
      </c>
      <c r="C20" s="4" t="s">
        <v>977</v>
      </c>
      <c r="D20" s="4" t="s">
        <v>857</v>
      </c>
      <c r="E20" s="4" t="s">
        <v>164</v>
      </c>
      <c r="F20" s="4" t="s">
        <v>78</v>
      </c>
      <c r="G20" s="11">
        <f>VLOOKUP(E20,'學生資料(不要打開)'!$A$2:$I$1769,4,FALSE)</f>
        <v>25</v>
      </c>
      <c r="H20" s="22" t="s">
        <v>975</v>
      </c>
      <c r="I20" s="22" t="s">
        <v>9747</v>
      </c>
    </row>
    <row r="21" spans="1:9" ht="47.25" x14ac:dyDescent="0.25">
      <c r="A21" s="21" t="s">
        <v>55</v>
      </c>
      <c r="B21" s="4" t="s">
        <v>966</v>
      </c>
      <c r="C21" s="4" t="s">
        <v>977</v>
      </c>
      <c r="D21" s="4" t="s">
        <v>857</v>
      </c>
      <c r="E21" s="4" t="s">
        <v>967</v>
      </c>
      <c r="F21" s="4" t="s">
        <v>77</v>
      </c>
      <c r="G21" s="11">
        <f>VLOOKUP(E21,'學生資料(不要打開)'!$A$2:$I$1769,4,FALSE)</f>
        <v>10</v>
      </c>
      <c r="H21" s="22" t="s">
        <v>520</v>
      </c>
      <c r="I21" s="22" t="s">
        <v>9747</v>
      </c>
    </row>
    <row r="22" spans="1:9" ht="47.25" x14ac:dyDescent="0.25">
      <c r="A22" s="21" t="s">
        <v>55</v>
      </c>
      <c r="B22" s="4" t="s">
        <v>966</v>
      </c>
      <c r="C22" s="4" t="s">
        <v>977</v>
      </c>
      <c r="D22" s="4" t="s">
        <v>857</v>
      </c>
      <c r="E22" s="4" t="s">
        <v>534</v>
      </c>
      <c r="F22" s="4" t="s">
        <v>78</v>
      </c>
      <c r="G22" s="11">
        <f>VLOOKUP(E22,'學生資料(不要打開)'!$A$2:$I$1769,4,FALSE)</f>
        <v>18</v>
      </c>
      <c r="H22" s="22" t="s">
        <v>520</v>
      </c>
      <c r="I22" s="22" t="s">
        <v>9747</v>
      </c>
    </row>
    <row r="23" spans="1:9" ht="47.25" x14ac:dyDescent="0.25">
      <c r="A23" s="21" t="s">
        <v>55</v>
      </c>
      <c r="B23" s="4" t="s">
        <v>966</v>
      </c>
      <c r="C23" s="4" t="s">
        <v>977</v>
      </c>
      <c r="D23" s="4" t="s">
        <v>857</v>
      </c>
      <c r="E23" s="4" t="s">
        <v>95</v>
      </c>
      <c r="F23" s="4" t="s">
        <v>103</v>
      </c>
      <c r="G23" s="11">
        <f>VLOOKUP(E23,'學生資料(不要打開)'!$A$2:$I$1769,4,FALSE)</f>
        <v>24</v>
      </c>
      <c r="H23" s="22" t="s">
        <v>520</v>
      </c>
      <c r="I23" s="22" t="s">
        <v>9747</v>
      </c>
    </row>
    <row r="24" spans="1:9" ht="47.25" x14ac:dyDescent="0.25">
      <c r="A24" s="21" t="s">
        <v>55</v>
      </c>
      <c r="B24" s="4" t="s">
        <v>966</v>
      </c>
      <c r="C24" s="4" t="s">
        <v>977</v>
      </c>
      <c r="D24" s="4" t="s">
        <v>857</v>
      </c>
      <c r="E24" s="4" t="s">
        <v>968</v>
      </c>
      <c r="F24" s="4" t="s">
        <v>609</v>
      </c>
      <c r="G24" s="11" t="str">
        <f>VLOOKUP(E24,'學生資料(不要打開)'!$A$2:$I$1769,4,FALSE)</f>
        <v xml:space="preserve">  3</v>
      </c>
      <c r="H24" s="22" t="s">
        <v>520</v>
      </c>
      <c r="I24" s="22" t="s">
        <v>9747</v>
      </c>
    </row>
    <row r="25" spans="1:9" ht="47.25" x14ac:dyDescent="0.25">
      <c r="A25" s="21" t="s">
        <v>55</v>
      </c>
      <c r="B25" s="4" t="s">
        <v>966</v>
      </c>
      <c r="C25" s="4" t="s">
        <v>977</v>
      </c>
      <c r="D25" s="4" t="s">
        <v>846</v>
      </c>
      <c r="E25" s="4" t="s">
        <v>969</v>
      </c>
      <c r="F25" s="4" t="s">
        <v>77</v>
      </c>
      <c r="G25" s="11">
        <f>VLOOKUP(E25,'學生資料(不要打開)'!$A$2:$I$1769,4,FALSE)</f>
        <v>3</v>
      </c>
      <c r="H25" s="22" t="s">
        <v>520</v>
      </c>
      <c r="I25" s="22" t="s">
        <v>9747</v>
      </c>
    </row>
    <row r="26" spans="1:9" ht="47.25" x14ac:dyDescent="0.25">
      <c r="A26" s="21" t="s">
        <v>55</v>
      </c>
      <c r="B26" s="4" t="s">
        <v>966</v>
      </c>
      <c r="C26" s="4" t="s">
        <v>977</v>
      </c>
      <c r="D26" s="4" t="s">
        <v>846</v>
      </c>
      <c r="E26" s="4" t="s">
        <v>970</v>
      </c>
      <c r="F26" s="4" t="s">
        <v>77</v>
      </c>
      <c r="G26" s="11">
        <f>VLOOKUP(E26,'學生資料(不要打開)'!$A$2:$I$1769,4,FALSE)</f>
        <v>2</v>
      </c>
      <c r="H26" s="22" t="s">
        <v>520</v>
      </c>
      <c r="I26" s="22" t="s">
        <v>9747</v>
      </c>
    </row>
    <row r="27" spans="1:9" ht="47.25" x14ac:dyDescent="0.25">
      <c r="A27" s="21" t="s">
        <v>55</v>
      </c>
      <c r="B27" s="4" t="s">
        <v>966</v>
      </c>
      <c r="C27" s="4" t="s">
        <v>977</v>
      </c>
      <c r="D27" s="4" t="s">
        <v>846</v>
      </c>
      <c r="E27" s="4" t="s">
        <v>971</v>
      </c>
      <c r="F27" s="4" t="s">
        <v>77</v>
      </c>
      <c r="G27" s="11">
        <f>VLOOKUP(E27,'學生資料(不要打開)'!$A$2:$I$1769,4,FALSE)</f>
        <v>5</v>
      </c>
      <c r="H27" s="22" t="s">
        <v>520</v>
      </c>
      <c r="I27" s="22" t="s">
        <v>9747</v>
      </c>
    </row>
    <row r="28" spans="1:9" ht="47.25" x14ac:dyDescent="0.25">
      <c r="A28" s="21" t="s">
        <v>55</v>
      </c>
      <c r="B28" s="4" t="s">
        <v>966</v>
      </c>
      <c r="C28" s="4" t="s">
        <v>977</v>
      </c>
      <c r="D28" s="4" t="s">
        <v>846</v>
      </c>
      <c r="E28" s="4" t="s">
        <v>603</v>
      </c>
      <c r="F28" s="4" t="s">
        <v>82</v>
      </c>
      <c r="G28" s="11">
        <f>VLOOKUP(E28,'學生資料(不要打開)'!$A$2:$I$1769,4,FALSE)</f>
        <v>7</v>
      </c>
      <c r="H28" s="22" t="s">
        <v>520</v>
      </c>
      <c r="I28" s="22" t="s">
        <v>9747</v>
      </c>
    </row>
    <row r="29" spans="1:9" ht="47.25" x14ac:dyDescent="0.25">
      <c r="A29" s="21" t="s">
        <v>55</v>
      </c>
      <c r="B29" s="4" t="s">
        <v>966</v>
      </c>
      <c r="C29" s="4" t="s">
        <v>977</v>
      </c>
      <c r="D29" s="4" t="s">
        <v>846</v>
      </c>
      <c r="E29" s="4" t="s">
        <v>972</v>
      </c>
      <c r="F29" s="4" t="s">
        <v>77</v>
      </c>
      <c r="G29" s="11">
        <f>VLOOKUP(E29,'學生資料(不要打開)'!$A$2:$I$1769,4,FALSE)</f>
        <v>4</v>
      </c>
      <c r="H29" s="22" t="s">
        <v>520</v>
      </c>
      <c r="I29" s="22" t="s">
        <v>9747</v>
      </c>
    </row>
    <row r="30" spans="1:9" ht="47.25" x14ac:dyDescent="0.25">
      <c r="A30" s="21" t="s">
        <v>55</v>
      </c>
      <c r="B30" s="4" t="s">
        <v>966</v>
      </c>
      <c r="C30" s="4" t="s">
        <v>977</v>
      </c>
      <c r="D30" s="4" t="s">
        <v>846</v>
      </c>
      <c r="E30" s="4" t="s">
        <v>677</v>
      </c>
      <c r="F30" s="4" t="s">
        <v>78</v>
      </c>
      <c r="G30" s="11">
        <f>VLOOKUP(E30,'學生資料(不要打開)'!$A$2:$I$1769,4,FALSE)</f>
        <v>4</v>
      </c>
      <c r="H30" s="22" t="s">
        <v>520</v>
      </c>
      <c r="I30" s="22" t="s">
        <v>976</v>
      </c>
    </row>
    <row r="31" spans="1:9" ht="47.25" x14ac:dyDescent="0.25">
      <c r="A31" s="21" t="s">
        <v>55</v>
      </c>
      <c r="B31" s="4" t="s">
        <v>966</v>
      </c>
      <c r="C31" s="4" t="s">
        <v>977</v>
      </c>
      <c r="D31" s="4" t="s">
        <v>846</v>
      </c>
      <c r="E31" s="4" t="s">
        <v>279</v>
      </c>
      <c r="F31" s="4" t="s">
        <v>77</v>
      </c>
      <c r="G31" s="11">
        <f>VLOOKUP(E31,'學生資料(不要打開)'!$A$2:$I$1769,4,FALSE)</f>
        <v>20</v>
      </c>
      <c r="H31" s="22" t="s">
        <v>520</v>
      </c>
      <c r="I31" s="22" t="s">
        <v>976</v>
      </c>
    </row>
    <row r="32" spans="1:9" ht="47.25" x14ac:dyDescent="0.25">
      <c r="A32" s="21" t="s">
        <v>55</v>
      </c>
      <c r="B32" s="4" t="s">
        <v>966</v>
      </c>
      <c r="C32" s="4" t="s">
        <v>977</v>
      </c>
      <c r="D32" s="4" t="s">
        <v>846</v>
      </c>
      <c r="E32" s="4" t="s">
        <v>954</v>
      </c>
      <c r="F32" s="4" t="s">
        <v>145</v>
      </c>
      <c r="G32" s="11">
        <f>VLOOKUP(E32,'學生資料(不要打開)'!$A$2:$I$1769,4,FALSE)</f>
        <v>23</v>
      </c>
      <c r="H32" s="22" t="s">
        <v>520</v>
      </c>
      <c r="I32" s="22" t="s">
        <v>976</v>
      </c>
    </row>
    <row r="33" spans="1:9" ht="47.25" x14ac:dyDescent="0.25">
      <c r="A33" s="21" t="s">
        <v>55</v>
      </c>
      <c r="B33" s="4" t="s">
        <v>966</v>
      </c>
      <c r="C33" s="4" t="s">
        <v>977</v>
      </c>
      <c r="D33" s="4" t="s">
        <v>846</v>
      </c>
      <c r="E33" s="4" t="s">
        <v>973</v>
      </c>
      <c r="F33" s="4" t="s">
        <v>140</v>
      </c>
      <c r="G33" s="11">
        <f>VLOOKUP(E33,'學生資料(不要打開)'!$A$2:$I$1769,4,FALSE)</f>
        <v>1</v>
      </c>
      <c r="H33" s="22" t="s">
        <v>520</v>
      </c>
      <c r="I33" s="22" t="s">
        <v>976</v>
      </c>
    </row>
    <row r="34" spans="1:9" ht="47.25" x14ac:dyDescent="0.25">
      <c r="A34" s="21" t="s">
        <v>55</v>
      </c>
      <c r="B34" s="4" t="s">
        <v>966</v>
      </c>
      <c r="C34" s="4" t="s">
        <v>977</v>
      </c>
      <c r="D34" s="4" t="s">
        <v>846</v>
      </c>
      <c r="E34" s="4" t="s">
        <v>974</v>
      </c>
      <c r="F34" s="4" t="s">
        <v>140</v>
      </c>
      <c r="G34" s="11">
        <f>VLOOKUP(E34,'學生資料(不要打開)'!$A$2:$I$1769,4,FALSE)</f>
        <v>17</v>
      </c>
      <c r="H34" s="22" t="s">
        <v>520</v>
      </c>
      <c r="I34" s="22" t="s">
        <v>976</v>
      </c>
    </row>
    <row r="35" spans="1:9" ht="47.25" x14ac:dyDescent="0.25">
      <c r="A35" s="4" t="s">
        <v>55</v>
      </c>
      <c r="B35" s="4" t="s">
        <v>1261</v>
      </c>
      <c r="C35" s="4" t="s">
        <v>1262</v>
      </c>
      <c r="D35" s="4" t="s">
        <v>1263</v>
      </c>
      <c r="E35" s="4" t="s">
        <v>1264</v>
      </c>
      <c r="F35" s="4" t="s">
        <v>1265</v>
      </c>
      <c r="G35" s="11">
        <f>VLOOKUP(E35,'學生資料(不要打開)'!$A$2:$I$1769,4,FALSE)</f>
        <v>19</v>
      </c>
      <c r="H35" s="4" t="s">
        <v>1266</v>
      </c>
      <c r="I35" s="4" t="s">
        <v>1267</v>
      </c>
    </row>
    <row r="36" spans="1:9" ht="47.25" x14ac:dyDescent="0.25">
      <c r="A36" s="4" t="s">
        <v>55</v>
      </c>
      <c r="B36" s="4" t="s">
        <v>1261</v>
      </c>
      <c r="C36" s="4" t="s">
        <v>1262</v>
      </c>
      <c r="D36" s="4" t="s">
        <v>1263</v>
      </c>
      <c r="E36" s="4" t="s">
        <v>1268</v>
      </c>
      <c r="F36" s="4" t="s">
        <v>1265</v>
      </c>
      <c r="G36" s="11">
        <f>VLOOKUP(E36,'學生資料(不要打開)'!$A$2:$I$1769,4,FALSE)</f>
        <v>21</v>
      </c>
      <c r="H36" s="4" t="s">
        <v>1266</v>
      </c>
      <c r="I36" s="4" t="s">
        <v>1267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6"/>
  <dimension ref="A1:I6"/>
  <sheetViews>
    <sheetView workbookViewId="0">
      <selection activeCell="H37" sqref="H37"/>
    </sheetView>
  </sheetViews>
  <sheetFormatPr defaultRowHeight="15.75" x14ac:dyDescent="0.25"/>
  <cols>
    <col min="1" max="1" width="5.5" style="10" bestFit="1" customWidth="1"/>
    <col min="2" max="2" width="27.625" style="10" customWidth="1"/>
    <col min="3" max="3" width="9" style="10"/>
    <col min="4" max="4" width="7.125" style="10" bestFit="1" customWidth="1"/>
    <col min="5" max="5" width="9" style="10"/>
    <col min="6" max="6" width="5.25" style="10" bestFit="1" customWidth="1"/>
    <col min="7" max="7" width="5.25" style="10" customWidth="1"/>
    <col min="8" max="8" width="9" style="10"/>
    <col min="9" max="9" width="35.875" style="10" bestFit="1" customWidth="1"/>
    <col min="10" max="16384" width="9" style="10"/>
  </cols>
  <sheetData>
    <row r="1" spans="1:9" x14ac:dyDescent="0.25">
      <c r="B1" s="71" t="s">
        <v>685</v>
      </c>
      <c r="C1" s="71"/>
      <c r="D1" s="71"/>
      <c r="E1" s="71"/>
      <c r="F1" s="71"/>
      <c r="G1" s="71"/>
      <c r="H1" s="71"/>
      <c r="I1" s="71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6</v>
      </c>
      <c r="H2" s="11" t="s">
        <v>5</v>
      </c>
      <c r="I2" s="11" t="s">
        <v>6</v>
      </c>
    </row>
    <row r="3" spans="1:9" x14ac:dyDescent="0.25">
      <c r="A3" s="4" t="s">
        <v>642</v>
      </c>
      <c r="B3" s="11" t="s">
        <v>678</v>
      </c>
      <c r="C3" s="11" t="s">
        <v>132</v>
      </c>
      <c r="D3" s="11" t="s">
        <v>679</v>
      </c>
      <c r="E3" s="11" t="s">
        <v>677</v>
      </c>
      <c r="F3" s="11" t="s">
        <v>78</v>
      </c>
      <c r="G3" s="11">
        <f>VLOOKUP(E3,'學生資料(不要打開)'!$A$2:$I$1769,4,FALSE)</f>
        <v>4</v>
      </c>
      <c r="H3" s="11" t="s">
        <v>680</v>
      </c>
      <c r="I3" s="11" t="s">
        <v>681</v>
      </c>
    </row>
    <row r="4" spans="1:9" x14ac:dyDescent="0.25">
      <c r="A4" s="4" t="s">
        <v>642</v>
      </c>
      <c r="B4" s="11" t="s">
        <v>678</v>
      </c>
      <c r="C4" s="11" t="s">
        <v>132</v>
      </c>
      <c r="D4" s="11" t="s">
        <v>679</v>
      </c>
      <c r="E4" s="11" t="s">
        <v>511</v>
      </c>
      <c r="F4" s="11" t="s">
        <v>78</v>
      </c>
      <c r="G4" s="11">
        <f>VLOOKUP(E4,'學生資料(不要打開)'!$A$2:$I$1769,4,FALSE)</f>
        <v>19</v>
      </c>
      <c r="H4" s="11" t="s">
        <v>680</v>
      </c>
      <c r="I4" s="11" t="s">
        <v>681</v>
      </c>
    </row>
    <row r="5" spans="1:9" x14ac:dyDescent="0.25">
      <c r="A5" s="4" t="s">
        <v>642</v>
      </c>
      <c r="B5" s="11" t="s">
        <v>678</v>
      </c>
      <c r="C5" s="11" t="s">
        <v>132</v>
      </c>
      <c r="D5" s="11" t="s">
        <v>679</v>
      </c>
      <c r="E5" s="11" t="s">
        <v>173</v>
      </c>
      <c r="F5" s="11" t="s">
        <v>78</v>
      </c>
      <c r="G5" s="11">
        <f>VLOOKUP(E5,'學生資料(不要打開)'!$A$2:$I$1769,4,FALSE)</f>
        <v>23</v>
      </c>
      <c r="H5" s="11" t="s">
        <v>680</v>
      </c>
      <c r="I5" s="11" t="s">
        <v>681</v>
      </c>
    </row>
    <row r="6" spans="1:9" x14ac:dyDescent="0.25">
      <c r="A6" s="4" t="s">
        <v>642</v>
      </c>
      <c r="B6" s="11" t="s">
        <v>678</v>
      </c>
      <c r="C6" s="11" t="s">
        <v>29</v>
      </c>
      <c r="D6" s="11" t="s">
        <v>679</v>
      </c>
      <c r="E6" s="11" t="s">
        <v>164</v>
      </c>
      <c r="F6" s="11" t="s">
        <v>78</v>
      </c>
      <c r="G6" s="11">
        <f>VLOOKUP(E6,'學生資料(不要打開)'!$A$2:$I$1769,4,FALSE)</f>
        <v>25</v>
      </c>
      <c r="H6" s="11" t="s">
        <v>680</v>
      </c>
      <c r="I6" s="11" t="s">
        <v>681</v>
      </c>
    </row>
  </sheetData>
  <mergeCells count="1">
    <mergeCell ref="B1:I1"/>
  </mergeCells>
  <phoneticPr fontId="3" type="noConversion"/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769"/>
  <sheetViews>
    <sheetView topLeftCell="A1737" workbookViewId="0">
      <selection activeCell="A1017" sqref="A1017:A1769"/>
    </sheetView>
  </sheetViews>
  <sheetFormatPr defaultRowHeight="16.5" x14ac:dyDescent="0.25"/>
  <cols>
    <col min="1" max="1" width="11.625" style="1" bestFit="1" customWidth="1"/>
    <col min="2" max="4" width="5.5" style="1" bestFit="1" customWidth="1"/>
    <col min="5" max="5" width="4.625" style="1" customWidth="1"/>
    <col min="6" max="7" width="11.375" style="1" customWidth="1"/>
    <col min="8" max="8" width="10.75" style="1" customWidth="1"/>
    <col min="9" max="9" width="30.125" style="1" customWidth="1"/>
    <col min="10" max="10" width="15.5" style="14" bestFit="1" customWidth="1"/>
    <col min="11" max="12" width="9" style="1"/>
  </cols>
  <sheetData>
    <row r="1" spans="1:12" x14ac:dyDescent="0.25">
      <c r="A1" s="12" t="s">
        <v>1317</v>
      </c>
      <c r="B1" s="1" t="s">
        <v>4</v>
      </c>
      <c r="C1" s="1" t="s">
        <v>1318</v>
      </c>
      <c r="D1" s="1" t="s">
        <v>1313</v>
      </c>
      <c r="E1" s="1" t="s">
        <v>1313</v>
      </c>
      <c r="F1" s="1" t="s">
        <v>1319</v>
      </c>
      <c r="G1" s="3" t="s">
        <v>1320</v>
      </c>
      <c r="H1" s="1" t="s">
        <v>1321</v>
      </c>
      <c r="I1" s="13" t="s">
        <v>1322</v>
      </c>
      <c r="J1" s="1" t="s">
        <v>1323</v>
      </c>
      <c r="K1" s="1" t="s">
        <v>1324</v>
      </c>
      <c r="L1" s="1" t="s">
        <v>1325</v>
      </c>
    </row>
    <row r="2" spans="1:12" x14ac:dyDescent="0.25">
      <c r="A2" s="1" t="s">
        <v>1326</v>
      </c>
      <c r="B2" s="1" t="s">
        <v>1327</v>
      </c>
      <c r="C2" s="1" t="s">
        <v>1328</v>
      </c>
      <c r="D2" s="1" t="s">
        <v>1329</v>
      </c>
      <c r="E2" s="1" t="s">
        <v>1329</v>
      </c>
      <c r="F2" s="1" t="s">
        <v>1330</v>
      </c>
      <c r="G2" s="1" t="s">
        <v>1331</v>
      </c>
      <c r="H2" s="1" t="s">
        <v>1332</v>
      </c>
      <c r="I2" s="1" t="s">
        <v>1333</v>
      </c>
      <c r="K2" s="1" t="s">
        <v>1334</v>
      </c>
      <c r="L2" s="1" t="s">
        <v>1335</v>
      </c>
    </row>
    <row r="3" spans="1:12" x14ac:dyDescent="0.25">
      <c r="A3" s="1" t="s">
        <v>1336</v>
      </c>
      <c r="B3" s="1" t="s">
        <v>1327</v>
      </c>
      <c r="C3" s="1" t="s">
        <v>1328</v>
      </c>
      <c r="D3" s="1" t="s">
        <v>1337</v>
      </c>
      <c r="E3" s="1" t="s">
        <v>1337</v>
      </c>
      <c r="F3" s="1" t="s">
        <v>1338</v>
      </c>
      <c r="G3" s="1" t="s">
        <v>1339</v>
      </c>
      <c r="H3" s="1" t="s">
        <v>1340</v>
      </c>
      <c r="I3" s="1" t="s">
        <v>1341</v>
      </c>
      <c r="K3" s="1" t="s">
        <v>1334</v>
      </c>
      <c r="L3" s="1" t="s">
        <v>1335</v>
      </c>
    </row>
    <row r="4" spans="1:12" x14ac:dyDescent="0.25">
      <c r="A4" s="1" t="s">
        <v>1342</v>
      </c>
      <c r="B4" s="1" t="s">
        <v>1327</v>
      </c>
      <c r="C4" s="1" t="s">
        <v>1328</v>
      </c>
      <c r="D4" s="1" t="s">
        <v>1343</v>
      </c>
      <c r="E4" s="1" t="s">
        <v>1343</v>
      </c>
      <c r="F4" s="1" t="s">
        <v>1344</v>
      </c>
      <c r="G4" s="1" t="s">
        <v>1345</v>
      </c>
      <c r="H4" s="1" t="s">
        <v>1346</v>
      </c>
      <c r="I4" s="1" t="s">
        <v>1347</v>
      </c>
      <c r="K4" s="1" t="s">
        <v>1334</v>
      </c>
      <c r="L4" s="1" t="s">
        <v>1335</v>
      </c>
    </row>
    <row r="5" spans="1:12" x14ac:dyDescent="0.25">
      <c r="A5" s="1" t="s">
        <v>1348</v>
      </c>
      <c r="B5" s="1" t="s">
        <v>1327</v>
      </c>
      <c r="C5" s="1" t="s">
        <v>1328</v>
      </c>
      <c r="D5" s="1" t="s">
        <v>1349</v>
      </c>
      <c r="E5" s="1" t="s">
        <v>1349</v>
      </c>
      <c r="F5" s="1" t="s">
        <v>1350</v>
      </c>
      <c r="G5" s="1" t="s">
        <v>1351</v>
      </c>
      <c r="H5" s="1" t="s">
        <v>1352</v>
      </c>
      <c r="I5" s="1" t="s">
        <v>1353</v>
      </c>
      <c r="K5" s="1" t="s">
        <v>1334</v>
      </c>
      <c r="L5" s="1" t="s">
        <v>1335</v>
      </c>
    </row>
    <row r="6" spans="1:12" x14ac:dyDescent="0.25">
      <c r="A6" s="1" t="s">
        <v>1354</v>
      </c>
      <c r="B6" s="1" t="s">
        <v>1327</v>
      </c>
      <c r="C6" s="1" t="s">
        <v>1328</v>
      </c>
      <c r="D6" s="1" t="s">
        <v>1355</v>
      </c>
      <c r="E6" s="1" t="s">
        <v>1355</v>
      </c>
      <c r="F6" s="1" t="s">
        <v>1356</v>
      </c>
      <c r="G6" s="1" t="s">
        <v>1357</v>
      </c>
      <c r="H6" s="1" t="s">
        <v>1358</v>
      </c>
      <c r="I6" s="1" t="s">
        <v>1359</v>
      </c>
      <c r="K6" s="1" t="s">
        <v>1334</v>
      </c>
      <c r="L6" s="1" t="s">
        <v>1335</v>
      </c>
    </row>
    <row r="7" spans="1:12" x14ac:dyDescent="0.25">
      <c r="A7" s="1" t="s">
        <v>1360</v>
      </c>
      <c r="B7" s="1" t="s">
        <v>1327</v>
      </c>
      <c r="C7" s="1" t="s">
        <v>1328</v>
      </c>
      <c r="D7" s="1" t="s">
        <v>1361</v>
      </c>
      <c r="E7" s="1" t="s">
        <v>1361</v>
      </c>
      <c r="F7" s="1" t="s">
        <v>1362</v>
      </c>
      <c r="G7" s="1" t="s">
        <v>1363</v>
      </c>
      <c r="H7" s="1" t="s">
        <v>1364</v>
      </c>
      <c r="I7" s="1" t="s">
        <v>1365</v>
      </c>
      <c r="K7" s="1" t="s">
        <v>1366</v>
      </c>
      <c r="L7" s="1" t="s">
        <v>1335</v>
      </c>
    </row>
    <row r="8" spans="1:12" x14ac:dyDescent="0.25">
      <c r="A8" s="1" t="s">
        <v>1367</v>
      </c>
      <c r="B8" s="1" t="s">
        <v>1327</v>
      </c>
      <c r="C8" s="1" t="s">
        <v>1328</v>
      </c>
      <c r="D8" s="1" t="s">
        <v>1368</v>
      </c>
      <c r="E8" s="1" t="s">
        <v>1368</v>
      </c>
      <c r="F8" s="1" t="s">
        <v>1369</v>
      </c>
      <c r="G8" s="1" t="s">
        <v>1370</v>
      </c>
      <c r="H8" s="1" t="s">
        <v>1371</v>
      </c>
      <c r="I8" s="1" t="s">
        <v>1372</v>
      </c>
      <c r="K8" s="1" t="s">
        <v>1366</v>
      </c>
      <c r="L8" s="1" t="s">
        <v>1335</v>
      </c>
    </row>
    <row r="9" spans="1:12" x14ac:dyDescent="0.25">
      <c r="A9" s="1" t="s">
        <v>1373</v>
      </c>
      <c r="B9" s="1" t="s">
        <v>1327</v>
      </c>
      <c r="C9" s="1" t="s">
        <v>1328</v>
      </c>
      <c r="D9" s="1" t="s">
        <v>1374</v>
      </c>
      <c r="E9" s="1" t="s">
        <v>1374</v>
      </c>
      <c r="F9" s="1" t="s">
        <v>1375</v>
      </c>
      <c r="G9" s="1" t="s">
        <v>1376</v>
      </c>
      <c r="H9" s="1" t="s">
        <v>1377</v>
      </c>
      <c r="I9" s="1" t="s">
        <v>1378</v>
      </c>
      <c r="K9" s="1" t="s">
        <v>1334</v>
      </c>
      <c r="L9" s="1" t="s">
        <v>1335</v>
      </c>
    </row>
    <row r="10" spans="1:12" x14ac:dyDescent="0.25">
      <c r="A10" s="1" t="s">
        <v>1379</v>
      </c>
      <c r="B10" s="1" t="s">
        <v>1327</v>
      </c>
      <c r="C10" s="1" t="s">
        <v>1328</v>
      </c>
      <c r="D10" s="1" t="s">
        <v>1380</v>
      </c>
      <c r="E10" s="1" t="s">
        <v>1380</v>
      </c>
      <c r="F10" s="1" t="s">
        <v>1381</v>
      </c>
      <c r="G10" s="1" t="s">
        <v>1382</v>
      </c>
      <c r="H10" s="1" t="s">
        <v>1383</v>
      </c>
      <c r="I10" s="1" t="s">
        <v>1384</v>
      </c>
      <c r="K10" s="1" t="s">
        <v>1366</v>
      </c>
      <c r="L10" s="1" t="s">
        <v>1335</v>
      </c>
    </row>
    <row r="11" spans="1:12" x14ac:dyDescent="0.25">
      <c r="A11" s="1" t="s">
        <v>1385</v>
      </c>
      <c r="B11" s="1" t="s">
        <v>1327</v>
      </c>
      <c r="C11" s="1" t="s">
        <v>1328</v>
      </c>
      <c r="D11" s="1" t="s">
        <v>1386</v>
      </c>
      <c r="E11" s="1" t="s">
        <v>1386</v>
      </c>
      <c r="F11" s="1" t="s">
        <v>1387</v>
      </c>
      <c r="G11" s="1" t="s">
        <v>1388</v>
      </c>
      <c r="H11" s="1" t="s">
        <v>1389</v>
      </c>
      <c r="I11" s="1" t="s">
        <v>1390</v>
      </c>
      <c r="K11" s="1" t="s">
        <v>1366</v>
      </c>
      <c r="L11" s="1" t="s">
        <v>1335</v>
      </c>
    </row>
    <row r="12" spans="1:12" x14ac:dyDescent="0.25">
      <c r="A12" s="1" t="s">
        <v>1391</v>
      </c>
      <c r="B12" s="1" t="s">
        <v>1327</v>
      </c>
      <c r="C12" s="1" t="s">
        <v>1328</v>
      </c>
      <c r="D12" s="1" t="s">
        <v>1392</v>
      </c>
      <c r="E12" s="1" t="s">
        <v>1392</v>
      </c>
      <c r="F12" s="1" t="s">
        <v>1393</v>
      </c>
      <c r="G12" s="1" t="s">
        <v>1394</v>
      </c>
      <c r="H12" s="1" t="s">
        <v>1395</v>
      </c>
      <c r="I12" s="1" t="s">
        <v>1396</v>
      </c>
      <c r="K12" s="1" t="s">
        <v>1334</v>
      </c>
      <c r="L12" s="1" t="s">
        <v>1335</v>
      </c>
    </row>
    <row r="13" spans="1:12" x14ac:dyDescent="0.25">
      <c r="A13" s="1" t="s">
        <v>1397</v>
      </c>
      <c r="B13" s="1" t="s">
        <v>1327</v>
      </c>
      <c r="C13" s="1" t="s">
        <v>1328</v>
      </c>
      <c r="D13" s="1" t="s">
        <v>1398</v>
      </c>
      <c r="E13" s="1" t="s">
        <v>1398</v>
      </c>
      <c r="F13" s="1" t="s">
        <v>1399</v>
      </c>
      <c r="G13" s="1" t="s">
        <v>1400</v>
      </c>
      <c r="H13" s="1" t="s">
        <v>1401</v>
      </c>
      <c r="I13" s="1" t="s">
        <v>1402</v>
      </c>
      <c r="K13" s="1" t="s">
        <v>1366</v>
      </c>
      <c r="L13" s="1" t="s">
        <v>1335</v>
      </c>
    </row>
    <row r="14" spans="1:12" x14ac:dyDescent="0.25">
      <c r="A14" s="1" t="s">
        <v>1403</v>
      </c>
      <c r="B14" s="1" t="s">
        <v>1327</v>
      </c>
      <c r="C14" s="1" t="s">
        <v>1328</v>
      </c>
      <c r="D14" s="1" t="s">
        <v>1404</v>
      </c>
      <c r="E14" s="1" t="s">
        <v>1404</v>
      </c>
      <c r="F14" s="1" t="s">
        <v>1405</v>
      </c>
      <c r="G14" s="1" t="s">
        <v>1406</v>
      </c>
      <c r="H14" s="1" t="s">
        <v>1407</v>
      </c>
      <c r="I14" s="1" t="s">
        <v>1408</v>
      </c>
      <c r="K14" s="1" t="s">
        <v>1334</v>
      </c>
      <c r="L14" s="1" t="s">
        <v>1335</v>
      </c>
    </row>
    <row r="15" spans="1:12" x14ac:dyDescent="0.25">
      <c r="A15" s="1" t="s">
        <v>1409</v>
      </c>
      <c r="B15" s="1" t="s">
        <v>1327</v>
      </c>
      <c r="C15" s="1" t="s">
        <v>1328</v>
      </c>
      <c r="D15" s="1" t="s">
        <v>1410</v>
      </c>
      <c r="E15" s="1" t="s">
        <v>1410</v>
      </c>
      <c r="F15" s="1" t="s">
        <v>1411</v>
      </c>
      <c r="G15" s="1" t="s">
        <v>1412</v>
      </c>
      <c r="H15" s="1" t="s">
        <v>1413</v>
      </c>
      <c r="I15" s="1" t="s">
        <v>1414</v>
      </c>
      <c r="K15" s="1" t="s">
        <v>1366</v>
      </c>
      <c r="L15" s="1" t="s">
        <v>1335</v>
      </c>
    </row>
    <row r="16" spans="1:12" x14ac:dyDescent="0.25">
      <c r="A16" s="1" t="s">
        <v>1415</v>
      </c>
      <c r="B16" s="1" t="s">
        <v>1327</v>
      </c>
      <c r="C16" s="1" t="s">
        <v>1328</v>
      </c>
      <c r="D16" s="1" t="s">
        <v>1416</v>
      </c>
      <c r="E16" s="1" t="s">
        <v>1416</v>
      </c>
      <c r="F16" s="1" t="s">
        <v>1417</v>
      </c>
      <c r="G16" s="1" t="s">
        <v>1418</v>
      </c>
      <c r="H16" s="1" t="s">
        <v>1419</v>
      </c>
      <c r="I16" s="1" t="s">
        <v>1420</v>
      </c>
      <c r="K16" s="1" t="s">
        <v>1334</v>
      </c>
      <c r="L16" s="1" t="s">
        <v>1335</v>
      </c>
    </row>
    <row r="17" spans="1:12" x14ac:dyDescent="0.25">
      <c r="A17" s="1" t="s">
        <v>1421</v>
      </c>
      <c r="B17" s="1" t="s">
        <v>1327</v>
      </c>
      <c r="C17" s="1" t="s">
        <v>1328</v>
      </c>
      <c r="D17" s="1" t="s">
        <v>1422</v>
      </c>
      <c r="E17" s="1" t="s">
        <v>1422</v>
      </c>
      <c r="F17" s="1" t="s">
        <v>1423</v>
      </c>
      <c r="G17" s="1" t="s">
        <v>1424</v>
      </c>
      <c r="H17" s="1" t="s">
        <v>1425</v>
      </c>
      <c r="I17" s="1" t="s">
        <v>1426</v>
      </c>
      <c r="K17" s="1" t="s">
        <v>1366</v>
      </c>
      <c r="L17" s="1" t="s">
        <v>1335</v>
      </c>
    </row>
    <row r="18" spans="1:12" x14ac:dyDescent="0.25">
      <c r="A18" s="1" t="s">
        <v>1427</v>
      </c>
      <c r="B18" s="1" t="s">
        <v>1327</v>
      </c>
      <c r="C18" s="1" t="s">
        <v>1328</v>
      </c>
      <c r="D18" s="1" t="s">
        <v>1428</v>
      </c>
      <c r="E18" s="1" t="s">
        <v>1428</v>
      </c>
      <c r="F18" s="1" t="s">
        <v>1429</v>
      </c>
      <c r="G18" s="1" t="s">
        <v>1430</v>
      </c>
      <c r="H18" s="1" t="s">
        <v>1431</v>
      </c>
      <c r="I18" s="1" t="s">
        <v>1432</v>
      </c>
      <c r="K18" s="1" t="s">
        <v>1334</v>
      </c>
      <c r="L18" s="1" t="s">
        <v>1335</v>
      </c>
    </row>
    <row r="19" spans="1:12" x14ac:dyDescent="0.25">
      <c r="A19" s="1" t="s">
        <v>1433</v>
      </c>
      <c r="B19" s="1" t="s">
        <v>1327</v>
      </c>
      <c r="C19" s="1" t="s">
        <v>1328</v>
      </c>
      <c r="D19" s="1" t="s">
        <v>1434</v>
      </c>
      <c r="E19" s="1" t="s">
        <v>1434</v>
      </c>
      <c r="F19" s="1" t="s">
        <v>1435</v>
      </c>
      <c r="G19" s="1" t="s">
        <v>1436</v>
      </c>
      <c r="H19" s="1" t="s">
        <v>1437</v>
      </c>
      <c r="I19" s="1" t="s">
        <v>1438</v>
      </c>
      <c r="K19" s="1" t="s">
        <v>1366</v>
      </c>
      <c r="L19" s="1" t="s">
        <v>1335</v>
      </c>
    </row>
    <row r="20" spans="1:12" x14ac:dyDescent="0.25">
      <c r="A20" s="1" t="s">
        <v>1439</v>
      </c>
      <c r="B20" s="1" t="s">
        <v>1327</v>
      </c>
      <c r="C20" s="1" t="s">
        <v>1328</v>
      </c>
      <c r="D20" s="1" t="s">
        <v>1440</v>
      </c>
      <c r="E20" s="1" t="s">
        <v>1440</v>
      </c>
      <c r="F20" s="1" t="s">
        <v>1441</v>
      </c>
      <c r="G20" s="1" t="s">
        <v>1442</v>
      </c>
      <c r="H20" s="1" t="s">
        <v>1443</v>
      </c>
      <c r="I20" s="1" t="s">
        <v>1444</v>
      </c>
      <c r="K20" s="1" t="s">
        <v>1334</v>
      </c>
      <c r="L20" s="1" t="s">
        <v>1335</v>
      </c>
    </row>
    <row r="21" spans="1:12" x14ac:dyDescent="0.25">
      <c r="A21" s="1" t="s">
        <v>1445</v>
      </c>
      <c r="B21" s="1" t="s">
        <v>1327</v>
      </c>
      <c r="C21" s="1" t="s">
        <v>1328</v>
      </c>
      <c r="D21" s="1" t="s">
        <v>1446</v>
      </c>
      <c r="E21" s="1" t="s">
        <v>1446</v>
      </c>
      <c r="F21" s="1" t="s">
        <v>1447</v>
      </c>
      <c r="G21" s="1" t="s">
        <v>1448</v>
      </c>
      <c r="H21" s="1" t="s">
        <v>1449</v>
      </c>
      <c r="I21" s="1" t="s">
        <v>1450</v>
      </c>
      <c r="K21" s="1" t="s">
        <v>1366</v>
      </c>
      <c r="L21" s="1" t="s">
        <v>1335</v>
      </c>
    </row>
    <row r="22" spans="1:12" x14ac:dyDescent="0.25">
      <c r="A22" s="1" t="s">
        <v>1451</v>
      </c>
      <c r="B22" s="1" t="s">
        <v>1327</v>
      </c>
      <c r="C22" s="1" t="s">
        <v>1328</v>
      </c>
      <c r="D22" s="1" t="s">
        <v>1452</v>
      </c>
      <c r="E22" s="1" t="s">
        <v>1452</v>
      </c>
      <c r="F22" s="1" t="s">
        <v>1453</v>
      </c>
      <c r="G22" s="1" t="s">
        <v>1454</v>
      </c>
      <c r="H22" s="1" t="s">
        <v>1455</v>
      </c>
      <c r="I22" s="1" t="s">
        <v>1456</v>
      </c>
      <c r="K22" s="1" t="s">
        <v>1334</v>
      </c>
      <c r="L22" s="1" t="s">
        <v>1335</v>
      </c>
    </row>
    <row r="23" spans="1:12" x14ac:dyDescent="0.25">
      <c r="A23" s="1" t="s">
        <v>1457</v>
      </c>
      <c r="B23" s="1" t="s">
        <v>1327</v>
      </c>
      <c r="C23" s="1" t="s">
        <v>1328</v>
      </c>
      <c r="D23" s="1" t="s">
        <v>1458</v>
      </c>
      <c r="E23" s="1" t="s">
        <v>1458</v>
      </c>
      <c r="F23" s="1" t="s">
        <v>1459</v>
      </c>
      <c r="G23" s="1" t="s">
        <v>1460</v>
      </c>
      <c r="H23" s="1" t="s">
        <v>1461</v>
      </c>
      <c r="I23" s="1" t="s">
        <v>1462</v>
      </c>
      <c r="K23" s="1" t="s">
        <v>1366</v>
      </c>
      <c r="L23" s="1" t="s">
        <v>1335</v>
      </c>
    </row>
    <row r="24" spans="1:12" x14ac:dyDescent="0.25">
      <c r="A24" s="1" t="s">
        <v>1463</v>
      </c>
      <c r="B24" s="1" t="s">
        <v>1327</v>
      </c>
      <c r="C24" s="1" t="s">
        <v>1328</v>
      </c>
      <c r="D24" s="1" t="s">
        <v>1464</v>
      </c>
      <c r="E24" s="1" t="s">
        <v>1464</v>
      </c>
      <c r="F24" s="1" t="s">
        <v>1465</v>
      </c>
      <c r="G24" s="1" t="s">
        <v>1466</v>
      </c>
      <c r="H24" s="1" t="s">
        <v>1467</v>
      </c>
      <c r="I24" s="1" t="s">
        <v>1468</v>
      </c>
      <c r="K24" s="1" t="s">
        <v>1334</v>
      </c>
      <c r="L24" s="1" t="s">
        <v>1335</v>
      </c>
    </row>
    <row r="25" spans="1:12" x14ac:dyDescent="0.25">
      <c r="A25" s="1" t="s">
        <v>1469</v>
      </c>
      <c r="B25" s="1" t="s">
        <v>1327</v>
      </c>
      <c r="C25" s="1" t="s">
        <v>1328</v>
      </c>
      <c r="D25" s="1" t="s">
        <v>1470</v>
      </c>
      <c r="E25" s="1" t="s">
        <v>1470</v>
      </c>
      <c r="F25" s="1" t="s">
        <v>1471</v>
      </c>
      <c r="G25" s="1" t="s">
        <v>1472</v>
      </c>
      <c r="H25" s="1" t="s">
        <v>1473</v>
      </c>
      <c r="I25" s="1" t="s">
        <v>1474</v>
      </c>
      <c r="K25" s="1" t="s">
        <v>1366</v>
      </c>
      <c r="L25" s="1" t="s">
        <v>1335</v>
      </c>
    </row>
    <row r="26" spans="1:12" x14ac:dyDescent="0.25">
      <c r="A26" s="1" t="s">
        <v>1475</v>
      </c>
      <c r="B26" s="1" t="s">
        <v>1327</v>
      </c>
      <c r="C26" s="1" t="s">
        <v>1328</v>
      </c>
      <c r="D26" s="1" t="s">
        <v>1476</v>
      </c>
      <c r="E26" s="1" t="s">
        <v>1476</v>
      </c>
      <c r="F26" s="1" t="s">
        <v>1477</v>
      </c>
      <c r="G26" s="1" t="s">
        <v>1478</v>
      </c>
      <c r="H26" s="1" t="s">
        <v>1479</v>
      </c>
      <c r="I26" s="1" t="s">
        <v>1480</v>
      </c>
      <c r="K26" s="1" t="s">
        <v>1334</v>
      </c>
      <c r="L26" s="1" t="s">
        <v>1335</v>
      </c>
    </row>
    <row r="27" spans="1:12" x14ac:dyDescent="0.25">
      <c r="A27" s="1" t="s">
        <v>1481</v>
      </c>
      <c r="B27" s="1" t="s">
        <v>1327</v>
      </c>
      <c r="C27" s="1" t="s">
        <v>1328</v>
      </c>
      <c r="D27" s="1" t="s">
        <v>1482</v>
      </c>
      <c r="E27" s="1" t="s">
        <v>1482</v>
      </c>
      <c r="F27" s="1" t="s">
        <v>1483</v>
      </c>
      <c r="G27" s="1" t="s">
        <v>1484</v>
      </c>
      <c r="H27" s="1" t="s">
        <v>1485</v>
      </c>
      <c r="I27" s="1" t="s">
        <v>1486</v>
      </c>
      <c r="K27" s="1" t="s">
        <v>1366</v>
      </c>
      <c r="L27" s="1" t="s">
        <v>1335</v>
      </c>
    </row>
    <row r="28" spans="1:12" x14ac:dyDescent="0.25">
      <c r="A28" s="1" t="s">
        <v>1487</v>
      </c>
      <c r="B28" s="1" t="s">
        <v>1327</v>
      </c>
      <c r="C28" s="1" t="s">
        <v>1328</v>
      </c>
      <c r="D28" s="1" t="s">
        <v>1488</v>
      </c>
      <c r="E28" s="1" t="s">
        <v>1488</v>
      </c>
      <c r="F28" s="1" t="s">
        <v>1489</v>
      </c>
      <c r="G28" s="1" t="s">
        <v>1490</v>
      </c>
      <c r="H28" s="1" t="s">
        <v>1491</v>
      </c>
      <c r="I28" s="1" t="s">
        <v>1492</v>
      </c>
      <c r="K28" s="1" t="s">
        <v>1334</v>
      </c>
      <c r="L28" s="1" t="s">
        <v>1335</v>
      </c>
    </row>
    <row r="29" spans="1:12" x14ac:dyDescent="0.25">
      <c r="A29" s="1" t="s">
        <v>1493</v>
      </c>
      <c r="B29" s="1" t="s">
        <v>1327</v>
      </c>
      <c r="C29" s="1" t="s">
        <v>1328</v>
      </c>
      <c r="D29" s="1" t="s">
        <v>1494</v>
      </c>
      <c r="E29" s="1" t="s">
        <v>1494</v>
      </c>
      <c r="F29" s="1" t="s">
        <v>1495</v>
      </c>
      <c r="G29" s="1" t="s">
        <v>1496</v>
      </c>
      <c r="H29" s="1" t="s">
        <v>1497</v>
      </c>
      <c r="I29" s="1" t="s">
        <v>1498</v>
      </c>
      <c r="K29" s="1" t="s">
        <v>1366</v>
      </c>
      <c r="L29" s="1" t="s">
        <v>1335</v>
      </c>
    </row>
    <row r="30" spans="1:12" x14ac:dyDescent="0.25">
      <c r="A30" s="1" t="s">
        <v>1499</v>
      </c>
      <c r="B30" s="1" t="s">
        <v>1327</v>
      </c>
      <c r="C30" s="1" t="s">
        <v>1328</v>
      </c>
      <c r="D30" s="1" t="s">
        <v>1500</v>
      </c>
      <c r="E30" s="1" t="s">
        <v>1500</v>
      </c>
      <c r="F30" s="1" t="s">
        <v>1501</v>
      </c>
      <c r="G30" s="1" t="s">
        <v>1502</v>
      </c>
      <c r="H30" s="1" t="s">
        <v>1503</v>
      </c>
      <c r="I30" s="1" t="s">
        <v>1504</v>
      </c>
      <c r="K30" s="1" t="s">
        <v>1366</v>
      </c>
      <c r="L30" s="1" t="s">
        <v>1335</v>
      </c>
    </row>
    <row r="31" spans="1:12" x14ac:dyDescent="0.25">
      <c r="A31" s="1" t="s">
        <v>1505</v>
      </c>
      <c r="B31" s="1" t="s">
        <v>1327</v>
      </c>
      <c r="C31" s="1" t="s">
        <v>1328</v>
      </c>
      <c r="D31" s="1" t="s">
        <v>1506</v>
      </c>
      <c r="E31" s="1" t="s">
        <v>1506</v>
      </c>
      <c r="F31" s="1" t="s">
        <v>1507</v>
      </c>
      <c r="G31" s="1" t="s">
        <v>1508</v>
      </c>
      <c r="H31" s="1" t="s">
        <v>1509</v>
      </c>
      <c r="I31" s="1" t="s">
        <v>1510</v>
      </c>
      <c r="K31" s="1" t="s">
        <v>1334</v>
      </c>
      <c r="L31" s="1" t="s">
        <v>1335</v>
      </c>
    </row>
    <row r="32" spans="1:12" x14ac:dyDescent="0.25">
      <c r="A32" s="1" t="s">
        <v>1511</v>
      </c>
      <c r="B32" s="1" t="s">
        <v>1327</v>
      </c>
      <c r="C32" s="1" t="s">
        <v>1328</v>
      </c>
      <c r="D32" s="1" t="s">
        <v>1512</v>
      </c>
      <c r="E32" s="1" t="s">
        <v>1512</v>
      </c>
      <c r="F32" s="1" t="s">
        <v>1513</v>
      </c>
      <c r="G32" s="1" t="s">
        <v>1514</v>
      </c>
      <c r="H32" s="1" t="s">
        <v>1383</v>
      </c>
      <c r="I32" s="1" t="s">
        <v>1515</v>
      </c>
      <c r="K32" s="1" t="s">
        <v>1334</v>
      </c>
      <c r="L32" s="1" t="s">
        <v>1335</v>
      </c>
    </row>
    <row r="33" spans="1:12" x14ac:dyDescent="0.25">
      <c r="A33" s="1" t="s">
        <v>1516</v>
      </c>
      <c r="B33" s="1" t="s">
        <v>1327</v>
      </c>
      <c r="C33" s="1" t="s">
        <v>1328</v>
      </c>
      <c r="D33" s="1" t="s">
        <v>1517</v>
      </c>
      <c r="E33" s="1" t="s">
        <v>1517</v>
      </c>
      <c r="F33" s="1" t="s">
        <v>1518</v>
      </c>
      <c r="G33" s="1" t="s">
        <v>1519</v>
      </c>
      <c r="H33" s="1" t="s">
        <v>1520</v>
      </c>
      <c r="I33" s="1" t="s">
        <v>1521</v>
      </c>
      <c r="K33" s="1" t="s">
        <v>1334</v>
      </c>
      <c r="L33" s="1" t="s">
        <v>1335</v>
      </c>
    </row>
    <row r="34" spans="1:12" x14ac:dyDescent="0.25">
      <c r="A34" s="1" t="s">
        <v>1522</v>
      </c>
      <c r="B34" s="1" t="s">
        <v>1327</v>
      </c>
      <c r="C34" s="1" t="s">
        <v>1328</v>
      </c>
      <c r="D34" s="1" t="s">
        <v>1523</v>
      </c>
      <c r="E34" s="1" t="s">
        <v>1523</v>
      </c>
      <c r="F34" s="15" t="s">
        <v>1524</v>
      </c>
      <c r="G34" s="1" t="s">
        <v>1525</v>
      </c>
      <c r="H34" s="1" t="s">
        <v>1526</v>
      </c>
      <c r="I34" s="1" t="s">
        <v>1527</v>
      </c>
      <c r="K34" s="1" t="s">
        <v>1366</v>
      </c>
      <c r="L34" s="1" t="s">
        <v>1335</v>
      </c>
    </row>
    <row r="35" spans="1:12" x14ac:dyDescent="0.25">
      <c r="A35" s="1" t="s">
        <v>1528</v>
      </c>
      <c r="B35" s="1" t="s">
        <v>1327</v>
      </c>
      <c r="C35" s="1" t="s">
        <v>1529</v>
      </c>
      <c r="D35" s="1" t="s">
        <v>1329</v>
      </c>
      <c r="E35" s="1" t="s">
        <v>1329</v>
      </c>
      <c r="F35" s="1" t="s">
        <v>1530</v>
      </c>
      <c r="G35" s="1" t="s">
        <v>1531</v>
      </c>
      <c r="H35" s="1" t="s">
        <v>1532</v>
      </c>
      <c r="I35" s="1" t="s">
        <v>1533</v>
      </c>
      <c r="K35" s="1" t="s">
        <v>1366</v>
      </c>
      <c r="L35" s="1" t="s">
        <v>1335</v>
      </c>
    </row>
    <row r="36" spans="1:12" x14ac:dyDescent="0.25">
      <c r="A36" s="1" t="s">
        <v>1534</v>
      </c>
      <c r="B36" s="1" t="s">
        <v>1327</v>
      </c>
      <c r="C36" s="1" t="s">
        <v>1529</v>
      </c>
      <c r="D36" s="1" t="s">
        <v>1337</v>
      </c>
      <c r="E36" s="1" t="s">
        <v>1337</v>
      </c>
      <c r="F36" s="1" t="s">
        <v>1535</v>
      </c>
      <c r="G36" s="1" t="s">
        <v>1536</v>
      </c>
      <c r="H36" s="1" t="s">
        <v>1537</v>
      </c>
      <c r="I36" s="1" t="s">
        <v>1538</v>
      </c>
      <c r="K36" s="1" t="s">
        <v>1334</v>
      </c>
      <c r="L36" s="1" t="s">
        <v>1335</v>
      </c>
    </row>
    <row r="37" spans="1:12" x14ac:dyDescent="0.25">
      <c r="A37" s="1" t="s">
        <v>1539</v>
      </c>
      <c r="B37" s="1" t="s">
        <v>1327</v>
      </c>
      <c r="C37" s="1" t="s">
        <v>1529</v>
      </c>
      <c r="D37" s="1" t="s">
        <v>1343</v>
      </c>
      <c r="E37" s="1" t="s">
        <v>1343</v>
      </c>
      <c r="F37" s="1" t="s">
        <v>1540</v>
      </c>
      <c r="G37" s="1" t="s">
        <v>1541</v>
      </c>
      <c r="H37" s="1" t="s">
        <v>1542</v>
      </c>
      <c r="I37" s="1" t="s">
        <v>1543</v>
      </c>
      <c r="K37" s="1" t="s">
        <v>1334</v>
      </c>
      <c r="L37" s="1" t="s">
        <v>1335</v>
      </c>
    </row>
    <row r="38" spans="1:12" x14ac:dyDescent="0.25">
      <c r="A38" s="1" t="s">
        <v>1544</v>
      </c>
      <c r="B38" s="1" t="s">
        <v>1327</v>
      </c>
      <c r="C38" s="1" t="s">
        <v>1529</v>
      </c>
      <c r="D38" s="1" t="s">
        <v>1349</v>
      </c>
      <c r="E38" s="1" t="s">
        <v>1349</v>
      </c>
      <c r="F38" s="1" t="s">
        <v>1545</v>
      </c>
      <c r="G38" s="1" t="s">
        <v>1546</v>
      </c>
      <c r="H38" s="1" t="s">
        <v>1547</v>
      </c>
      <c r="I38" s="1" t="s">
        <v>1548</v>
      </c>
      <c r="K38" s="1" t="s">
        <v>1366</v>
      </c>
      <c r="L38" s="1" t="s">
        <v>1335</v>
      </c>
    </row>
    <row r="39" spans="1:12" x14ac:dyDescent="0.25">
      <c r="A39" s="1" t="s">
        <v>1549</v>
      </c>
      <c r="B39" s="1" t="s">
        <v>1327</v>
      </c>
      <c r="C39" s="1" t="s">
        <v>1529</v>
      </c>
      <c r="D39" s="1" t="s">
        <v>1355</v>
      </c>
      <c r="E39" s="1" t="s">
        <v>1355</v>
      </c>
      <c r="F39" s="1" t="s">
        <v>1550</v>
      </c>
      <c r="G39" s="1" t="s">
        <v>1551</v>
      </c>
      <c r="H39" s="1" t="s">
        <v>1552</v>
      </c>
      <c r="I39" s="1" t="s">
        <v>1553</v>
      </c>
      <c r="K39" s="1" t="s">
        <v>1366</v>
      </c>
      <c r="L39" s="1" t="s">
        <v>1335</v>
      </c>
    </row>
    <row r="40" spans="1:12" x14ac:dyDescent="0.25">
      <c r="A40" s="1" t="s">
        <v>1554</v>
      </c>
      <c r="B40" s="1" t="s">
        <v>1327</v>
      </c>
      <c r="C40" s="1" t="s">
        <v>1529</v>
      </c>
      <c r="D40" s="1" t="s">
        <v>1361</v>
      </c>
      <c r="E40" s="1" t="s">
        <v>1361</v>
      </c>
      <c r="F40" s="1" t="s">
        <v>1555</v>
      </c>
      <c r="G40" s="1" t="s">
        <v>1556</v>
      </c>
      <c r="H40" s="1" t="s">
        <v>1557</v>
      </c>
      <c r="I40" s="1" t="s">
        <v>1558</v>
      </c>
      <c r="K40" s="1" t="s">
        <v>1334</v>
      </c>
      <c r="L40" s="1" t="s">
        <v>1335</v>
      </c>
    </row>
    <row r="41" spans="1:12" x14ac:dyDescent="0.25">
      <c r="A41" s="1" t="s">
        <v>1559</v>
      </c>
      <c r="B41" s="1" t="s">
        <v>1327</v>
      </c>
      <c r="C41" s="1" t="s">
        <v>1529</v>
      </c>
      <c r="D41" s="1" t="s">
        <v>1368</v>
      </c>
      <c r="E41" s="1" t="s">
        <v>1368</v>
      </c>
      <c r="F41" s="1" t="s">
        <v>1560</v>
      </c>
      <c r="G41" s="1" t="s">
        <v>1561</v>
      </c>
      <c r="H41" s="1" t="s">
        <v>1562</v>
      </c>
      <c r="I41" s="1" t="s">
        <v>1563</v>
      </c>
      <c r="K41" s="1" t="s">
        <v>1334</v>
      </c>
      <c r="L41" s="1" t="s">
        <v>1335</v>
      </c>
    </row>
    <row r="42" spans="1:12" x14ac:dyDescent="0.25">
      <c r="A42" s="1" t="s">
        <v>1564</v>
      </c>
      <c r="B42" s="1" t="s">
        <v>1327</v>
      </c>
      <c r="C42" s="1" t="s">
        <v>1529</v>
      </c>
      <c r="D42" s="1" t="s">
        <v>1374</v>
      </c>
      <c r="E42" s="1" t="s">
        <v>1374</v>
      </c>
      <c r="F42" s="1" t="s">
        <v>1565</v>
      </c>
      <c r="G42" s="1" t="s">
        <v>1566</v>
      </c>
      <c r="H42" s="1" t="s">
        <v>1567</v>
      </c>
      <c r="I42" s="1" t="s">
        <v>1568</v>
      </c>
      <c r="K42" s="1" t="s">
        <v>1334</v>
      </c>
      <c r="L42" s="1" t="s">
        <v>1335</v>
      </c>
    </row>
    <row r="43" spans="1:12" x14ac:dyDescent="0.25">
      <c r="A43" s="1" t="s">
        <v>1569</v>
      </c>
      <c r="B43" s="1" t="s">
        <v>1327</v>
      </c>
      <c r="C43" s="1" t="s">
        <v>1529</v>
      </c>
      <c r="D43" s="1" t="s">
        <v>1380</v>
      </c>
      <c r="E43" s="1" t="s">
        <v>1380</v>
      </c>
      <c r="F43" s="1" t="s">
        <v>1570</v>
      </c>
      <c r="G43" s="1" t="s">
        <v>1571</v>
      </c>
      <c r="H43" s="1" t="s">
        <v>1572</v>
      </c>
      <c r="I43" s="1" t="s">
        <v>1573</v>
      </c>
      <c r="K43" s="1" t="s">
        <v>1366</v>
      </c>
      <c r="L43" s="1" t="s">
        <v>1335</v>
      </c>
    </row>
    <row r="44" spans="1:12" x14ac:dyDescent="0.25">
      <c r="A44" s="1" t="s">
        <v>1574</v>
      </c>
      <c r="B44" s="1" t="s">
        <v>1327</v>
      </c>
      <c r="C44" s="1" t="s">
        <v>1529</v>
      </c>
      <c r="D44" s="1" t="s">
        <v>1386</v>
      </c>
      <c r="E44" s="1" t="s">
        <v>1386</v>
      </c>
      <c r="F44" s="1" t="s">
        <v>1575</v>
      </c>
      <c r="G44" s="1" t="s">
        <v>1576</v>
      </c>
      <c r="H44" s="1" t="s">
        <v>1577</v>
      </c>
      <c r="I44" s="1" t="s">
        <v>1578</v>
      </c>
      <c r="K44" s="1" t="s">
        <v>1334</v>
      </c>
      <c r="L44" s="1" t="s">
        <v>1335</v>
      </c>
    </row>
    <row r="45" spans="1:12" x14ac:dyDescent="0.25">
      <c r="A45" s="1" t="s">
        <v>1579</v>
      </c>
      <c r="B45" s="1" t="s">
        <v>1327</v>
      </c>
      <c r="C45" s="1" t="s">
        <v>1529</v>
      </c>
      <c r="D45" s="1" t="s">
        <v>1392</v>
      </c>
      <c r="E45" s="1" t="s">
        <v>1392</v>
      </c>
      <c r="F45" s="1" t="s">
        <v>1580</v>
      </c>
      <c r="G45" s="1" t="s">
        <v>1581</v>
      </c>
      <c r="H45" s="1" t="s">
        <v>1582</v>
      </c>
      <c r="I45" s="1" t="s">
        <v>1583</v>
      </c>
      <c r="K45" s="1" t="s">
        <v>1366</v>
      </c>
      <c r="L45" s="1" t="s">
        <v>1335</v>
      </c>
    </row>
    <row r="46" spans="1:12" x14ac:dyDescent="0.25">
      <c r="A46" s="1" t="s">
        <v>1584</v>
      </c>
      <c r="B46" s="1" t="s">
        <v>1327</v>
      </c>
      <c r="C46" s="1" t="s">
        <v>1529</v>
      </c>
      <c r="D46" s="1" t="s">
        <v>1398</v>
      </c>
      <c r="E46" s="1" t="s">
        <v>1398</v>
      </c>
      <c r="F46" s="1" t="s">
        <v>1585</v>
      </c>
      <c r="G46" s="1" t="s">
        <v>1586</v>
      </c>
      <c r="H46" s="1" t="s">
        <v>1587</v>
      </c>
      <c r="I46" s="1" t="s">
        <v>1588</v>
      </c>
      <c r="K46" s="1" t="s">
        <v>1366</v>
      </c>
      <c r="L46" s="1" t="s">
        <v>1335</v>
      </c>
    </row>
    <row r="47" spans="1:12" x14ac:dyDescent="0.25">
      <c r="A47" s="1" t="s">
        <v>1589</v>
      </c>
      <c r="B47" s="1" t="s">
        <v>1327</v>
      </c>
      <c r="C47" s="1" t="s">
        <v>1529</v>
      </c>
      <c r="D47" s="1" t="s">
        <v>1404</v>
      </c>
      <c r="E47" s="1" t="s">
        <v>1404</v>
      </c>
      <c r="F47" s="1" t="s">
        <v>1590</v>
      </c>
      <c r="G47" s="1" t="s">
        <v>1591</v>
      </c>
      <c r="H47" s="1" t="s">
        <v>1592</v>
      </c>
      <c r="I47" s="1" t="s">
        <v>1593</v>
      </c>
      <c r="K47" s="1" t="s">
        <v>1334</v>
      </c>
      <c r="L47" s="1" t="s">
        <v>1335</v>
      </c>
    </row>
    <row r="48" spans="1:12" x14ac:dyDescent="0.25">
      <c r="A48" s="1" t="s">
        <v>1594</v>
      </c>
      <c r="B48" s="1" t="s">
        <v>1327</v>
      </c>
      <c r="C48" s="1" t="s">
        <v>1529</v>
      </c>
      <c r="D48" s="1" t="s">
        <v>1410</v>
      </c>
      <c r="E48" s="1" t="s">
        <v>1410</v>
      </c>
      <c r="F48" s="1" t="s">
        <v>1595</v>
      </c>
      <c r="G48" s="1" t="s">
        <v>1596</v>
      </c>
      <c r="H48" s="1" t="s">
        <v>1597</v>
      </c>
      <c r="I48" s="1" t="s">
        <v>1598</v>
      </c>
      <c r="K48" s="1" t="s">
        <v>1366</v>
      </c>
      <c r="L48" s="1" t="s">
        <v>1335</v>
      </c>
    </row>
    <row r="49" spans="1:12" x14ac:dyDescent="0.25">
      <c r="A49" s="1" t="s">
        <v>1599</v>
      </c>
      <c r="B49" s="1" t="s">
        <v>1327</v>
      </c>
      <c r="C49" s="1" t="s">
        <v>1529</v>
      </c>
      <c r="D49" s="1" t="s">
        <v>1416</v>
      </c>
      <c r="E49" s="1" t="s">
        <v>1416</v>
      </c>
      <c r="F49" s="1" t="s">
        <v>1600</v>
      </c>
      <c r="G49" s="1" t="s">
        <v>1601</v>
      </c>
      <c r="H49" s="1" t="s">
        <v>1602</v>
      </c>
      <c r="I49" s="1" t="s">
        <v>1603</v>
      </c>
      <c r="K49" s="1" t="s">
        <v>1334</v>
      </c>
      <c r="L49" s="1" t="s">
        <v>1335</v>
      </c>
    </row>
    <row r="50" spans="1:12" x14ac:dyDescent="0.25">
      <c r="A50" s="1" t="s">
        <v>1604</v>
      </c>
      <c r="B50" s="1" t="s">
        <v>1327</v>
      </c>
      <c r="C50" s="1" t="s">
        <v>1529</v>
      </c>
      <c r="D50" s="1" t="s">
        <v>1422</v>
      </c>
      <c r="E50" s="1" t="s">
        <v>1422</v>
      </c>
      <c r="F50" s="1" t="s">
        <v>1605</v>
      </c>
      <c r="G50" s="1" t="s">
        <v>1606</v>
      </c>
      <c r="H50" s="1" t="s">
        <v>1607</v>
      </c>
      <c r="I50" s="1" t="s">
        <v>1608</v>
      </c>
      <c r="K50" s="1" t="s">
        <v>1366</v>
      </c>
      <c r="L50" s="1" t="s">
        <v>1335</v>
      </c>
    </row>
    <row r="51" spans="1:12" x14ac:dyDescent="0.25">
      <c r="A51" s="1" t="s">
        <v>1609</v>
      </c>
      <c r="B51" s="1" t="s">
        <v>1327</v>
      </c>
      <c r="C51" s="1" t="s">
        <v>1529</v>
      </c>
      <c r="D51" s="1" t="s">
        <v>1428</v>
      </c>
      <c r="E51" s="1" t="s">
        <v>1428</v>
      </c>
      <c r="F51" s="1" t="s">
        <v>1610</v>
      </c>
      <c r="G51" s="1" t="s">
        <v>1611</v>
      </c>
      <c r="H51" s="1" t="s">
        <v>1612</v>
      </c>
      <c r="I51" s="1" t="s">
        <v>1613</v>
      </c>
      <c r="K51" s="1" t="s">
        <v>1366</v>
      </c>
      <c r="L51" s="1" t="s">
        <v>1335</v>
      </c>
    </row>
    <row r="52" spans="1:12" x14ac:dyDescent="0.25">
      <c r="A52" s="1" t="s">
        <v>1614</v>
      </c>
      <c r="B52" s="1" t="s">
        <v>1327</v>
      </c>
      <c r="C52" s="1" t="s">
        <v>1529</v>
      </c>
      <c r="D52" s="1" t="s">
        <v>1434</v>
      </c>
      <c r="E52" s="1" t="s">
        <v>1434</v>
      </c>
      <c r="F52" s="1" t="s">
        <v>1615</v>
      </c>
      <c r="G52" s="1" t="s">
        <v>1616</v>
      </c>
      <c r="H52" s="1" t="s">
        <v>1617</v>
      </c>
      <c r="I52" s="1" t="s">
        <v>1618</v>
      </c>
      <c r="K52" s="1" t="s">
        <v>1366</v>
      </c>
      <c r="L52" s="1" t="s">
        <v>1335</v>
      </c>
    </row>
    <row r="53" spans="1:12" x14ac:dyDescent="0.25">
      <c r="A53" s="1" t="s">
        <v>1619</v>
      </c>
      <c r="B53" s="1" t="s">
        <v>1327</v>
      </c>
      <c r="C53" s="1" t="s">
        <v>1529</v>
      </c>
      <c r="D53" s="1" t="s">
        <v>1440</v>
      </c>
      <c r="E53" s="1" t="s">
        <v>1440</v>
      </c>
      <c r="F53" s="1" t="s">
        <v>1620</v>
      </c>
      <c r="G53" s="1" t="s">
        <v>1621</v>
      </c>
      <c r="H53" s="1" t="s">
        <v>1431</v>
      </c>
      <c r="I53" s="1" t="s">
        <v>1622</v>
      </c>
      <c r="K53" s="1" t="s">
        <v>1366</v>
      </c>
      <c r="L53" s="1" t="s">
        <v>1335</v>
      </c>
    </row>
    <row r="54" spans="1:12" x14ac:dyDescent="0.25">
      <c r="A54" s="1" t="s">
        <v>1623</v>
      </c>
      <c r="B54" s="1" t="s">
        <v>1327</v>
      </c>
      <c r="C54" s="1" t="s">
        <v>1529</v>
      </c>
      <c r="D54" s="1" t="s">
        <v>1446</v>
      </c>
      <c r="E54" s="1" t="s">
        <v>1446</v>
      </c>
      <c r="F54" s="1" t="s">
        <v>1624</v>
      </c>
      <c r="G54" s="1" t="s">
        <v>1625</v>
      </c>
      <c r="H54" s="1" t="s">
        <v>1557</v>
      </c>
      <c r="I54" s="1" t="s">
        <v>1626</v>
      </c>
      <c r="K54" s="1" t="s">
        <v>1334</v>
      </c>
      <c r="L54" s="1" t="s">
        <v>1335</v>
      </c>
    </row>
    <row r="55" spans="1:12" x14ac:dyDescent="0.25">
      <c r="A55" s="1" t="s">
        <v>1627</v>
      </c>
      <c r="B55" s="1" t="s">
        <v>1327</v>
      </c>
      <c r="C55" s="1" t="s">
        <v>1529</v>
      </c>
      <c r="D55" s="1" t="s">
        <v>1452</v>
      </c>
      <c r="E55" s="1" t="s">
        <v>1452</v>
      </c>
      <c r="F55" s="1" t="s">
        <v>1628</v>
      </c>
      <c r="G55" s="1" t="s">
        <v>1629</v>
      </c>
      <c r="H55" s="1" t="s">
        <v>1419</v>
      </c>
      <c r="I55" s="1" t="s">
        <v>1630</v>
      </c>
      <c r="K55" s="1" t="s">
        <v>1334</v>
      </c>
      <c r="L55" s="1" t="s">
        <v>1335</v>
      </c>
    </row>
    <row r="56" spans="1:12" x14ac:dyDescent="0.25">
      <c r="A56" s="1" t="s">
        <v>1631</v>
      </c>
      <c r="B56" s="1" t="s">
        <v>1327</v>
      </c>
      <c r="C56" s="1" t="s">
        <v>1529</v>
      </c>
      <c r="D56" s="1" t="s">
        <v>1458</v>
      </c>
      <c r="E56" s="1" t="s">
        <v>1458</v>
      </c>
      <c r="F56" s="1" t="s">
        <v>1632</v>
      </c>
      <c r="G56" s="1" t="s">
        <v>1633</v>
      </c>
      <c r="H56" s="1" t="s">
        <v>1634</v>
      </c>
      <c r="I56" s="1" t="s">
        <v>1635</v>
      </c>
      <c r="K56" s="1" t="s">
        <v>1334</v>
      </c>
      <c r="L56" s="1" t="s">
        <v>1335</v>
      </c>
    </row>
    <row r="57" spans="1:12" x14ac:dyDescent="0.25">
      <c r="A57" s="1" t="s">
        <v>1636</v>
      </c>
      <c r="B57" s="1" t="s">
        <v>1327</v>
      </c>
      <c r="C57" s="1" t="s">
        <v>1529</v>
      </c>
      <c r="D57" s="1" t="s">
        <v>1464</v>
      </c>
      <c r="E57" s="1" t="s">
        <v>1464</v>
      </c>
      <c r="F57" s="1" t="s">
        <v>1637</v>
      </c>
      <c r="G57" s="1" t="s">
        <v>1638</v>
      </c>
      <c r="H57" s="1" t="s">
        <v>1639</v>
      </c>
      <c r="I57" s="1" t="s">
        <v>1640</v>
      </c>
      <c r="K57" s="1" t="s">
        <v>1366</v>
      </c>
      <c r="L57" s="1" t="s">
        <v>1335</v>
      </c>
    </row>
    <row r="58" spans="1:12" x14ac:dyDescent="0.25">
      <c r="A58" s="1" t="s">
        <v>1641</v>
      </c>
      <c r="B58" s="1" t="s">
        <v>1327</v>
      </c>
      <c r="C58" s="1" t="s">
        <v>1529</v>
      </c>
      <c r="D58" s="16" t="s">
        <v>1470</v>
      </c>
      <c r="E58" s="16" t="s">
        <v>1470</v>
      </c>
      <c r="F58" s="1" t="s">
        <v>1642</v>
      </c>
      <c r="G58" s="1" t="s">
        <v>1643</v>
      </c>
      <c r="H58" s="1" t="s">
        <v>1644</v>
      </c>
      <c r="I58" s="1" t="s">
        <v>1645</v>
      </c>
      <c r="K58" s="1" t="s">
        <v>1366</v>
      </c>
      <c r="L58" s="1" t="s">
        <v>1335</v>
      </c>
    </row>
    <row r="59" spans="1:12" x14ac:dyDescent="0.25">
      <c r="A59" s="1" t="s">
        <v>1646</v>
      </c>
      <c r="B59" s="1" t="s">
        <v>1327</v>
      </c>
      <c r="C59" s="1" t="s">
        <v>1529</v>
      </c>
      <c r="D59" s="16" t="s">
        <v>1482</v>
      </c>
      <c r="E59" s="16" t="s">
        <v>1482</v>
      </c>
      <c r="F59" s="1" t="s">
        <v>1647</v>
      </c>
      <c r="G59" s="1" t="s">
        <v>1648</v>
      </c>
      <c r="H59" s="1" t="s">
        <v>1649</v>
      </c>
      <c r="I59" s="1" t="s">
        <v>1650</v>
      </c>
      <c r="K59" s="1" t="s">
        <v>1366</v>
      </c>
      <c r="L59" s="1" t="s">
        <v>1335</v>
      </c>
    </row>
    <row r="60" spans="1:12" x14ac:dyDescent="0.25">
      <c r="A60" s="1" t="s">
        <v>1651</v>
      </c>
      <c r="B60" s="1" t="s">
        <v>1327</v>
      </c>
      <c r="C60" s="1" t="s">
        <v>1529</v>
      </c>
      <c r="D60" s="1" t="s">
        <v>1488</v>
      </c>
      <c r="E60" s="1" t="s">
        <v>1488</v>
      </c>
      <c r="F60" s="1" t="s">
        <v>1652</v>
      </c>
      <c r="G60" s="1" t="s">
        <v>1653</v>
      </c>
      <c r="H60" s="1" t="s">
        <v>1654</v>
      </c>
      <c r="I60" s="1" t="s">
        <v>1655</v>
      </c>
      <c r="K60" s="1" t="s">
        <v>1334</v>
      </c>
      <c r="L60" s="1" t="s">
        <v>1335</v>
      </c>
    </row>
    <row r="61" spans="1:12" x14ac:dyDescent="0.25">
      <c r="A61" s="1" t="s">
        <v>1656</v>
      </c>
      <c r="B61" s="1" t="s">
        <v>1327</v>
      </c>
      <c r="C61" s="1" t="s">
        <v>1529</v>
      </c>
      <c r="D61" s="1" t="s">
        <v>1494</v>
      </c>
      <c r="E61" s="1" t="s">
        <v>1494</v>
      </c>
      <c r="F61" s="1" t="s">
        <v>1657</v>
      </c>
      <c r="G61" s="1" t="s">
        <v>1658</v>
      </c>
      <c r="H61" s="1" t="s">
        <v>1659</v>
      </c>
      <c r="I61" s="1" t="s">
        <v>1660</v>
      </c>
      <c r="K61" s="1" t="s">
        <v>1366</v>
      </c>
      <c r="L61" s="1" t="s">
        <v>1335</v>
      </c>
    </row>
    <row r="62" spans="1:12" x14ac:dyDescent="0.25">
      <c r="A62" s="1" t="s">
        <v>1661</v>
      </c>
      <c r="B62" s="1" t="s">
        <v>1327</v>
      </c>
      <c r="C62" s="1" t="s">
        <v>1529</v>
      </c>
      <c r="D62" s="1" t="s">
        <v>1500</v>
      </c>
      <c r="E62" s="1" t="s">
        <v>1500</v>
      </c>
      <c r="F62" s="1" t="s">
        <v>1662</v>
      </c>
      <c r="G62" s="1" t="s">
        <v>1663</v>
      </c>
      <c r="H62" s="1" t="s">
        <v>1664</v>
      </c>
      <c r="I62" s="1" t="s">
        <v>1665</v>
      </c>
      <c r="K62" s="1" t="s">
        <v>1334</v>
      </c>
      <c r="L62" s="1" t="s">
        <v>1335</v>
      </c>
    </row>
    <row r="63" spans="1:12" x14ac:dyDescent="0.25">
      <c r="A63" s="1" t="s">
        <v>1666</v>
      </c>
      <c r="B63" s="1" t="s">
        <v>1327</v>
      </c>
      <c r="C63" s="1" t="s">
        <v>1529</v>
      </c>
      <c r="D63" s="1" t="s">
        <v>1506</v>
      </c>
      <c r="E63" s="1" t="s">
        <v>1506</v>
      </c>
      <c r="F63" s="1" t="s">
        <v>1667</v>
      </c>
      <c r="G63" s="1" t="s">
        <v>1668</v>
      </c>
      <c r="H63" s="1" t="s">
        <v>1659</v>
      </c>
      <c r="I63" s="1" t="s">
        <v>1669</v>
      </c>
      <c r="K63" s="1" t="s">
        <v>1334</v>
      </c>
      <c r="L63" s="1" t="s">
        <v>1335</v>
      </c>
    </row>
    <row r="64" spans="1:12" x14ac:dyDescent="0.25">
      <c r="A64" s="1" t="s">
        <v>1670</v>
      </c>
      <c r="B64" s="1" t="s">
        <v>1327</v>
      </c>
      <c r="C64" s="1" t="s">
        <v>1529</v>
      </c>
      <c r="D64" s="1" t="s">
        <v>1512</v>
      </c>
      <c r="E64" s="1" t="s">
        <v>1512</v>
      </c>
      <c r="F64" s="1" t="s">
        <v>1671</v>
      </c>
      <c r="G64" s="1" t="s">
        <v>1672</v>
      </c>
      <c r="H64" s="1" t="s">
        <v>1673</v>
      </c>
      <c r="I64" s="1" t="s">
        <v>1674</v>
      </c>
      <c r="K64" s="1" t="s">
        <v>1334</v>
      </c>
      <c r="L64" s="1" t="s">
        <v>1335</v>
      </c>
    </row>
    <row r="65" spans="1:12" x14ac:dyDescent="0.25">
      <c r="A65" s="1" t="s">
        <v>1675</v>
      </c>
      <c r="B65" s="1" t="s">
        <v>1327</v>
      </c>
      <c r="C65" s="1" t="s">
        <v>1529</v>
      </c>
      <c r="D65" s="1" t="s">
        <v>1517</v>
      </c>
      <c r="E65" s="1" t="s">
        <v>1517</v>
      </c>
      <c r="F65" s="1" t="s">
        <v>1676</v>
      </c>
      <c r="G65" s="1" t="s">
        <v>1677</v>
      </c>
      <c r="H65" s="1" t="s">
        <v>1678</v>
      </c>
      <c r="I65" s="1" t="s">
        <v>1679</v>
      </c>
      <c r="K65" s="1" t="s">
        <v>1366</v>
      </c>
      <c r="L65" s="1" t="s">
        <v>1335</v>
      </c>
    </row>
    <row r="66" spans="1:12" x14ac:dyDescent="0.25">
      <c r="A66" s="1" t="s">
        <v>1680</v>
      </c>
      <c r="B66" s="1" t="s">
        <v>1327</v>
      </c>
      <c r="C66" s="1" t="s">
        <v>1529</v>
      </c>
      <c r="D66" s="1" t="s">
        <v>1523</v>
      </c>
      <c r="E66" s="1" t="s">
        <v>1523</v>
      </c>
      <c r="F66" s="1" t="s">
        <v>1681</v>
      </c>
      <c r="G66" s="1" t="s">
        <v>1682</v>
      </c>
      <c r="H66" s="1" t="s">
        <v>1683</v>
      </c>
      <c r="I66" s="1" t="s">
        <v>1684</v>
      </c>
      <c r="K66" s="1" t="s">
        <v>1334</v>
      </c>
      <c r="L66" s="1" t="s">
        <v>1335</v>
      </c>
    </row>
    <row r="67" spans="1:12" x14ac:dyDescent="0.25">
      <c r="A67" s="1" t="s">
        <v>1685</v>
      </c>
      <c r="B67" s="1" t="s">
        <v>1327</v>
      </c>
      <c r="C67" s="1" t="s">
        <v>1686</v>
      </c>
      <c r="D67" s="1" t="s">
        <v>1329</v>
      </c>
      <c r="E67" s="1" t="s">
        <v>1329</v>
      </c>
      <c r="F67" s="1" t="s">
        <v>1687</v>
      </c>
      <c r="G67" s="1" t="s">
        <v>1688</v>
      </c>
      <c r="H67" s="1" t="s">
        <v>1689</v>
      </c>
      <c r="I67" s="1" t="s">
        <v>1690</v>
      </c>
      <c r="K67" s="1" t="s">
        <v>1334</v>
      </c>
      <c r="L67" s="1" t="s">
        <v>1335</v>
      </c>
    </row>
    <row r="68" spans="1:12" x14ac:dyDescent="0.25">
      <c r="A68" s="1" t="s">
        <v>1691</v>
      </c>
      <c r="B68" s="1" t="s">
        <v>1327</v>
      </c>
      <c r="C68" s="1" t="s">
        <v>1686</v>
      </c>
      <c r="D68" s="1" t="s">
        <v>1337</v>
      </c>
      <c r="E68" s="1" t="s">
        <v>1337</v>
      </c>
      <c r="F68" s="1" t="s">
        <v>1692</v>
      </c>
      <c r="G68" s="1" t="s">
        <v>1693</v>
      </c>
      <c r="H68" s="1" t="s">
        <v>1694</v>
      </c>
      <c r="I68" s="1" t="s">
        <v>1695</v>
      </c>
      <c r="K68" s="1" t="s">
        <v>1334</v>
      </c>
      <c r="L68" s="1" t="s">
        <v>1335</v>
      </c>
    </row>
    <row r="69" spans="1:12" x14ac:dyDescent="0.25">
      <c r="A69" s="1" t="s">
        <v>1696</v>
      </c>
      <c r="B69" s="1" t="s">
        <v>1327</v>
      </c>
      <c r="C69" s="1" t="s">
        <v>1686</v>
      </c>
      <c r="D69" s="1" t="s">
        <v>1343</v>
      </c>
      <c r="E69" s="1" t="s">
        <v>1343</v>
      </c>
      <c r="F69" s="1" t="s">
        <v>1697</v>
      </c>
      <c r="G69" s="1" t="s">
        <v>1698</v>
      </c>
      <c r="H69" s="1" t="s">
        <v>1699</v>
      </c>
      <c r="I69" s="1" t="s">
        <v>1700</v>
      </c>
      <c r="K69" s="1" t="s">
        <v>1334</v>
      </c>
      <c r="L69" s="1" t="s">
        <v>1335</v>
      </c>
    </row>
    <row r="70" spans="1:12" x14ac:dyDescent="0.25">
      <c r="A70" s="1" t="s">
        <v>1701</v>
      </c>
      <c r="B70" s="1" t="s">
        <v>1327</v>
      </c>
      <c r="C70" s="1" t="s">
        <v>1686</v>
      </c>
      <c r="D70" s="1" t="s">
        <v>1349</v>
      </c>
      <c r="E70" s="1" t="s">
        <v>1349</v>
      </c>
      <c r="F70" s="1" t="s">
        <v>1702</v>
      </c>
      <c r="G70" s="1" t="s">
        <v>1703</v>
      </c>
      <c r="H70" s="1" t="s">
        <v>1704</v>
      </c>
      <c r="I70" s="1" t="s">
        <v>1705</v>
      </c>
      <c r="K70" s="1" t="s">
        <v>1334</v>
      </c>
      <c r="L70" s="1" t="s">
        <v>1335</v>
      </c>
    </row>
    <row r="71" spans="1:12" x14ac:dyDescent="0.25">
      <c r="A71" s="1" t="s">
        <v>1706</v>
      </c>
      <c r="B71" s="1" t="s">
        <v>1327</v>
      </c>
      <c r="C71" s="1" t="s">
        <v>1686</v>
      </c>
      <c r="D71" s="1" t="s">
        <v>1355</v>
      </c>
      <c r="E71" s="1" t="s">
        <v>1355</v>
      </c>
      <c r="F71" s="1" t="s">
        <v>1707</v>
      </c>
      <c r="G71" s="1" t="s">
        <v>1708</v>
      </c>
      <c r="H71" s="1" t="s">
        <v>1709</v>
      </c>
      <c r="I71" s="1" t="s">
        <v>1710</v>
      </c>
      <c r="K71" s="1" t="s">
        <v>1334</v>
      </c>
      <c r="L71" s="1" t="s">
        <v>1335</v>
      </c>
    </row>
    <row r="72" spans="1:12" x14ac:dyDescent="0.25">
      <c r="A72" s="1" t="s">
        <v>1711</v>
      </c>
      <c r="B72" s="1" t="s">
        <v>1327</v>
      </c>
      <c r="C72" s="1" t="s">
        <v>1686</v>
      </c>
      <c r="D72" s="1" t="s">
        <v>1361</v>
      </c>
      <c r="E72" s="1" t="s">
        <v>1361</v>
      </c>
      <c r="F72" s="1" t="s">
        <v>1712</v>
      </c>
      <c r="G72" s="1" t="s">
        <v>1713</v>
      </c>
      <c r="H72" s="1" t="s">
        <v>1714</v>
      </c>
      <c r="I72" s="1" t="s">
        <v>1715</v>
      </c>
      <c r="K72" s="1" t="s">
        <v>1334</v>
      </c>
      <c r="L72" s="1" t="s">
        <v>1335</v>
      </c>
    </row>
    <row r="73" spans="1:12" x14ac:dyDescent="0.25">
      <c r="A73" s="1" t="s">
        <v>1716</v>
      </c>
      <c r="B73" s="1" t="s">
        <v>1327</v>
      </c>
      <c r="C73" s="1" t="s">
        <v>1686</v>
      </c>
      <c r="D73" s="1" t="s">
        <v>1368</v>
      </c>
      <c r="E73" s="1" t="s">
        <v>1368</v>
      </c>
      <c r="F73" s="1" t="s">
        <v>1717</v>
      </c>
      <c r="G73" s="1" t="s">
        <v>1718</v>
      </c>
      <c r="H73" s="1" t="s">
        <v>1719</v>
      </c>
      <c r="I73" s="1" t="s">
        <v>1720</v>
      </c>
      <c r="K73" s="1" t="s">
        <v>1334</v>
      </c>
      <c r="L73" s="1" t="s">
        <v>1335</v>
      </c>
    </row>
    <row r="74" spans="1:12" x14ac:dyDescent="0.25">
      <c r="A74" s="1" t="s">
        <v>1721</v>
      </c>
      <c r="B74" s="1" t="s">
        <v>1327</v>
      </c>
      <c r="C74" s="1" t="s">
        <v>1686</v>
      </c>
      <c r="D74" s="1" t="s">
        <v>1374</v>
      </c>
      <c r="E74" s="1" t="s">
        <v>1374</v>
      </c>
      <c r="F74" s="1" t="s">
        <v>1722</v>
      </c>
      <c r="G74" s="1" t="s">
        <v>1723</v>
      </c>
      <c r="H74" s="1" t="s">
        <v>1724</v>
      </c>
      <c r="I74" s="1" t="s">
        <v>1725</v>
      </c>
      <c r="J74" s="14" t="s">
        <v>1726</v>
      </c>
      <c r="K74" s="1" t="s">
        <v>1366</v>
      </c>
      <c r="L74" s="1" t="s">
        <v>1335</v>
      </c>
    </row>
    <row r="75" spans="1:12" x14ac:dyDescent="0.25">
      <c r="A75" s="1" t="s">
        <v>1727</v>
      </c>
      <c r="B75" s="1" t="s">
        <v>1327</v>
      </c>
      <c r="C75" s="1" t="s">
        <v>1686</v>
      </c>
      <c r="D75" s="1" t="s">
        <v>1380</v>
      </c>
      <c r="E75" s="1" t="s">
        <v>1380</v>
      </c>
      <c r="F75" s="1" t="s">
        <v>1728</v>
      </c>
      <c r="G75" s="1" t="s">
        <v>1729</v>
      </c>
      <c r="H75" s="1" t="s">
        <v>1587</v>
      </c>
      <c r="I75" s="1" t="s">
        <v>1730</v>
      </c>
      <c r="K75" s="1" t="s">
        <v>1366</v>
      </c>
      <c r="L75" s="1" t="s">
        <v>1335</v>
      </c>
    </row>
    <row r="76" spans="1:12" x14ac:dyDescent="0.25">
      <c r="A76" s="1" t="s">
        <v>1731</v>
      </c>
      <c r="B76" s="1" t="s">
        <v>1327</v>
      </c>
      <c r="C76" s="1" t="s">
        <v>1686</v>
      </c>
      <c r="D76" s="1" t="s">
        <v>1386</v>
      </c>
      <c r="E76" s="1" t="s">
        <v>1386</v>
      </c>
      <c r="F76" s="1" t="s">
        <v>1732</v>
      </c>
      <c r="G76" s="1" t="s">
        <v>1733</v>
      </c>
      <c r="H76" s="1" t="s">
        <v>1401</v>
      </c>
      <c r="I76" s="1" t="s">
        <v>1734</v>
      </c>
      <c r="K76" s="1" t="s">
        <v>1334</v>
      </c>
      <c r="L76" s="1" t="s">
        <v>1335</v>
      </c>
    </row>
    <row r="77" spans="1:12" x14ac:dyDescent="0.25">
      <c r="A77" s="1" t="s">
        <v>1735</v>
      </c>
      <c r="B77" s="1" t="s">
        <v>1327</v>
      </c>
      <c r="C77" s="1" t="s">
        <v>1686</v>
      </c>
      <c r="D77" s="1" t="s">
        <v>1392</v>
      </c>
      <c r="E77" s="1" t="s">
        <v>1392</v>
      </c>
      <c r="F77" s="1" t="s">
        <v>1736</v>
      </c>
      <c r="G77" s="1" t="s">
        <v>1737</v>
      </c>
      <c r="H77" s="1" t="s">
        <v>1461</v>
      </c>
      <c r="I77" s="1" t="s">
        <v>1738</v>
      </c>
      <c r="K77" s="1" t="s">
        <v>1334</v>
      </c>
      <c r="L77" s="1" t="s">
        <v>1335</v>
      </c>
    </row>
    <row r="78" spans="1:12" x14ac:dyDescent="0.25">
      <c r="A78" s="1" t="s">
        <v>1739</v>
      </c>
      <c r="B78" s="1" t="s">
        <v>1327</v>
      </c>
      <c r="C78" s="1" t="s">
        <v>1686</v>
      </c>
      <c r="D78" s="1" t="s">
        <v>1398</v>
      </c>
      <c r="E78" s="1" t="s">
        <v>1398</v>
      </c>
      <c r="F78" s="1" t="s">
        <v>1740</v>
      </c>
      <c r="G78" s="1" t="s">
        <v>1741</v>
      </c>
      <c r="H78" s="1" t="s">
        <v>1742</v>
      </c>
      <c r="I78" s="1" t="s">
        <v>1743</v>
      </c>
      <c r="K78" s="1" t="s">
        <v>1366</v>
      </c>
      <c r="L78" s="1" t="s">
        <v>1335</v>
      </c>
    </row>
    <row r="79" spans="1:12" x14ac:dyDescent="0.25">
      <c r="A79" s="1" t="s">
        <v>1744</v>
      </c>
      <c r="B79" s="1" t="s">
        <v>1327</v>
      </c>
      <c r="C79" s="1" t="s">
        <v>1686</v>
      </c>
      <c r="D79" s="1" t="s">
        <v>1404</v>
      </c>
      <c r="E79" s="1" t="s">
        <v>1404</v>
      </c>
      <c r="F79" s="1" t="s">
        <v>1745</v>
      </c>
      <c r="G79" s="1" t="s">
        <v>1746</v>
      </c>
      <c r="H79" s="1" t="s">
        <v>1747</v>
      </c>
      <c r="I79" s="1" t="s">
        <v>1748</v>
      </c>
      <c r="K79" s="1" t="s">
        <v>1366</v>
      </c>
      <c r="L79" s="1" t="s">
        <v>1335</v>
      </c>
    </row>
    <row r="80" spans="1:12" x14ac:dyDescent="0.25">
      <c r="A80" s="1" t="s">
        <v>1749</v>
      </c>
      <c r="B80" s="1" t="s">
        <v>1327</v>
      </c>
      <c r="C80" s="1" t="s">
        <v>1686</v>
      </c>
      <c r="D80" s="1" t="s">
        <v>1410</v>
      </c>
      <c r="E80" s="1" t="s">
        <v>1410</v>
      </c>
      <c r="F80" s="1" t="s">
        <v>1750</v>
      </c>
      <c r="G80" s="1" t="s">
        <v>1751</v>
      </c>
      <c r="H80" s="1" t="s">
        <v>1752</v>
      </c>
      <c r="I80" s="1" t="s">
        <v>1753</v>
      </c>
      <c r="K80" s="1" t="s">
        <v>1366</v>
      </c>
      <c r="L80" s="1" t="s">
        <v>1335</v>
      </c>
    </row>
    <row r="81" spans="1:12" x14ac:dyDescent="0.25">
      <c r="A81" s="1" t="s">
        <v>1754</v>
      </c>
      <c r="B81" s="1" t="s">
        <v>1327</v>
      </c>
      <c r="C81" s="1" t="s">
        <v>1686</v>
      </c>
      <c r="D81" s="1" t="s">
        <v>1416</v>
      </c>
      <c r="E81" s="1" t="s">
        <v>1416</v>
      </c>
      <c r="F81" s="1" t="s">
        <v>1755</v>
      </c>
      <c r="G81" s="1" t="s">
        <v>1756</v>
      </c>
      <c r="H81" s="1" t="s">
        <v>1757</v>
      </c>
      <c r="I81" s="1" t="s">
        <v>1758</v>
      </c>
      <c r="K81" s="1" t="s">
        <v>1366</v>
      </c>
      <c r="L81" s="1" t="s">
        <v>1335</v>
      </c>
    </row>
    <row r="82" spans="1:12" x14ac:dyDescent="0.25">
      <c r="A82" s="1" t="s">
        <v>1759</v>
      </c>
      <c r="B82" s="1" t="s">
        <v>1327</v>
      </c>
      <c r="C82" s="1" t="s">
        <v>1686</v>
      </c>
      <c r="D82" s="1" t="s">
        <v>1422</v>
      </c>
      <c r="E82" s="1" t="s">
        <v>1422</v>
      </c>
      <c r="F82" s="1" t="s">
        <v>1760</v>
      </c>
      <c r="G82" s="1" t="s">
        <v>1761</v>
      </c>
      <c r="H82" s="1" t="s">
        <v>1762</v>
      </c>
      <c r="I82" s="1" t="s">
        <v>1763</v>
      </c>
      <c r="K82" s="1" t="s">
        <v>1366</v>
      </c>
      <c r="L82" s="1" t="s">
        <v>1335</v>
      </c>
    </row>
    <row r="83" spans="1:12" x14ac:dyDescent="0.25">
      <c r="A83" s="1" t="s">
        <v>1764</v>
      </c>
      <c r="B83" s="1" t="s">
        <v>1327</v>
      </c>
      <c r="C83" s="1" t="s">
        <v>1686</v>
      </c>
      <c r="D83" s="1" t="s">
        <v>1428</v>
      </c>
      <c r="E83" s="1" t="s">
        <v>1428</v>
      </c>
      <c r="F83" s="1" t="s">
        <v>1765</v>
      </c>
      <c r="G83" s="1" t="s">
        <v>1766</v>
      </c>
      <c r="H83" s="1" t="s">
        <v>1767</v>
      </c>
      <c r="I83" s="1" t="s">
        <v>1768</v>
      </c>
      <c r="K83" s="1" t="s">
        <v>1366</v>
      </c>
      <c r="L83" s="1" t="s">
        <v>1335</v>
      </c>
    </row>
    <row r="84" spans="1:12" x14ac:dyDescent="0.25">
      <c r="A84" s="1" t="s">
        <v>1769</v>
      </c>
      <c r="B84" s="1" t="s">
        <v>1327</v>
      </c>
      <c r="C84" s="1" t="s">
        <v>1686</v>
      </c>
      <c r="D84" s="1" t="s">
        <v>1434</v>
      </c>
      <c r="E84" s="1" t="s">
        <v>1434</v>
      </c>
      <c r="F84" s="1" t="s">
        <v>1770</v>
      </c>
      <c r="G84" s="1" t="s">
        <v>1771</v>
      </c>
      <c r="H84" s="1" t="s">
        <v>1772</v>
      </c>
      <c r="I84" s="1" t="s">
        <v>1773</v>
      </c>
      <c r="K84" s="1" t="s">
        <v>1366</v>
      </c>
      <c r="L84" s="1" t="s">
        <v>1335</v>
      </c>
    </row>
    <row r="85" spans="1:12" x14ac:dyDescent="0.25">
      <c r="A85" s="1" t="s">
        <v>1774</v>
      </c>
      <c r="B85" s="1" t="s">
        <v>1327</v>
      </c>
      <c r="C85" s="1" t="s">
        <v>1686</v>
      </c>
      <c r="D85" s="1" t="s">
        <v>1440</v>
      </c>
      <c r="E85" s="1" t="s">
        <v>1440</v>
      </c>
      <c r="F85" s="1" t="s">
        <v>1775</v>
      </c>
      <c r="G85" s="1" t="s">
        <v>1776</v>
      </c>
      <c r="H85" s="1" t="s">
        <v>1777</v>
      </c>
      <c r="I85" s="1" t="s">
        <v>1778</v>
      </c>
      <c r="K85" s="1" t="s">
        <v>1334</v>
      </c>
      <c r="L85" s="1" t="s">
        <v>1335</v>
      </c>
    </row>
    <row r="86" spans="1:12" x14ac:dyDescent="0.25">
      <c r="A86" s="1" t="s">
        <v>1779</v>
      </c>
      <c r="B86" s="1" t="s">
        <v>1327</v>
      </c>
      <c r="C86" s="1" t="s">
        <v>1686</v>
      </c>
      <c r="D86" s="1" t="s">
        <v>1446</v>
      </c>
      <c r="E86" s="1" t="s">
        <v>1446</v>
      </c>
      <c r="F86" s="15" t="s">
        <v>1780</v>
      </c>
      <c r="G86" s="1" t="s">
        <v>1781</v>
      </c>
      <c r="H86" s="1" t="s">
        <v>1782</v>
      </c>
      <c r="I86" s="1" t="s">
        <v>1783</v>
      </c>
      <c r="K86" s="1" t="s">
        <v>1334</v>
      </c>
      <c r="L86" s="1" t="s">
        <v>1335</v>
      </c>
    </row>
    <row r="87" spans="1:12" x14ac:dyDescent="0.25">
      <c r="A87" s="1" t="s">
        <v>1784</v>
      </c>
      <c r="B87" s="1" t="s">
        <v>1327</v>
      </c>
      <c r="C87" s="1" t="s">
        <v>1686</v>
      </c>
      <c r="D87" s="1" t="s">
        <v>1452</v>
      </c>
      <c r="E87" s="1" t="s">
        <v>1452</v>
      </c>
      <c r="F87" s="1" t="s">
        <v>1785</v>
      </c>
      <c r="G87" s="1" t="s">
        <v>1786</v>
      </c>
      <c r="H87" s="1" t="s">
        <v>1787</v>
      </c>
      <c r="I87" s="1" t="s">
        <v>1788</v>
      </c>
      <c r="K87" s="1" t="s">
        <v>1366</v>
      </c>
      <c r="L87" s="1" t="s">
        <v>1335</v>
      </c>
    </row>
    <row r="88" spans="1:12" x14ac:dyDescent="0.25">
      <c r="A88" s="1" t="s">
        <v>1789</v>
      </c>
      <c r="B88" s="1" t="s">
        <v>1327</v>
      </c>
      <c r="C88" s="1" t="s">
        <v>1686</v>
      </c>
      <c r="D88" s="1" t="s">
        <v>1458</v>
      </c>
      <c r="E88" s="1" t="s">
        <v>1458</v>
      </c>
      <c r="F88" s="1" t="s">
        <v>1790</v>
      </c>
      <c r="G88" s="1" t="s">
        <v>1791</v>
      </c>
      <c r="H88" s="1" t="s">
        <v>1792</v>
      </c>
      <c r="I88" s="1" t="s">
        <v>1793</v>
      </c>
      <c r="K88" s="1" t="s">
        <v>1366</v>
      </c>
      <c r="L88" s="1" t="s">
        <v>1335</v>
      </c>
    </row>
    <row r="89" spans="1:12" x14ac:dyDescent="0.25">
      <c r="A89" s="1" t="s">
        <v>1794</v>
      </c>
      <c r="B89" s="1" t="s">
        <v>1327</v>
      </c>
      <c r="C89" s="1" t="s">
        <v>1686</v>
      </c>
      <c r="D89" s="1" t="s">
        <v>1464</v>
      </c>
      <c r="E89" s="1" t="s">
        <v>1464</v>
      </c>
      <c r="F89" s="1" t="s">
        <v>1795</v>
      </c>
      <c r="G89" s="1" t="s">
        <v>1796</v>
      </c>
      <c r="H89" s="1" t="s">
        <v>1797</v>
      </c>
      <c r="I89" s="1" t="s">
        <v>1798</v>
      </c>
      <c r="K89" s="1" t="s">
        <v>1334</v>
      </c>
      <c r="L89" s="1" t="s">
        <v>1335</v>
      </c>
    </row>
    <row r="90" spans="1:12" x14ac:dyDescent="0.25">
      <c r="A90" s="1" t="s">
        <v>303</v>
      </c>
      <c r="B90" s="1" t="s">
        <v>1327</v>
      </c>
      <c r="C90" s="1" t="s">
        <v>1686</v>
      </c>
      <c r="D90" s="1" t="s">
        <v>1470</v>
      </c>
      <c r="E90" s="1" t="s">
        <v>1470</v>
      </c>
      <c r="F90" s="1" t="s">
        <v>1799</v>
      </c>
      <c r="G90" s="1" t="s">
        <v>1800</v>
      </c>
      <c r="H90" s="1" t="s">
        <v>1801</v>
      </c>
      <c r="I90" s="1" t="s">
        <v>1802</v>
      </c>
      <c r="K90" s="1" t="s">
        <v>1366</v>
      </c>
      <c r="L90" s="1" t="s">
        <v>1335</v>
      </c>
    </row>
    <row r="91" spans="1:12" x14ac:dyDescent="0.25">
      <c r="A91" s="1" t="s">
        <v>1803</v>
      </c>
      <c r="B91" s="1" t="s">
        <v>1327</v>
      </c>
      <c r="C91" s="1" t="s">
        <v>1686</v>
      </c>
      <c r="D91" s="1" t="s">
        <v>1476</v>
      </c>
      <c r="E91" s="1" t="s">
        <v>1476</v>
      </c>
      <c r="F91" s="1" t="s">
        <v>1804</v>
      </c>
      <c r="G91" s="1" t="s">
        <v>1805</v>
      </c>
      <c r="H91" s="1" t="s">
        <v>1806</v>
      </c>
      <c r="I91" s="1" t="s">
        <v>1807</v>
      </c>
      <c r="K91" s="1" t="s">
        <v>1366</v>
      </c>
      <c r="L91" s="1" t="s">
        <v>1335</v>
      </c>
    </row>
    <row r="92" spans="1:12" x14ac:dyDescent="0.25">
      <c r="A92" s="1" t="s">
        <v>1808</v>
      </c>
      <c r="B92" s="1" t="s">
        <v>1327</v>
      </c>
      <c r="C92" s="1" t="s">
        <v>1686</v>
      </c>
      <c r="D92" s="1" t="s">
        <v>1482</v>
      </c>
      <c r="E92" s="1" t="s">
        <v>1482</v>
      </c>
      <c r="F92" s="1" t="s">
        <v>1809</v>
      </c>
      <c r="G92" s="1" t="s">
        <v>1810</v>
      </c>
      <c r="H92" s="1" t="s">
        <v>1811</v>
      </c>
      <c r="I92" s="1" t="s">
        <v>1812</v>
      </c>
      <c r="K92" s="1" t="s">
        <v>1334</v>
      </c>
      <c r="L92" s="1" t="s">
        <v>1335</v>
      </c>
    </row>
    <row r="93" spans="1:12" x14ac:dyDescent="0.25">
      <c r="A93" s="1" t="s">
        <v>1813</v>
      </c>
      <c r="B93" s="1" t="s">
        <v>1327</v>
      </c>
      <c r="C93" s="1" t="s">
        <v>1686</v>
      </c>
      <c r="D93" s="1" t="s">
        <v>1488</v>
      </c>
      <c r="E93" s="1" t="s">
        <v>1488</v>
      </c>
      <c r="F93" s="1" t="s">
        <v>1814</v>
      </c>
      <c r="G93" s="1" t="s">
        <v>1815</v>
      </c>
      <c r="H93" s="1" t="s">
        <v>1806</v>
      </c>
      <c r="I93" s="1" t="s">
        <v>1816</v>
      </c>
      <c r="K93" s="1" t="s">
        <v>1334</v>
      </c>
      <c r="L93" s="1" t="s">
        <v>1335</v>
      </c>
    </row>
    <row r="94" spans="1:12" x14ac:dyDescent="0.25">
      <c r="A94" s="1" t="s">
        <v>1817</v>
      </c>
      <c r="B94" s="1" t="s">
        <v>1327</v>
      </c>
      <c r="C94" s="1" t="s">
        <v>1686</v>
      </c>
      <c r="D94" s="1" t="s">
        <v>1494</v>
      </c>
      <c r="E94" s="1" t="s">
        <v>1494</v>
      </c>
      <c r="F94" s="1" t="s">
        <v>1818</v>
      </c>
      <c r="G94" s="1" t="s">
        <v>1819</v>
      </c>
      <c r="H94" s="1" t="s">
        <v>1820</v>
      </c>
      <c r="I94" s="1" t="s">
        <v>1821</v>
      </c>
      <c r="K94" s="1" t="s">
        <v>1366</v>
      </c>
      <c r="L94" s="1" t="s">
        <v>1335</v>
      </c>
    </row>
    <row r="95" spans="1:12" x14ac:dyDescent="0.25">
      <c r="A95" s="1" t="s">
        <v>1822</v>
      </c>
      <c r="B95" s="1" t="s">
        <v>1327</v>
      </c>
      <c r="C95" s="1" t="s">
        <v>1686</v>
      </c>
      <c r="D95" s="1" t="s">
        <v>1500</v>
      </c>
      <c r="E95" s="1" t="s">
        <v>1500</v>
      </c>
      <c r="F95" s="1" t="s">
        <v>1823</v>
      </c>
      <c r="G95" s="1" t="s">
        <v>1824</v>
      </c>
      <c r="H95" s="1" t="s">
        <v>1825</v>
      </c>
      <c r="I95" s="1" t="s">
        <v>1826</v>
      </c>
      <c r="K95" s="1" t="s">
        <v>1366</v>
      </c>
      <c r="L95" s="1" t="s">
        <v>1335</v>
      </c>
    </row>
    <row r="96" spans="1:12" x14ac:dyDescent="0.25">
      <c r="A96" s="1" t="s">
        <v>1827</v>
      </c>
      <c r="B96" s="1" t="s">
        <v>1327</v>
      </c>
      <c r="C96" s="1" t="s">
        <v>1686</v>
      </c>
      <c r="D96" s="1" t="s">
        <v>1506</v>
      </c>
      <c r="E96" s="1" t="s">
        <v>1506</v>
      </c>
      <c r="F96" s="1" t="s">
        <v>1828</v>
      </c>
      <c r="G96" s="1" t="s">
        <v>1829</v>
      </c>
      <c r="H96" s="1" t="s">
        <v>1830</v>
      </c>
      <c r="I96" s="1" t="s">
        <v>1831</v>
      </c>
      <c r="K96" s="1" t="s">
        <v>1334</v>
      </c>
      <c r="L96" s="1" t="s">
        <v>1335</v>
      </c>
    </row>
    <row r="97" spans="1:12" x14ac:dyDescent="0.25">
      <c r="A97" s="1" t="s">
        <v>1832</v>
      </c>
      <c r="B97" s="1" t="s">
        <v>1327</v>
      </c>
      <c r="C97" s="1" t="s">
        <v>1686</v>
      </c>
      <c r="D97" s="1" t="s">
        <v>1512</v>
      </c>
      <c r="E97" s="1" t="s">
        <v>1512</v>
      </c>
      <c r="F97" s="1" t="s">
        <v>1833</v>
      </c>
      <c r="G97" s="1" t="s">
        <v>1834</v>
      </c>
      <c r="H97" s="1" t="s">
        <v>1835</v>
      </c>
      <c r="I97" s="1" t="s">
        <v>1836</v>
      </c>
      <c r="K97" s="1" t="s">
        <v>1366</v>
      </c>
      <c r="L97" s="1" t="s">
        <v>1335</v>
      </c>
    </row>
    <row r="98" spans="1:12" x14ac:dyDescent="0.25">
      <c r="A98" s="1" t="s">
        <v>1837</v>
      </c>
      <c r="B98" s="1" t="s">
        <v>1327</v>
      </c>
      <c r="C98" s="1" t="s">
        <v>1686</v>
      </c>
      <c r="D98" s="1" t="s">
        <v>1517</v>
      </c>
      <c r="E98" s="1" t="s">
        <v>1517</v>
      </c>
      <c r="F98" s="1" t="s">
        <v>1838</v>
      </c>
      <c r="G98" s="1" t="s">
        <v>1839</v>
      </c>
      <c r="H98" s="1" t="s">
        <v>1840</v>
      </c>
      <c r="I98" s="1" t="s">
        <v>1841</v>
      </c>
      <c r="K98" s="1" t="s">
        <v>1334</v>
      </c>
      <c r="L98" s="1" t="s">
        <v>1335</v>
      </c>
    </row>
    <row r="99" spans="1:12" x14ac:dyDescent="0.25">
      <c r="A99" s="1" t="s">
        <v>1842</v>
      </c>
      <c r="B99" s="1" t="s">
        <v>1327</v>
      </c>
      <c r="C99" s="1" t="s">
        <v>1843</v>
      </c>
      <c r="D99" s="1" t="s">
        <v>1329</v>
      </c>
      <c r="E99" s="1" t="s">
        <v>1329</v>
      </c>
      <c r="F99" s="1" t="s">
        <v>1844</v>
      </c>
      <c r="G99" s="1" t="s">
        <v>1845</v>
      </c>
      <c r="H99" s="1" t="s">
        <v>1846</v>
      </c>
      <c r="I99" s="1" t="s">
        <v>1847</v>
      </c>
      <c r="K99" s="1" t="s">
        <v>1334</v>
      </c>
      <c r="L99" s="1" t="s">
        <v>1335</v>
      </c>
    </row>
    <row r="100" spans="1:12" x14ac:dyDescent="0.25">
      <c r="A100" s="1" t="s">
        <v>1848</v>
      </c>
      <c r="B100" s="1" t="s">
        <v>1327</v>
      </c>
      <c r="C100" s="1" t="s">
        <v>1843</v>
      </c>
      <c r="D100" s="1" t="s">
        <v>1337</v>
      </c>
      <c r="E100" s="1" t="s">
        <v>1337</v>
      </c>
      <c r="F100" s="1" t="s">
        <v>1849</v>
      </c>
      <c r="G100" s="1" t="s">
        <v>1850</v>
      </c>
      <c r="H100" s="1" t="s">
        <v>1851</v>
      </c>
      <c r="I100" s="1" t="s">
        <v>1852</v>
      </c>
      <c r="K100" s="1" t="s">
        <v>1334</v>
      </c>
      <c r="L100" s="1" t="s">
        <v>1335</v>
      </c>
    </row>
    <row r="101" spans="1:12" x14ac:dyDescent="0.25">
      <c r="A101" s="1" t="s">
        <v>1853</v>
      </c>
      <c r="B101" s="1" t="s">
        <v>1327</v>
      </c>
      <c r="C101" s="1" t="s">
        <v>1843</v>
      </c>
      <c r="D101" s="1" t="s">
        <v>1343</v>
      </c>
      <c r="E101" s="1" t="s">
        <v>1343</v>
      </c>
      <c r="F101" s="1" t="s">
        <v>1854</v>
      </c>
      <c r="G101" s="1" t="s">
        <v>1855</v>
      </c>
      <c r="H101" s="1" t="s">
        <v>1856</v>
      </c>
      <c r="I101" s="1" t="s">
        <v>1857</v>
      </c>
      <c r="K101" s="1" t="s">
        <v>1334</v>
      </c>
      <c r="L101" s="1" t="s">
        <v>1335</v>
      </c>
    </row>
    <row r="102" spans="1:12" x14ac:dyDescent="0.25">
      <c r="A102" s="1" t="s">
        <v>1858</v>
      </c>
      <c r="B102" s="1" t="s">
        <v>1327</v>
      </c>
      <c r="C102" s="1" t="s">
        <v>1843</v>
      </c>
      <c r="D102" s="1" t="s">
        <v>1349</v>
      </c>
      <c r="E102" s="1" t="s">
        <v>1349</v>
      </c>
      <c r="F102" s="1" t="s">
        <v>1859</v>
      </c>
      <c r="G102" s="1" t="s">
        <v>1860</v>
      </c>
      <c r="H102" s="1" t="s">
        <v>1431</v>
      </c>
      <c r="I102" s="1" t="s">
        <v>1861</v>
      </c>
      <c r="K102" s="1" t="s">
        <v>1366</v>
      </c>
      <c r="L102" s="1" t="s">
        <v>1335</v>
      </c>
    </row>
    <row r="103" spans="1:12" x14ac:dyDescent="0.25">
      <c r="A103" s="1" t="s">
        <v>1862</v>
      </c>
      <c r="B103" s="1" t="s">
        <v>1327</v>
      </c>
      <c r="C103" s="1" t="s">
        <v>1843</v>
      </c>
      <c r="D103" s="1" t="s">
        <v>1355</v>
      </c>
      <c r="E103" s="1" t="s">
        <v>1355</v>
      </c>
      <c r="F103" s="1" t="s">
        <v>1863</v>
      </c>
      <c r="G103" s="1" t="s">
        <v>1864</v>
      </c>
      <c r="H103" s="1" t="s">
        <v>1401</v>
      </c>
      <c r="I103" s="1" t="s">
        <v>1865</v>
      </c>
      <c r="K103" s="1" t="s">
        <v>1334</v>
      </c>
      <c r="L103" s="1" t="s">
        <v>1335</v>
      </c>
    </row>
    <row r="104" spans="1:12" x14ac:dyDescent="0.25">
      <c r="A104" s="1" t="s">
        <v>1866</v>
      </c>
      <c r="B104" s="1" t="s">
        <v>1327</v>
      </c>
      <c r="C104" s="1" t="s">
        <v>1843</v>
      </c>
      <c r="D104" s="1" t="s">
        <v>1361</v>
      </c>
      <c r="E104" s="1" t="s">
        <v>1361</v>
      </c>
      <c r="F104" s="1" t="s">
        <v>1867</v>
      </c>
      <c r="G104" s="1" t="s">
        <v>1868</v>
      </c>
      <c r="H104" s="1" t="s">
        <v>1869</v>
      </c>
      <c r="I104" s="1" t="s">
        <v>1870</v>
      </c>
      <c r="K104" s="1" t="s">
        <v>1366</v>
      </c>
      <c r="L104" s="1" t="s">
        <v>1335</v>
      </c>
    </row>
    <row r="105" spans="1:12" x14ac:dyDescent="0.25">
      <c r="A105" s="1" t="s">
        <v>1871</v>
      </c>
      <c r="B105" s="1" t="s">
        <v>1327</v>
      </c>
      <c r="C105" s="1" t="s">
        <v>1843</v>
      </c>
      <c r="D105" s="1" t="s">
        <v>1368</v>
      </c>
      <c r="E105" s="1" t="s">
        <v>1368</v>
      </c>
      <c r="F105" s="1" t="s">
        <v>1872</v>
      </c>
      <c r="G105" s="1" t="s">
        <v>1873</v>
      </c>
      <c r="H105" s="1" t="s">
        <v>1874</v>
      </c>
      <c r="I105" s="1" t="s">
        <v>1875</v>
      </c>
      <c r="K105" s="1" t="s">
        <v>1366</v>
      </c>
      <c r="L105" s="1" t="s">
        <v>1335</v>
      </c>
    </row>
    <row r="106" spans="1:12" x14ac:dyDescent="0.25">
      <c r="A106" s="1" t="s">
        <v>1876</v>
      </c>
      <c r="B106" s="1" t="s">
        <v>1327</v>
      </c>
      <c r="C106" s="1" t="s">
        <v>1843</v>
      </c>
      <c r="D106" s="1" t="s">
        <v>1374</v>
      </c>
      <c r="E106" s="1" t="s">
        <v>1374</v>
      </c>
      <c r="F106" s="1" t="s">
        <v>1877</v>
      </c>
      <c r="G106" s="1" t="s">
        <v>1878</v>
      </c>
      <c r="H106" s="1" t="s">
        <v>1846</v>
      </c>
      <c r="I106" s="1" t="s">
        <v>1879</v>
      </c>
      <c r="K106" s="1" t="s">
        <v>1366</v>
      </c>
      <c r="L106" s="1" t="s">
        <v>1335</v>
      </c>
    </row>
    <row r="107" spans="1:12" x14ac:dyDescent="0.25">
      <c r="A107" s="1" t="s">
        <v>1880</v>
      </c>
      <c r="B107" s="1" t="s">
        <v>1327</v>
      </c>
      <c r="C107" s="1" t="s">
        <v>1843</v>
      </c>
      <c r="D107" s="1" t="s">
        <v>1380</v>
      </c>
      <c r="E107" s="1" t="s">
        <v>1380</v>
      </c>
      <c r="F107" s="1" t="s">
        <v>1881</v>
      </c>
      <c r="G107" s="1" t="s">
        <v>1882</v>
      </c>
      <c r="H107" s="1" t="s">
        <v>1883</v>
      </c>
      <c r="I107" s="1" t="s">
        <v>1884</v>
      </c>
      <c r="K107" s="1" t="s">
        <v>1366</v>
      </c>
      <c r="L107" s="1" t="s">
        <v>1335</v>
      </c>
    </row>
    <row r="108" spans="1:12" x14ac:dyDescent="0.25">
      <c r="A108" s="1" t="s">
        <v>1885</v>
      </c>
      <c r="B108" s="1" t="s">
        <v>1327</v>
      </c>
      <c r="C108" s="1" t="s">
        <v>1843</v>
      </c>
      <c r="D108" s="1" t="s">
        <v>1386</v>
      </c>
      <c r="E108" s="1" t="s">
        <v>1386</v>
      </c>
      <c r="F108" s="1" t="s">
        <v>1886</v>
      </c>
      <c r="G108" s="1" t="s">
        <v>1887</v>
      </c>
      <c r="H108" s="1" t="s">
        <v>1888</v>
      </c>
      <c r="I108" s="1" t="s">
        <v>1889</v>
      </c>
      <c r="K108" s="1" t="s">
        <v>1334</v>
      </c>
      <c r="L108" s="1" t="s">
        <v>1335</v>
      </c>
    </row>
    <row r="109" spans="1:12" x14ac:dyDescent="0.25">
      <c r="A109" s="1" t="s">
        <v>1890</v>
      </c>
      <c r="B109" s="1" t="s">
        <v>1327</v>
      </c>
      <c r="C109" s="1" t="s">
        <v>1843</v>
      </c>
      <c r="D109" s="1" t="s">
        <v>1392</v>
      </c>
      <c r="E109" s="1" t="s">
        <v>1392</v>
      </c>
      <c r="F109" s="1" t="s">
        <v>1891</v>
      </c>
      <c r="G109" s="1" t="s">
        <v>1892</v>
      </c>
      <c r="H109" s="1" t="s">
        <v>1644</v>
      </c>
      <c r="I109" s="1" t="s">
        <v>1893</v>
      </c>
      <c r="K109" s="1" t="s">
        <v>1366</v>
      </c>
      <c r="L109" s="1" t="s">
        <v>1335</v>
      </c>
    </row>
    <row r="110" spans="1:12" x14ac:dyDescent="0.25">
      <c r="A110" s="1" t="s">
        <v>1894</v>
      </c>
      <c r="B110" s="1" t="s">
        <v>1327</v>
      </c>
      <c r="C110" s="1" t="s">
        <v>1843</v>
      </c>
      <c r="D110" s="1" t="s">
        <v>1398</v>
      </c>
      <c r="E110" s="1" t="s">
        <v>1398</v>
      </c>
      <c r="F110" s="1" t="s">
        <v>1895</v>
      </c>
      <c r="G110" s="1" t="s">
        <v>1896</v>
      </c>
      <c r="H110" s="1" t="s">
        <v>1897</v>
      </c>
      <c r="I110" s="1" t="s">
        <v>1898</v>
      </c>
      <c r="K110" s="1" t="s">
        <v>1334</v>
      </c>
      <c r="L110" s="1" t="s">
        <v>1335</v>
      </c>
    </row>
    <row r="111" spans="1:12" x14ac:dyDescent="0.25">
      <c r="A111" s="1" t="s">
        <v>1899</v>
      </c>
      <c r="B111" s="1" t="s">
        <v>1327</v>
      </c>
      <c r="C111" s="1" t="s">
        <v>1843</v>
      </c>
      <c r="D111" s="1" t="s">
        <v>1404</v>
      </c>
      <c r="E111" s="1" t="s">
        <v>1404</v>
      </c>
      <c r="F111" s="1" t="s">
        <v>1900</v>
      </c>
      <c r="G111" s="1" t="s">
        <v>1901</v>
      </c>
      <c r="H111" s="1" t="s">
        <v>1902</v>
      </c>
      <c r="I111" s="1" t="s">
        <v>1903</v>
      </c>
      <c r="K111" s="1" t="s">
        <v>1334</v>
      </c>
      <c r="L111" s="1" t="s">
        <v>1335</v>
      </c>
    </row>
    <row r="112" spans="1:12" x14ac:dyDescent="0.25">
      <c r="A112" s="1" t="s">
        <v>1904</v>
      </c>
      <c r="B112" s="1" t="s">
        <v>1327</v>
      </c>
      <c r="C112" s="1" t="s">
        <v>1843</v>
      </c>
      <c r="D112" s="1" t="s">
        <v>1410</v>
      </c>
      <c r="E112" s="1" t="s">
        <v>1410</v>
      </c>
      <c r="F112" s="1" t="s">
        <v>1905</v>
      </c>
      <c r="G112" s="1" t="s">
        <v>1906</v>
      </c>
      <c r="H112" s="1" t="s">
        <v>1782</v>
      </c>
      <c r="I112" s="1" t="s">
        <v>1907</v>
      </c>
      <c r="K112" s="1" t="s">
        <v>1334</v>
      </c>
      <c r="L112" s="1" t="s">
        <v>1335</v>
      </c>
    </row>
    <row r="113" spans="1:12" x14ac:dyDescent="0.25">
      <c r="A113" s="1" t="s">
        <v>1908</v>
      </c>
      <c r="B113" s="1" t="s">
        <v>1327</v>
      </c>
      <c r="C113" s="1" t="s">
        <v>1843</v>
      </c>
      <c r="D113" s="1" t="s">
        <v>1416</v>
      </c>
      <c r="E113" s="1" t="s">
        <v>1416</v>
      </c>
      <c r="F113" s="1" t="s">
        <v>1909</v>
      </c>
      <c r="G113" s="1" t="s">
        <v>1910</v>
      </c>
      <c r="H113" s="1" t="s">
        <v>1911</v>
      </c>
      <c r="I113" s="1" t="s">
        <v>1912</v>
      </c>
      <c r="K113" s="1" t="s">
        <v>1366</v>
      </c>
      <c r="L113" s="1" t="s">
        <v>1335</v>
      </c>
    </row>
    <row r="114" spans="1:12" x14ac:dyDescent="0.25">
      <c r="A114" s="1" t="s">
        <v>1913</v>
      </c>
      <c r="B114" s="1" t="s">
        <v>1327</v>
      </c>
      <c r="C114" s="1" t="s">
        <v>1843</v>
      </c>
      <c r="D114" s="1" t="s">
        <v>1422</v>
      </c>
      <c r="E114" s="1" t="s">
        <v>1422</v>
      </c>
      <c r="F114" s="1" t="s">
        <v>1914</v>
      </c>
      <c r="G114" s="1" t="s">
        <v>1915</v>
      </c>
      <c r="H114" s="1" t="s">
        <v>1777</v>
      </c>
      <c r="I114" s="1" t="s">
        <v>1916</v>
      </c>
      <c r="K114" s="1" t="s">
        <v>1366</v>
      </c>
      <c r="L114" s="1" t="s">
        <v>1335</v>
      </c>
    </row>
    <row r="115" spans="1:12" x14ac:dyDescent="0.25">
      <c r="A115" s="1" t="s">
        <v>1917</v>
      </c>
      <c r="B115" s="1" t="s">
        <v>1327</v>
      </c>
      <c r="C115" s="1" t="s">
        <v>1843</v>
      </c>
      <c r="D115" s="1" t="s">
        <v>1428</v>
      </c>
      <c r="E115" s="1" t="s">
        <v>1428</v>
      </c>
      <c r="F115" s="1" t="s">
        <v>1918</v>
      </c>
      <c r="G115" s="1" t="s">
        <v>1919</v>
      </c>
      <c r="H115" s="1" t="s">
        <v>1920</v>
      </c>
      <c r="I115" s="1" t="s">
        <v>1921</v>
      </c>
      <c r="K115" s="1" t="s">
        <v>1334</v>
      </c>
      <c r="L115" s="1" t="s">
        <v>1335</v>
      </c>
    </row>
    <row r="116" spans="1:12" x14ac:dyDescent="0.25">
      <c r="A116" s="1" t="s">
        <v>1922</v>
      </c>
      <c r="B116" s="1" t="s">
        <v>1327</v>
      </c>
      <c r="C116" s="1" t="s">
        <v>1843</v>
      </c>
      <c r="D116" s="1" t="s">
        <v>1434</v>
      </c>
      <c r="E116" s="1" t="s">
        <v>1434</v>
      </c>
      <c r="F116" s="1" t="s">
        <v>1923</v>
      </c>
      <c r="G116" s="1" t="s">
        <v>1924</v>
      </c>
      <c r="H116" s="1" t="s">
        <v>1925</v>
      </c>
      <c r="I116" s="1" t="s">
        <v>1926</v>
      </c>
      <c r="K116" s="1" t="s">
        <v>1334</v>
      </c>
      <c r="L116" s="1" t="s">
        <v>1335</v>
      </c>
    </row>
    <row r="117" spans="1:12" x14ac:dyDescent="0.25">
      <c r="A117" s="1" t="s">
        <v>1927</v>
      </c>
      <c r="B117" s="1" t="s">
        <v>1327</v>
      </c>
      <c r="C117" s="1" t="s">
        <v>1843</v>
      </c>
      <c r="D117" s="1" t="s">
        <v>1440</v>
      </c>
      <c r="E117" s="1" t="s">
        <v>1440</v>
      </c>
      <c r="F117" s="1" t="s">
        <v>1928</v>
      </c>
      <c r="G117" s="1" t="s">
        <v>1929</v>
      </c>
      <c r="H117" s="1" t="s">
        <v>1582</v>
      </c>
      <c r="I117" s="1" t="s">
        <v>1930</v>
      </c>
      <c r="K117" s="1" t="s">
        <v>1366</v>
      </c>
      <c r="L117" s="1" t="s">
        <v>1335</v>
      </c>
    </row>
    <row r="118" spans="1:12" x14ac:dyDescent="0.25">
      <c r="A118" s="1" t="s">
        <v>1931</v>
      </c>
      <c r="B118" s="1" t="s">
        <v>1327</v>
      </c>
      <c r="C118" s="1" t="s">
        <v>1843</v>
      </c>
      <c r="D118" s="1" t="s">
        <v>1446</v>
      </c>
      <c r="E118" s="1" t="s">
        <v>1446</v>
      </c>
      <c r="F118" s="1" t="s">
        <v>1932</v>
      </c>
      <c r="G118" s="1" t="s">
        <v>1933</v>
      </c>
      <c r="H118" s="1" t="s">
        <v>1934</v>
      </c>
      <c r="I118" s="1" t="s">
        <v>1935</v>
      </c>
      <c r="K118" s="1" t="s">
        <v>1334</v>
      </c>
      <c r="L118" s="1" t="s">
        <v>1335</v>
      </c>
    </row>
    <row r="119" spans="1:12" x14ac:dyDescent="0.25">
      <c r="A119" s="1" t="s">
        <v>1936</v>
      </c>
      <c r="B119" s="1" t="s">
        <v>1327</v>
      </c>
      <c r="C119" s="1" t="s">
        <v>1843</v>
      </c>
      <c r="D119" s="1" t="s">
        <v>1452</v>
      </c>
      <c r="E119" s="1" t="s">
        <v>1452</v>
      </c>
      <c r="F119" s="1" t="s">
        <v>1937</v>
      </c>
      <c r="G119" s="1" t="s">
        <v>1938</v>
      </c>
      <c r="H119" s="1" t="s">
        <v>1939</v>
      </c>
      <c r="I119" s="1" t="s">
        <v>1940</v>
      </c>
      <c r="K119" s="1" t="s">
        <v>1334</v>
      </c>
      <c r="L119" s="1" t="s">
        <v>1335</v>
      </c>
    </row>
    <row r="120" spans="1:12" x14ac:dyDescent="0.25">
      <c r="A120" s="1" t="s">
        <v>1941</v>
      </c>
      <c r="B120" s="1" t="s">
        <v>1327</v>
      </c>
      <c r="C120" s="1" t="s">
        <v>1843</v>
      </c>
      <c r="D120" s="1" t="s">
        <v>1458</v>
      </c>
      <c r="E120" s="1" t="s">
        <v>1458</v>
      </c>
      <c r="F120" s="1" t="s">
        <v>1942</v>
      </c>
      <c r="G120" s="1" t="s">
        <v>1943</v>
      </c>
      <c r="H120" s="1" t="s">
        <v>1944</v>
      </c>
      <c r="I120" s="1" t="s">
        <v>1945</v>
      </c>
      <c r="K120" s="1" t="s">
        <v>1334</v>
      </c>
      <c r="L120" s="1" t="s">
        <v>1335</v>
      </c>
    </row>
    <row r="121" spans="1:12" x14ac:dyDescent="0.25">
      <c r="A121" s="1" t="s">
        <v>1946</v>
      </c>
      <c r="B121" s="1" t="s">
        <v>1327</v>
      </c>
      <c r="C121" s="1" t="s">
        <v>1843</v>
      </c>
      <c r="D121" s="1" t="s">
        <v>1464</v>
      </c>
      <c r="E121" s="1" t="s">
        <v>1464</v>
      </c>
      <c r="F121" s="1" t="s">
        <v>1947</v>
      </c>
      <c r="G121" s="1" t="s">
        <v>1948</v>
      </c>
      <c r="H121" s="1" t="s">
        <v>1949</v>
      </c>
      <c r="I121" s="1" t="s">
        <v>1950</v>
      </c>
      <c r="K121" s="1" t="s">
        <v>1334</v>
      </c>
      <c r="L121" s="1" t="s">
        <v>1335</v>
      </c>
    </row>
    <row r="122" spans="1:12" x14ac:dyDescent="0.25">
      <c r="A122" s="1" t="s">
        <v>1951</v>
      </c>
      <c r="B122" s="1" t="s">
        <v>1327</v>
      </c>
      <c r="C122" s="1" t="s">
        <v>1843</v>
      </c>
      <c r="D122" s="1" t="s">
        <v>1470</v>
      </c>
      <c r="E122" s="1" t="s">
        <v>1470</v>
      </c>
      <c r="F122" s="1" t="s">
        <v>1952</v>
      </c>
      <c r="G122" s="1" t="s">
        <v>1953</v>
      </c>
      <c r="H122" s="1" t="s">
        <v>1954</v>
      </c>
      <c r="I122" s="1" t="s">
        <v>1955</v>
      </c>
      <c r="K122" s="1" t="s">
        <v>1366</v>
      </c>
      <c r="L122" s="1" t="s">
        <v>1335</v>
      </c>
    </row>
    <row r="123" spans="1:12" x14ac:dyDescent="0.25">
      <c r="A123" s="1" t="s">
        <v>1956</v>
      </c>
      <c r="B123" s="1" t="s">
        <v>1327</v>
      </c>
      <c r="C123" s="1" t="s">
        <v>1843</v>
      </c>
      <c r="D123" s="1" t="s">
        <v>1476</v>
      </c>
      <c r="E123" s="1" t="s">
        <v>1476</v>
      </c>
      <c r="F123" s="1" t="s">
        <v>1957</v>
      </c>
      <c r="G123" s="1" t="s">
        <v>1958</v>
      </c>
      <c r="H123" s="1" t="s">
        <v>1959</v>
      </c>
      <c r="I123" s="1" t="s">
        <v>1960</v>
      </c>
      <c r="K123" s="1" t="s">
        <v>1334</v>
      </c>
      <c r="L123" s="1" t="s">
        <v>1335</v>
      </c>
    </row>
    <row r="124" spans="1:12" x14ac:dyDescent="0.25">
      <c r="A124" s="1" t="s">
        <v>1961</v>
      </c>
      <c r="B124" s="1" t="s">
        <v>1327</v>
      </c>
      <c r="C124" s="1" t="s">
        <v>1843</v>
      </c>
      <c r="D124" s="1" t="s">
        <v>1482</v>
      </c>
      <c r="E124" s="1" t="s">
        <v>1482</v>
      </c>
      <c r="F124" s="1" t="s">
        <v>1962</v>
      </c>
      <c r="G124" s="1" t="s">
        <v>1963</v>
      </c>
      <c r="H124" s="1" t="s">
        <v>1964</v>
      </c>
      <c r="I124" s="1" t="s">
        <v>1965</v>
      </c>
      <c r="K124" s="1" t="s">
        <v>1366</v>
      </c>
      <c r="L124" s="1" t="s">
        <v>1335</v>
      </c>
    </row>
    <row r="125" spans="1:12" x14ac:dyDescent="0.25">
      <c r="A125" s="1" t="s">
        <v>1966</v>
      </c>
      <c r="B125" s="1" t="s">
        <v>1327</v>
      </c>
      <c r="C125" s="1" t="s">
        <v>1843</v>
      </c>
      <c r="D125" s="1" t="s">
        <v>1488</v>
      </c>
      <c r="E125" s="1" t="s">
        <v>1488</v>
      </c>
      <c r="F125" s="1" t="s">
        <v>1967</v>
      </c>
      <c r="G125" s="1" t="s">
        <v>1968</v>
      </c>
      <c r="H125" s="1" t="s">
        <v>1969</v>
      </c>
      <c r="I125" s="1" t="s">
        <v>1970</v>
      </c>
      <c r="K125" s="1" t="s">
        <v>1366</v>
      </c>
      <c r="L125" s="1" t="s">
        <v>1335</v>
      </c>
    </row>
    <row r="126" spans="1:12" x14ac:dyDescent="0.25">
      <c r="A126" s="1" t="s">
        <v>1971</v>
      </c>
      <c r="B126" s="1" t="s">
        <v>1327</v>
      </c>
      <c r="C126" s="1" t="s">
        <v>1843</v>
      </c>
      <c r="D126" s="1" t="s">
        <v>1494</v>
      </c>
      <c r="E126" s="1" t="s">
        <v>1494</v>
      </c>
      <c r="F126" s="1" t="s">
        <v>1972</v>
      </c>
      <c r="G126" s="1" t="s">
        <v>1973</v>
      </c>
      <c r="H126" s="1" t="s">
        <v>1974</v>
      </c>
      <c r="I126" s="1" t="s">
        <v>1975</v>
      </c>
      <c r="K126" s="1" t="s">
        <v>1366</v>
      </c>
      <c r="L126" s="1" t="s">
        <v>1335</v>
      </c>
    </row>
    <row r="127" spans="1:12" x14ac:dyDescent="0.25">
      <c r="A127" s="1" t="s">
        <v>1976</v>
      </c>
      <c r="B127" s="1" t="s">
        <v>1327</v>
      </c>
      <c r="C127" s="1" t="s">
        <v>1843</v>
      </c>
      <c r="D127" s="1" t="s">
        <v>1500</v>
      </c>
      <c r="E127" s="1" t="s">
        <v>1500</v>
      </c>
      <c r="F127" s="1" t="s">
        <v>1977</v>
      </c>
      <c r="G127" s="1" t="s">
        <v>1978</v>
      </c>
      <c r="H127" s="1" t="s">
        <v>1979</v>
      </c>
      <c r="I127" s="1" t="s">
        <v>1980</v>
      </c>
      <c r="K127" s="1" t="s">
        <v>1334</v>
      </c>
      <c r="L127" s="1" t="s">
        <v>1335</v>
      </c>
    </row>
    <row r="128" spans="1:12" x14ac:dyDescent="0.25">
      <c r="A128" s="1" t="s">
        <v>1981</v>
      </c>
      <c r="B128" s="1" t="s">
        <v>1327</v>
      </c>
      <c r="C128" s="1" t="s">
        <v>1843</v>
      </c>
      <c r="D128" s="1" t="s">
        <v>1506</v>
      </c>
      <c r="E128" s="1" t="s">
        <v>1506</v>
      </c>
      <c r="F128" s="1" t="s">
        <v>1982</v>
      </c>
      <c r="G128" s="1" t="s">
        <v>1983</v>
      </c>
      <c r="H128" s="1" t="s">
        <v>1984</v>
      </c>
      <c r="I128" s="1" t="s">
        <v>1985</v>
      </c>
      <c r="K128" s="1" t="s">
        <v>1366</v>
      </c>
      <c r="L128" s="1" t="s">
        <v>1335</v>
      </c>
    </row>
    <row r="129" spans="1:12" x14ac:dyDescent="0.25">
      <c r="A129" s="1" t="s">
        <v>1986</v>
      </c>
      <c r="B129" s="1" t="s">
        <v>1327</v>
      </c>
      <c r="C129" s="1" t="s">
        <v>1843</v>
      </c>
      <c r="D129" s="1" t="s">
        <v>1512</v>
      </c>
      <c r="E129" s="1" t="s">
        <v>1512</v>
      </c>
      <c r="F129" s="1" t="s">
        <v>1987</v>
      </c>
      <c r="G129" s="1" t="s">
        <v>1988</v>
      </c>
      <c r="H129" s="1" t="s">
        <v>1989</v>
      </c>
      <c r="I129" s="1" t="s">
        <v>1990</v>
      </c>
      <c r="K129" s="1" t="s">
        <v>1366</v>
      </c>
      <c r="L129" s="1" t="s">
        <v>1335</v>
      </c>
    </row>
    <row r="130" spans="1:12" x14ac:dyDescent="0.25">
      <c r="A130" s="1" t="s">
        <v>1991</v>
      </c>
      <c r="B130" s="1" t="s">
        <v>1327</v>
      </c>
      <c r="C130" s="1" t="s">
        <v>1843</v>
      </c>
      <c r="D130" s="1" t="s">
        <v>1517</v>
      </c>
      <c r="E130" s="1" t="s">
        <v>1517</v>
      </c>
      <c r="F130" s="1" t="s">
        <v>1992</v>
      </c>
      <c r="G130" s="1" t="s">
        <v>1993</v>
      </c>
      <c r="H130" s="1" t="s">
        <v>1994</v>
      </c>
      <c r="I130" s="1" t="s">
        <v>1995</v>
      </c>
      <c r="K130" s="1" t="s">
        <v>1334</v>
      </c>
      <c r="L130" s="1" t="s">
        <v>1335</v>
      </c>
    </row>
    <row r="131" spans="1:12" x14ac:dyDescent="0.25">
      <c r="A131" s="1" t="s">
        <v>1996</v>
      </c>
      <c r="B131" s="1" t="s">
        <v>1327</v>
      </c>
      <c r="C131" s="1" t="s">
        <v>1843</v>
      </c>
      <c r="D131" s="1" t="s">
        <v>1523</v>
      </c>
      <c r="E131" s="1" t="s">
        <v>1523</v>
      </c>
      <c r="F131" s="1" t="s">
        <v>1997</v>
      </c>
      <c r="G131" s="1" t="s">
        <v>1998</v>
      </c>
      <c r="H131" s="1" t="s">
        <v>1999</v>
      </c>
      <c r="I131" s="1" t="s">
        <v>2000</v>
      </c>
      <c r="K131" s="1" t="s">
        <v>1366</v>
      </c>
      <c r="L131" s="1" t="s">
        <v>1335</v>
      </c>
    </row>
    <row r="132" spans="1:12" x14ac:dyDescent="0.25">
      <c r="A132" s="1" t="s">
        <v>2001</v>
      </c>
      <c r="B132" s="1" t="s">
        <v>1327</v>
      </c>
      <c r="C132" s="1" t="s">
        <v>2002</v>
      </c>
      <c r="D132" s="1" t="s">
        <v>1329</v>
      </c>
      <c r="E132" s="1" t="s">
        <v>1329</v>
      </c>
      <c r="F132" s="1" t="s">
        <v>2003</v>
      </c>
      <c r="G132" s="1" t="s">
        <v>2004</v>
      </c>
      <c r="H132" s="1" t="s">
        <v>2005</v>
      </c>
      <c r="I132" s="1" t="s">
        <v>2006</v>
      </c>
      <c r="K132" s="1" t="s">
        <v>1334</v>
      </c>
      <c r="L132" s="1" t="s">
        <v>1335</v>
      </c>
    </row>
    <row r="133" spans="1:12" x14ac:dyDescent="0.25">
      <c r="A133" s="1" t="s">
        <v>2007</v>
      </c>
      <c r="B133" s="1" t="s">
        <v>1327</v>
      </c>
      <c r="C133" s="1" t="s">
        <v>2002</v>
      </c>
      <c r="D133" s="1" t="s">
        <v>1337</v>
      </c>
      <c r="E133" s="1" t="s">
        <v>1337</v>
      </c>
      <c r="F133" s="1" t="s">
        <v>2008</v>
      </c>
      <c r="G133" s="1" t="s">
        <v>2009</v>
      </c>
      <c r="H133" s="1" t="s">
        <v>2010</v>
      </c>
      <c r="I133" s="1" t="s">
        <v>2011</v>
      </c>
      <c r="K133" s="1" t="s">
        <v>1334</v>
      </c>
      <c r="L133" s="1" t="s">
        <v>1335</v>
      </c>
    </row>
    <row r="134" spans="1:12" x14ac:dyDescent="0.25">
      <c r="A134" s="1" t="s">
        <v>2012</v>
      </c>
      <c r="B134" s="1" t="s">
        <v>1327</v>
      </c>
      <c r="C134" s="1" t="s">
        <v>2002</v>
      </c>
      <c r="D134" s="1" t="s">
        <v>1343</v>
      </c>
      <c r="E134" s="1" t="s">
        <v>1343</v>
      </c>
      <c r="F134" s="1" t="s">
        <v>2013</v>
      </c>
      <c r="G134" s="1" t="s">
        <v>2014</v>
      </c>
      <c r="H134" s="1" t="s">
        <v>2015</v>
      </c>
      <c r="I134" s="1" t="s">
        <v>2016</v>
      </c>
      <c r="K134" s="1" t="s">
        <v>1366</v>
      </c>
      <c r="L134" s="1" t="s">
        <v>1335</v>
      </c>
    </row>
    <row r="135" spans="1:12" x14ac:dyDescent="0.25">
      <c r="A135" s="1" t="s">
        <v>2017</v>
      </c>
      <c r="B135" s="1" t="s">
        <v>1327</v>
      </c>
      <c r="C135" s="1" t="s">
        <v>2002</v>
      </c>
      <c r="D135" s="1" t="s">
        <v>1349</v>
      </c>
      <c r="E135" s="1" t="s">
        <v>1349</v>
      </c>
      <c r="F135" s="1" t="s">
        <v>2018</v>
      </c>
      <c r="G135" s="1" t="s">
        <v>2019</v>
      </c>
      <c r="H135" s="1" t="s">
        <v>2020</v>
      </c>
      <c r="I135" s="1" t="s">
        <v>2021</v>
      </c>
      <c r="K135" s="1" t="s">
        <v>1334</v>
      </c>
      <c r="L135" s="1" t="s">
        <v>1335</v>
      </c>
    </row>
    <row r="136" spans="1:12" x14ac:dyDescent="0.25">
      <c r="A136" s="1" t="s">
        <v>2022</v>
      </c>
      <c r="B136" s="1" t="s">
        <v>1327</v>
      </c>
      <c r="C136" s="1" t="s">
        <v>2002</v>
      </c>
      <c r="D136" s="1" t="s">
        <v>1355</v>
      </c>
      <c r="E136" s="1" t="s">
        <v>1355</v>
      </c>
      <c r="F136" s="1" t="s">
        <v>2023</v>
      </c>
      <c r="G136" s="1" t="s">
        <v>2024</v>
      </c>
      <c r="H136" s="1" t="s">
        <v>2025</v>
      </c>
      <c r="I136" s="1" t="s">
        <v>2026</v>
      </c>
      <c r="K136" s="1" t="s">
        <v>1366</v>
      </c>
      <c r="L136" s="1" t="s">
        <v>1335</v>
      </c>
    </row>
    <row r="137" spans="1:12" x14ac:dyDescent="0.25">
      <c r="A137" s="1" t="s">
        <v>2027</v>
      </c>
      <c r="B137" s="1" t="s">
        <v>1327</v>
      </c>
      <c r="C137" s="1" t="s">
        <v>2002</v>
      </c>
      <c r="D137" s="1" t="s">
        <v>1361</v>
      </c>
      <c r="E137" s="1" t="s">
        <v>1361</v>
      </c>
      <c r="F137" s="1" t="s">
        <v>2028</v>
      </c>
      <c r="G137" s="1" t="s">
        <v>2029</v>
      </c>
      <c r="H137" s="1" t="s">
        <v>2030</v>
      </c>
      <c r="I137" s="1" t="s">
        <v>2031</v>
      </c>
      <c r="K137" s="1" t="s">
        <v>1366</v>
      </c>
      <c r="L137" s="1" t="s">
        <v>1335</v>
      </c>
    </row>
    <row r="138" spans="1:12" x14ac:dyDescent="0.25">
      <c r="A138" s="1" t="s">
        <v>2032</v>
      </c>
      <c r="B138" s="1" t="s">
        <v>1327</v>
      </c>
      <c r="C138" s="1" t="s">
        <v>2002</v>
      </c>
      <c r="D138" s="1" t="s">
        <v>1368</v>
      </c>
      <c r="E138" s="1" t="s">
        <v>1368</v>
      </c>
      <c r="F138" s="1" t="s">
        <v>2033</v>
      </c>
      <c r="G138" s="1" t="s">
        <v>2034</v>
      </c>
      <c r="H138" s="1" t="s">
        <v>2035</v>
      </c>
      <c r="I138" s="1" t="s">
        <v>2036</v>
      </c>
      <c r="K138" s="1" t="s">
        <v>1366</v>
      </c>
      <c r="L138" s="1" t="s">
        <v>1335</v>
      </c>
    </row>
    <row r="139" spans="1:12" x14ac:dyDescent="0.25">
      <c r="A139" s="1" t="s">
        <v>2037</v>
      </c>
      <c r="B139" s="1" t="s">
        <v>1327</v>
      </c>
      <c r="C139" s="1" t="s">
        <v>2002</v>
      </c>
      <c r="D139" s="1" t="s">
        <v>1374</v>
      </c>
      <c r="E139" s="1" t="s">
        <v>1374</v>
      </c>
      <c r="F139" s="1" t="s">
        <v>2038</v>
      </c>
      <c r="G139" s="1" t="s">
        <v>2039</v>
      </c>
      <c r="H139" s="1" t="s">
        <v>2040</v>
      </c>
      <c r="I139" s="1" t="s">
        <v>2041</v>
      </c>
      <c r="K139" s="1" t="s">
        <v>1366</v>
      </c>
      <c r="L139" s="1" t="s">
        <v>1335</v>
      </c>
    </row>
    <row r="140" spans="1:12" x14ac:dyDescent="0.25">
      <c r="A140" s="1" t="s">
        <v>2042</v>
      </c>
      <c r="B140" s="1" t="s">
        <v>1327</v>
      </c>
      <c r="C140" s="1" t="s">
        <v>2002</v>
      </c>
      <c r="D140" s="1" t="s">
        <v>1380</v>
      </c>
      <c r="E140" s="1" t="s">
        <v>1380</v>
      </c>
      <c r="F140" s="1" t="s">
        <v>2043</v>
      </c>
      <c r="G140" s="1" t="s">
        <v>2044</v>
      </c>
      <c r="H140" s="1" t="s">
        <v>2045</v>
      </c>
      <c r="I140" s="1" t="s">
        <v>2046</v>
      </c>
      <c r="K140" s="1" t="s">
        <v>1366</v>
      </c>
      <c r="L140" s="1" t="s">
        <v>1335</v>
      </c>
    </row>
    <row r="141" spans="1:12" x14ac:dyDescent="0.25">
      <c r="A141" s="1" t="s">
        <v>2047</v>
      </c>
      <c r="B141" s="1" t="s">
        <v>1327</v>
      </c>
      <c r="C141" s="1" t="s">
        <v>2002</v>
      </c>
      <c r="D141" s="1" t="s">
        <v>1386</v>
      </c>
      <c r="E141" s="1" t="s">
        <v>1386</v>
      </c>
      <c r="F141" s="1" t="s">
        <v>2048</v>
      </c>
      <c r="G141" s="1" t="s">
        <v>2049</v>
      </c>
      <c r="H141" s="1" t="s">
        <v>2050</v>
      </c>
      <c r="I141" s="1" t="s">
        <v>2051</v>
      </c>
      <c r="K141" s="1" t="s">
        <v>1334</v>
      </c>
      <c r="L141" s="1" t="s">
        <v>1335</v>
      </c>
    </row>
    <row r="142" spans="1:12" x14ac:dyDescent="0.25">
      <c r="A142" s="1" t="s">
        <v>2052</v>
      </c>
      <c r="B142" s="1" t="s">
        <v>1327</v>
      </c>
      <c r="C142" s="1" t="s">
        <v>2002</v>
      </c>
      <c r="D142" s="1" t="s">
        <v>1392</v>
      </c>
      <c r="E142" s="1" t="s">
        <v>1392</v>
      </c>
      <c r="F142" s="1" t="s">
        <v>2053</v>
      </c>
      <c r="G142" s="1" t="s">
        <v>2054</v>
      </c>
      <c r="H142" s="1" t="s">
        <v>2055</v>
      </c>
      <c r="I142" s="1" t="s">
        <v>2056</v>
      </c>
      <c r="K142" s="1" t="s">
        <v>1334</v>
      </c>
      <c r="L142" s="1" t="s">
        <v>1335</v>
      </c>
    </row>
    <row r="143" spans="1:12" x14ac:dyDescent="0.25">
      <c r="A143" s="1" t="s">
        <v>2057</v>
      </c>
      <c r="B143" s="1" t="s">
        <v>1327</v>
      </c>
      <c r="C143" s="1" t="s">
        <v>2002</v>
      </c>
      <c r="D143" s="1" t="s">
        <v>1398</v>
      </c>
      <c r="E143" s="1" t="s">
        <v>1398</v>
      </c>
      <c r="F143" s="1" t="s">
        <v>2058</v>
      </c>
      <c r="G143" s="1" t="s">
        <v>2059</v>
      </c>
      <c r="H143" s="1" t="s">
        <v>2060</v>
      </c>
      <c r="I143" s="1" t="s">
        <v>2061</v>
      </c>
      <c r="K143" s="1" t="s">
        <v>1366</v>
      </c>
      <c r="L143" s="1" t="s">
        <v>1335</v>
      </c>
    </row>
    <row r="144" spans="1:12" x14ac:dyDescent="0.25">
      <c r="A144" s="1" t="s">
        <v>2062</v>
      </c>
      <c r="B144" s="1" t="s">
        <v>1327</v>
      </c>
      <c r="C144" s="1" t="s">
        <v>2002</v>
      </c>
      <c r="D144" s="1" t="s">
        <v>1404</v>
      </c>
      <c r="E144" s="1" t="s">
        <v>1404</v>
      </c>
      <c r="F144" s="1" t="s">
        <v>2063</v>
      </c>
      <c r="G144" s="1" t="s">
        <v>2064</v>
      </c>
      <c r="H144" s="1" t="s">
        <v>2065</v>
      </c>
      <c r="I144" s="1" t="s">
        <v>2066</v>
      </c>
      <c r="K144" s="1" t="s">
        <v>1334</v>
      </c>
      <c r="L144" s="1" t="s">
        <v>1335</v>
      </c>
    </row>
    <row r="145" spans="1:12" x14ac:dyDescent="0.25">
      <c r="A145" s="1" t="s">
        <v>2067</v>
      </c>
      <c r="B145" s="1" t="s">
        <v>1327</v>
      </c>
      <c r="C145" s="1" t="s">
        <v>2002</v>
      </c>
      <c r="D145" s="1" t="s">
        <v>1410</v>
      </c>
      <c r="E145" s="1" t="s">
        <v>1410</v>
      </c>
      <c r="F145" s="1" t="s">
        <v>2068</v>
      </c>
      <c r="G145" s="1" t="s">
        <v>2069</v>
      </c>
      <c r="H145" s="1" t="s">
        <v>1607</v>
      </c>
      <c r="I145" s="1" t="s">
        <v>2070</v>
      </c>
      <c r="K145" s="1" t="s">
        <v>1334</v>
      </c>
      <c r="L145" s="1" t="s">
        <v>1335</v>
      </c>
    </row>
    <row r="146" spans="1:12" x14ac:dyDescent="0.25">
      <c r="A146" s="1" t="s">
        <v>2071</v>
      </c>
      <c r="B146" s="1" t="s">
        <v>1327</v>
      </c>
      <c r="C146" s="1" t="s">
        <v>2002</v>
      </c>
      <c r="D146" s="1" t="s">
        <v>1416</v>
      </c>
      <c r="E146" s="1" t="s">
        <v>1416</v>
      </c>
      <c r="F146" s="1" t="s">
        <v>2072</v>
      </c>
      <c r="G146" s="1" t="s">
        <v>2073</v>
      </c>
      <c r="H146" s="1" t="s">
        <v>2074</v>
      </c>
      <c r="I146" s="1" t="s">
        <v>2075</v>
      </c>
      <c r="K146" s="1" t="s">
        <v>1334</v>
      </c>
      <c r="L146" s="1" t="s">
        <v>1335</v>
      </c>
    </row>
    <row r="147" spans="1:12" x14ac:dyDescent="0.25">
      <c r="A147" s="1" t="s">
        <v>2076</v>
      </c>
      <c r="B147" s="1" t="s">
        <v>1327</v>
      </c>
      <c r="C147" s="1" t="s">
        <v>2002</v>
      </c>
      <c r="D147" s="1" t="s">
        <v>1422</v>
      </c>
      <c r="E147" s="1" t="s">
        <v>1422</v>
      </c>
      <c r="F147" s="1" t="s">
        <v>2077</v>
      </c>
      <c r="G147" s="1" t="s">
        <v>2078</v>
      </c>
      <c r="H147" s="1" t="s">
        <v>1407</v>
      </c>
      <c r="I147" s="1" t="s">
        <v>2079</v>
      </c>
      <c r="K147" s="1" t="s">
        <v>1366</v>
      </c>
      <c r="L147" s="1" t="s">
        <v>1335</v>
      </c>
    </row>
    <row r="148" spans="1:12" x14ac:dyDescent="0.25">
      <c r="A148" s="1" t="s">
        <v>2080</v>
      </c>
      <c r="B148" s="1" t="s">
        <v>1327</v>
      </c>
      <c r="C148" s="1" t="s">
        <v>2002</v>
      </c>
      <c r="D148" s="1" t="s">
        <v>1428</v>
      </c>
      <c r="E148" s="1" t="s">
        <v>1428</v>
      </c>
      <c r="F148" s="1" t="s">
        <v>2081</v>
      </c>
      <c r="G148" s="1" t="s">
        <v>2082</v>
      </c>
      <c r="H148" s="1" t="s">
        <v>2083</v>
      </c>
      <c r="I148" s="1" t="s">
        <v>2084</v>
      </c>
      <c r="K148" s="1" t="s">
        <v>1366</v>
      </c>
      <c r="L148" s="1" t="s">
        <v>1335</v>
      </c>
    </row>
    <row r="149" spans="1:12" x14ac:dyDescent="0.25">
      <c r="A149" s="1" t="s">
        <v>2085</v>
      </c>
      <c r="B149" s="1" t="s">
        <v>1327</v>
      </c>
      <c r="C149" s="1" t="s">
        <v>2002</v>
      </c>
      <c r="D149" s="1" t="s">
        <v>1434</v>
      </c>
      <c r="E149" s="1" t="s">
        <v>1434</v>
      </c>
      <c r="F149" s="1" t="s">
        <v>2086</v>
      </c>
      <c r="G149" s="1" t="s">
        <v>2087</v>
      </c>
      <c r="H149" s="1" t="s">
        <v>1617</v>
      </c>
      <c r="I149" s="1" t="s">
        <v>2088</v>
      </c>
      <c r="K149" s="1" t="s">
        <v>1334</v>
      </c>
      <c r="L149" s="1" t="s">
        <v>1335</v>
      </c>
    </row>
    <row r="150" spans="1:12" x14ac:dyDescent="0.25">
      <c r="A150" s="1" t="s">
        <v>2089</v>
      </c>
      <c r="B150" s="1" t="s">
        <v>1327</v>
      </c>
      <c r="C150" s="1" t="s">
        <v>2002</v>
      </c>
      <c r="D150" s="1" t="s">
        <v>1440</v>
      </c>
      <c r="E150" s="1" t="s">
        <v>1440</v>
      </c>
      <c r="F150" s="1" t="s">
        <v>2090</v>
      </c>
      <c r="G150" s="1" t="s">
        <v>2091</v>
      </c>
      <c r="H150" s="1" t="s">
        <v>2092</v>
      </c>
      <c r="I150" s="1" t="s">
        <v>2093</v>
      </c>
      <c r="K150" s="1" t="s">
        <v>1366</v>
      </c>
      <c r="L150" s="1" t="s">
        <v>1335</v>
      </c>
    </row>
    <row r="151" spans="1:12" x14ac:dyDescent="0.25">
      <c r="A151" s="1" t="s">
        <v>2094</v>
      </c>
      <c r="B151" s="1" t="s">
        <v>1327</v>
      </c>
      <c r="C151" s="1" t="s">
        <v>2002</v>
      </c>
      <c r="D151" s="1" t="s">
        <v>1446</v>
      </c>
      <c r="E151" s="1" t="s">
        <v>1446</v>
      </c>
      <c r="F151" s="1" t="s">
        <v>2095</v>
      </c>
      <c r="G151" s="1" t="s">
        <v>2096</v>
      </c>
      <c r="H151" s="1" t="s">
        <v>2097</v>
      </c>
      <c r="I151" s="1" t="s">
        <v>2098</v>
      </c>
      <c r="K151" s="1" t="s">
        <v>1334</v>
      </c>
      <c r="L151" s="1" t="s">
        <v>1335</v>
      </c>
    </row>
    <row r="152" spans="1:12" x14ac:dyDescent="0.25">
      <c r="A152" s="1" t="s">
        <v>2099</v>
      </c>
      <c r="B152" s="1" t="s">
        <v>1327</v>
      </c>
      <c r="C152" s="1" t="s">
        <v>2002</v>
      </c>
      <c r="D152" s="1" t="s">
        <v>1452</v>
      </c>
      <c r="E152" s="1" t="s">
        <v>1452</v>
      </c>
      <c r="F152" s="1" t="s">
        <v>2100</v>
      </c>
      <c r="G152" s="1" t="s">
        <v>2101</v>
      </c>
      <c r="H152" s="1" t="s">
        <v>2102</v>
      </c>
      <c r="I152" s="1" t="s">
        <v>2103</v>
      </c>
      <c r="K152" s="1" t="s">
        <v>1334</v>
      </c>
      <c r="L152" s="1" t="s">
        <v>1335</v>
      </c>
    </row>
    <row r="153" spans="1:12" x14ac:dyDescent="0.25">
      <c r="A153" s="1" t="s">
        <v>2104</v>
      </c>
      <c r="B153" s="1" t="s">
        <v>1327</v>
      </c>
      <c r="C153" s="1" t="s">
        <v>2002</v>
      </c>
      <c r="D153" s="1" t="s">
        <v>1458</v>
      </c>
      <c r="E153" s="1" t="s">
        <v>1458</v>
      </c>
      <c r="F153" s="1" t="s">
        <v>2105</v>
      </c>
      <c r="G153" s="1" t="s">
        <v>2106</v>
      </c>
      <c r="H153" s="1" t="s">
        <v>1639</v>
      </c>
      <c r="I153" s="1" t="s">
        <v>2107</v>
      </c>
      <c r="K153" s="1" t="s">
        <v>1334</v>
      </c>
      <c r="L153" s="1" t="s">
        <v>1335</v>
      </c>
    </row>
    <row r="154" spans="1:12" x14ac:dyDescent="0.25">
      <c r="A154" s="1" t="s">
        <v>2108</v>
      </c>
      <c r="B154" s="1" t="s">
        <v>1327</v>
      </c>
      <c r="C154" s="1" t="s">
        <v>2002</v>
      </c>
      <c r="D154" s="1" t="s">
        <v>1464</v>
      </c>
      <c r="E154" s="1" t="s">
        <v>1464</v>
      </c>
      <c r="F154" s="1" t="s">
        <v>2109</v>
      </c>
      <c r="G154" s="1" t="s">
        <v>2110</v>
      </c>
      <c r="H154" s="1" t="s">
        <v>1851</v>
      </c>
      <c r="I154" s="1" t="s">
        <v>2111</v>
      </c>
      <c r="K154" s="1" t="s">
        <v>1334</v>
      </c>
      <c r="L154" s="1" t="s">
        <v>1335</v>
      </c>
    </row>
    <row r="155" spans="1:12" x14ac:dyDescent="0.25">
      <c r="A155" s="1" t="s">
        <v>2112</v>
      </c>
      <c r="B155" s="1" t="s">
        <v>1327</v>
      </c>
      <c r="C155" s="1" t="s">
        <v>2002</v>
      </c>
      <c r="D155" s="1" t="s">
        <v>1470</v>
      </c>
      <c r="E155" s="1" t="s">
        <v>1470</v>
      </c>
      <c r="F155" s="1" t="s">
        <v>2113</v>
      </c>
      <c r="G155" s="1" t="s">
        <v>2114</v>
      </c>
      <c r="H155" s="1" t="s">
        <v>2115</v>
      </c>
      <c r="I155" s="1" t="s">
        <v>2116</v>
      </c>
      <c r="K155" s="1" t="s">
        <v>1366</v>
      </c>
      <c r="L155" s="1" t="s">
        <v>1335</v>
      </c>
    </row>
    <row r="156" spans="1:12" x14ac:dyDescent="0.25">
      <c r="A156" s="1" t="s">
        <v>2117</v>
      </c>
      <c r="B156" s="1" t="s">
        <v>1327</v>
      </c>
      <c r="C156" s="1" t="s">
        <v>2002</v>
      </c>
      <c r="D156" s="1" t="s">
        <v>1476</v>
      </c>
      <c r="E156" s="1" t="s">
        <v>1476</v>
      </c>
      <c r="F156" s="1" t="s">
        <v>2118</v>
      </c>
      <c r="G156" s="1" t="s">
        <v>2119</v>
      </c>
      <c r="H156" s="1" t="s">
        <v>2120</v>
      </c>
      <c r="I156" s="1" t="s">
        <v>2121</v>
      </c>
      <c r="K156" s="1" t="s">
        <v>1334</v>
      </c>
      <c r="L156" s="1" t="s">
        <v>1335</v>
      </c>
    </row>
    <row r="157" spans="1:12" x14ac:dyDescent="0.25">
      <c r="A157" s="1" t="s">
        <v>2122</v>
      </c>
      <c r="B157" s="1" t="s">
        <v>1327</v>
      </c>
      <c r="C157" s="1" t="s">
        <v>2002</v>
      </c>
      <c r="D157" s="1" t="s">
        <v>1482</v>
      </c>
      <c r="E157" s="1" t="s">
        <v>1482</v>
      </c>
      <c r="F157" s="1" t="s">
        <v>2123</v>
      </c>
      <c r="G157" s="1" t="s">
        <v>2124</v>
      </c>
      <c r="H157" s="1" t="s">
        <v>2125</v>
      </c>
      <c r="I157" s="1" t="s">
        <v>2126</v>
      </c>
      <c r="K157" s="1" t="s">
        <v>1334</v>
      </c>
      <c r="L157" s="1" t="s">
        <v>1335</v>
      </c>
    </row>
    <row r="158" spans="1:12" x14ac:dyDescent="0.25">
      <c r="A158" s="1" t="s">
        <v>2127</v>
      </c>
      <c r="B158" s="1" t="s">
        <v>1327</v>
      </c>
      <c r="C158" s="1" t="s">
        <v>2002</v>
      </c>
      <c r="D158" s="1" t="s">
        <v>1488</v>
      </c>
      <c r="E158" s="1" t="s">
        <v>1488</v>
      </c>
      <c r="F158" s="1" t="s">
        <v>2128</v>
      </c>
      <c r="G158" s="1" t="s">
        <v>2129</v>
      </c>
      <c r="H158" s="1" t="s">
        <v>2130</v>
      </c>
      <c r="I158" s="1" t="s">
        <v>2131</v>
      </c>
      <c r="K158" s="1" t="s">
        <v>1334</v>
      </c>
      <c r="L158" s="1" t="s">
        <v>1335</v>
      </c>
    </row>
    <row r="159" spans="1:12" x14ac:dyDescent="0.25">
      <c r="A159" s="1" t="s">
        <v>2132</v>
      </c>
      <c r="B159" s="1" t="s">
        <v>1327</v>
      </c>
      <c r="C159" s="1" t="s">
        <v>2002</v>
      </c>
      <c r="D159" s="1" t="s">
        <v>1494</v>
      </c>
      <c r="E159" s="1" t="s">
        <v>1494</v>
      </c>
      <c r="F159" s="1" t="s">
        <v>2133</v>
      </c>
      <c r="G159" s="1" t="s">
        <v>2134</v>
      </c>
      <c r="H159" s="1" t="s">
        <v>1752</v>
      </c>
      <c r="I159" s="1" t="s">
        <v>2135</v>
      </c>
      <c r="K159" s="1" t="s">
        <v>1366</v>
      </c>
      <c r="L159" s="1" t="s">
        <v>1335</v>
      </c>
    </row>
    <row r="160" spans="1:12" x14ac:dyDescent="0.25">
      <c r="A160" s="1" t="s">
        <v>2136</v>
      </c>
      <c r="B160" s="1" t="s">
        <v>1327</v>
      </c>
      <c r="C160" s="1" t="s">
        <v>2002</v>
      </c>
      <c r="D160" s="1" t="s">
        <v>1500</v>
      </c>
      <c r="E160" s="1" t="s">
        <v>1500</v>
      </c>
      <c r="F160" s="1" t="s">
        <v>2137</v>
      </c>
      <c r="G160" s="1" t="s">
        <v>2138</v>
      </c>
      <c r="H160" s="1" t="s">
        <v>2139</v>
      </c>
      <c r="I160" s="1" t="s">
        <v>2140</v>
      </c>
      <c r="K160" s="1" t="s">
        <v>1366</v>
      </c>
      <c r="L160" s="1" t="s">
        <v>1335</v>
      </c>
    </row>
    <row r="161" spans="1:12" x14ac:dyDescent="0.25">
      <c r="A161" s="1" t="s">
        <v>2141</v>
      </c>
      <c r="B161" s="1" t="s">
        <v>1327</v>
      </c>
      <c r="C161" s="1" t="s">
        <v>2002</v>
      </c>
      <c r="D161" s="1" t="s">
        <v>1506</v>
      </c>
      <c r="E161" s="1" t="s">
        <v>1506</v>
      </c>
      <c r="F161" s="1" t="s">
        <v>2142</v>
      </c>
      <c r="G161" s="1" t="s">
        <v>2143</v>
      </c>
      <c r="H161" s="1" t="s">
        <v>1395</v>
      </c>
      <c r="I161" s="1" t="s">
        <v>2144</v>
      </c>
      <c r="K161" s="1" t="s">
        <v>1334</v>
      </c>
      <c r="L161" s="1" t="s">
        <v>1335</v>
      </c>
    </row>
    <row r="162" spans="1:12" x14ac:dyDescent="0.25">
      <c r="A162" s="1" t="s">
        <v>2145</v>
      </c>
      <c r="B162" s="1" t="s">
        <v>1327</v>
      </c>
      <c r="C162" s="1" t="s">
        <v>2002</v>
      </c>
      <c r="D162" s="1" t="s">
        <v>1512</v>
      </c>
      <c r="E162" s="1" t="s">
        <v>1512</v>
      </c>
      <c r="F162" s="1" t="s">
        <v>2146</v>
      </c>
      <c r="G162" s="1" t="s">
        <v>2147</v>
      </c>
      <c r="H162" s="1" t="s">
        <v>2148</v>
      </c>
      <c r="I162" s="1" t="s">
        <v>2149</v>
      </c>
      <c r="K162" s="1" t="s">
        <v>1366</v>
      </c>
      <c r="L162" s="1" t="s">
        <v>1335</v>
      </c>
    </row>
    <row r="163" spans="1:12" x14ac:dyDescent="0.25">
      <c r="A163" s="1" t="s">
        <v>2150</v>
      </c>
      <c r="B163" s="1" t="s">
        <v>1327</v>
      </c>
      <c r="C163" s="1" t="s">
        <v>2002</v>
      </c>
      <c r="D163" s="1" t="s">
        <v>1517</v>
      </c>
      <c r="E163" s="1" t="s">
        <v>1517</v>
      </c>
      <c r="F163" s="1" t="s">
        <v>2151</v>
      </c>
      <c r="G163" s="1" t="s">
        <v>2152</v>
      </c>
      <c r="H163" s="1" t="s">
        <v>2153</v>
      </c>
      <c r="I163" s="1" t="s">
        <v>2154</v>
      </c>
      <c r="K163" s="1" t="s">
        <v>1334</v>
      </c>
      <c r="L163" s="1" t="s">
        <v>1335</v>
      </c>
    </row>
    <row r="164" spans="1:12" x14ac:dyDescent="0.25">
      <c r="A164" s="1" t="s">
        <v>2155</v>
      </c>
      <c r="B164" s="1" t="s">
        <v>1327</v>
      </c>
      <c r="C164" s="1" t="s">
        <v>2002</v>
      </c>
      <c r="D164" s="1" t="s">
        <v>1523</v>
      </c>
      <c r="E164" s="1" t="s">
        <v>1523</v>
      </c>
      <c r="F164" s="1" t="s">
        <v>2156</v>
      </c>
      <c r="G164" s="1" t="s">
        <v>2157</v>
      </c>
      <c r="H164" s="1" t="s">
        <v>2158</v>
      </c>
      <c r="I164" s="1" t="s">
        <v>2159</v>
      </c>
      <c r="J164" s="14" t="s">
        <v>1726</v>
      </c>
      <c r="K164" s="1" t="s">
        <v>1366</v>
      </c>
      <c r="L164" s="1" t="s">
        <v>1335</v>
      </c>
    </row>
    <row r="165" spans="1:12" x14ac:dyDescent="0.25">
      <c r="A165" s="1" t="s">
        <v>2160</v>
      </c>
      <c r="B165" s="1" t="s">
        <v>1327</v>
      </c>
      <c r="C165" s="1" t="s">
        <v>1334</v>
      </c>
      <c r="D165" s="1" t="s">
        <v>1329</v>
      </c>
      <c r="E165" s="1" t="s">
        <v>1329</v>
      </c>
      <c r="F165" s="1" t="s">
        <v>2161</v>
      </c>
      <c r="G165" s="17">
        <v>21600392</v>
      </c>
      <c r="H165" s="1" t="s">
        <v>2162</v>
      </c>
      <c r="I165" s="1" t="s">
        <v>2163</v>
      </c>
      <c r="J165" s="14" t="s">
        <v>1726</v>
      </c>
      <c r="K165" s="1" t="s">
        <v>1366</v>
      </c>
      <c r="L165" s="1" t="s">
        <v>1335</v>
      </c>
    </row>
    <row r="166" spans="1:12" x14ac:dyDescent="0.25">
      <c r="A166" s="1" t="s">
        <v>2164</v>
      </c>
      <c r="B166" s="1" t="s">
        <v>1327</v>
      </c>
      <c r="C166" s="1" t="s">
        <v>1334</v>
      </c>
      <c r="D166" s="1" t="s">
        <v>1337</v>
      </c>
      <c r="E166" s="1" t="s">
        <v>1337</v>
      </c>
      <c r="F166" s="1" t="s">
        <v>2165</v>
      </c>
      <c r="G166" s="1" t="s">
        <v>2166</v>
      </c>
      <c r="H166" s="1" t="s">
        <v>1719</v>
      </c>
      <c r="I166" s="1" t="s">
        <v>2167</v>
      </c>
      <c r="K166" s="1" t="s">
        <v>1334</v>
      </c>
      <c r="L166" s="1" t="s">
        <v>1335</v>
      </c>
    </row>
    <row r="167" spans="1:12" x14ac:dyDescent="0.25">
      <c r="A167" s="1" t="s">
        <v>2168</v>
      </c>
      <c r="B167" s="1" t="s">
        <v>1327</v>
      </c>
      <c r="C167" s="1" t="s">
        <v>1334</v>
      </c>
      <c r="D167" s="1" t="s">
        <v>1343</v>
      </c>
      <c r="E167" s="1" t="s">
        <v>1343</v>
      </c>
      <c r="F167" s="1" t="s">
        <v>2169</v>
      </c>
      <c r="G167" s="1" t="s">
        <v>2170</v>
      </c>
      <c r="H167" s="1" t="s">
        <v>2171</v>
      </c>
      <c r="I167" s="1" t="s">
        <v>2172</v>
      </c>
      <c r="K167" s="1" t="s">
        <v>1366</v>
      </c>
      <c r="L167" s="1" t="s">
        <v>1335</v>
      </c>
    </row>
    <row r="168" spans="1:12" x14ac:dyDescent="0.25">
      <c r="A168" s="1" t="s">
        <v>2173</v>
      </c>
      <c r="B168" s="1" t="s">
        <v>1327</v>
      </c>
      <c r="C168" s="1" t="s">
        <v>1334</v>
      </c>
      <c r="D168" s="1" t="s">
        <v>1349</v>
      </c>
      <c r="E168" s="1" t="s">
        <v>1349</v>
      </c>
      <c r="F168" s="1" t="s">
        <v>2174</v>
      </c>
      <c r="G168" s="1" t="s">
        <v>2175</v>
      </c>
      <c r="H168" s="1" t="s">
        <v>2176</v>
      </c>
      <c r="I168" s="1" t="s">
        <v>2177</v>
      </c>
      <c r="K168" s="1" t="s">
        <v>1366</v>
      </c>
      <c r="L168" s="1" t="s">
        <v>1335</v>
      </c>
    </row>
    <row r="169" spans="1:12" x14ac:dyDescent="0.25">
      <c r="A169" s="1" t="s">
        <v>2178</v>
      </c>
      <c r="B169" s="1" t="s">
        <v>1327</v>
      </c>
      <c r="C169" s="1" t="s">
        <v>1334</v>
      </c>
      <c r="D169" s="1" t="s">
        <v>1355</v>
      </c>
      <c r="E169" s="1" t="s">
        <v>1355</v>
      </c>
      <c r="F169" s="1" t="s">
        <v>2179</v>
      </c>
      <c r="G169" s="1" t="s">
        <v>2180</v>
      </c>
      <c r="H169" s="1" t="s">
        <v>2153</v>
      </c>
      <c r="I169" s="1" t="s">
        <v>2181</v>
      </c>
      <c r="K169" s="1" t="s">
        <v>1366</v>
      </c>
      <c r="L169" s="1" t="s">
        <v>1335</v>
      </c>
    </row>
    <row r="170" spans="1:12" x14ac:dyDescent="0.25">
      <c r="A170" s="1" t="s">
        <v>2182</v>
      </c>
      <c r="B170" s="1" t="s">
        <v>1327</v>
      </c>
      <c r="C170" s="1" t="s">
        <v>1334</v>
      </c>
      <c r="D170" s="1" t="s">
        <v>1361</v>
      </c>
      <c r="E170" s="1" t="s">
        <v>1361</v>
      </c>
      <c r="F170" s="1" t="s">
        <v>2183</v>
      </c>
      <c r="G170" s="1" t="s">
        <v>2184</v>
      </c>
      <c r="H170" s="1" t="s">
        <v>2185</v>
      </c>
      <c r="I170" s="1" t="s">
        <v>2186</v>
      </c>
      <c r="K170" s="1" t="s">
        <v>1334</v>
      </c>
      <c r="L170" s="1" t="s">
        <v>1335</v>
      </c>
    </row>
    <row r="171" spans="1:12" x14ac:dyDescent="0.25">
      <c r="A171" s="1" t="s">
        <v>2187</v>
      </c>
      <c r="B171" s="1" t="s">
        <v>1327</v>
      </c>
      <c r="C171" s="1" t="s">
        <v>1334</v>
      </c>
      <c r="D171" s="1" t="s">
        <v>1368</v>
      </c>
      <c r="E171" s="1" t="s">
        <v>1368</v>
      </c>
      <c r="F171" s="1" t="s">
        <v>2188</v>
      </c>
      <c r="G171" s="1" t="s">
        <v>2189</v>
      </c>
      <c r="H171" s="1" t="s">
        <v>2190</v>
      </c>
      <c r="I171" s="1" t="s">
        <v>2191</v>
      </c>
      <c r="K171" s="1" t="s">
        <v>1366</v>
      </c>
      <c r="L171" s="1" t="s">
        <v>1335</v>
      </c>
    </row>
    <row r="172" spans="1:12" x14ac:dyDescent="0.25">
      <c r="A172" s="1" t="s">
        <v>2192</v>
      </c>
      <c r="B172" s="1" t="s">
        <v>1327</v>
      </c>
      <c r="C172" s="1" t="s">
        <v>1334</v>
      </c>
      <c r="D172" s="1" t="s">
        <v>1374</v>
      </c>
      <c r="E172" s="1" t="s">
        <v>1374</v>
      </c>
      <c r="F172" s="1" t="s">
        <v>2193</v>
      </c>
      <c r="G172" s="1" t="s">
        <v>2194</v>
      </c>
      <c r="H172" s="1" t="s">
        <v>2195</v>
      </c>
      <c r="I172" s="1" t="s">
        <v>2196</v>
      </c>
      <c r="K172" s="1" t="s">
        <v>1334</v>
      </c>
      <c r="L172" s="1" t="s">
        <v>1335</v>
      </c>
    </row>
    <row r="173" spans="1:12" x14ac:dyDescent="0.25">
      <c r="A173" s="1" t="s">
        <v>2197</v>
      </c>
      <c r="B173" s="1" t="s">
        <v>1327</v>
      </c>
      <c r="C173" s="1" t="s">
        <v>1334</v>
      </c>
      <c r="D173" s="1" t="s">
        <v>1380</v>
      </c>
      <c r="E173" s="1" t="s">
        <v>1380</v>
      </c>
      <c r="F173" s="1" t="s">
        <v>2198</v>
      </c>
      <c r="G173" s="1" t="s">
        <v>2199</v>
      </c>
      <c r="H173" s="1" t="s">
        <v>1811</v>
      </c>
      <c r="I173" s="1" t="s">
        <v>2200</v>
      </c>
      <c r="K173" s="1" t="s">
        <v>1334</v>
      </c>
      <c r="L173" s="1" t="s">
        <v>1335</v>
      </c>
    </row>
    <row r="174" spans="1:12" x14ac:dyDescent="0.25">
      <c r="A174" s="1" t="s">
        <v>2201</v>
      </c>
      <c r="B174" s="1" t="s">
        <v>1327</v>
      </c>
      <c r="C174" s="1" t="s">
        <v>1334</v>
      </c>
      <c r="D174" s="1" t="s">
        <v>1386</v>
      </c>
      <c r="E174" s="1" t="s">
        <v>1386</v>
      </c>
      <c r="F174" s="1" t="s">
        <v>2202</v>
      </c>
      <c r="G174" s="1" t="s">
        <v>2203</v>
      </c>
      <c r="H174" s="1" t="s">
        <v>2125</v>
      </c>
      <c r="I174" s="1" t="s">
        <v>2204</v>
      </c>
      <c r="K174" s="1" t="s">
        <v>1334</v>
      </c>
      <c r="L174" s="1" t="s">
        <v>1335</v>
      </c>
    </row>
    <row r="175" spans="1:12" x14ac:dyDescent="0.25">
      <c r="A175" s="1" t="s">
        <v>2205</v>
      </c>
      <c r="B175" s="1" t="s">
        <v>1327</v>
      </c>
      <c r="C175" s="1" t="s">
        <v>1334</v>
      </c>
      <c r="D175" s="1" t="s">
        <v>1392</v>
      </c>
      <c r="E175" s="1" t="s">
        <v>1392</v>
      </c>
      <c r="F175" s="1" t="s">
        <v>2206</v>
      </c>
      <c r="G175" s="1" t="s">
        <v>2207</v>
      </c>
      <c r="H175" s="1" t="s">
        <v>1714</v>
      </c>
      <c r="I175" s="1" t="s">
        <v>2208</v>
      </c>
      <c r="K175" s="1" t="s">
        <v>1366</v>
      </c>
      <c r="L175" s="1" t="s">
        <v>1335</v>
      </c>
    </row>
    <row r="176" spans="1:12" x14ac:dyDescent="0.25">
      <c r="A176" s="1" t="s">
        <v>2209</v>
      </c>
      <c r="B176" s="1" t="s">
        <v>1327</v>
      </c>
      <c r="C176" s="1" t="s">
        <v>1334</v>
      </c>
      <c r="D176" s="1" t="s">
        <v>1398</v>
      </c>
      <c r="E176" s="1" t="s">
        <v>1398</v>
      </c>
      <c r="F176" s="1" t="s">
        <v>2210</v>
      </c>
      <c r="G176" s="1" t="s">
        <v>2211</v>
      </c>
      <c r="H176" s="1" t="s">
        <v>2212</v>
      </c>
      <c r="I176" s="1" t="s">
        <v>2213</v>
      </c>
      <c r="K176" s="1" t="s">
        <v>1366</v>
      </c>
      <c r="L176" s="1" t="s">
        <v>1335</v>
      </c>
    </row>
    <row r="177" spans="1:12" x14ac:dyDescent="0.25">
      <c r="A177" s="1" t="s">
        <v>2214</v>
      </c>
      <c r="B177" s="1" t="s">
        <v>1327</v>
      </c>
      <c r="C177" s="1" t="s">
        <v>1334</v>
      </c>
      <c r="D177" s="1" t="s">
        <v>1404</v>
      </c>
      <c r="E177" s="1" t="s">
        <v>1404</v>
      </c>
      <c r="F177" s="1" t="s">
        <v>2215</v>
      </c>
      <c r="G177" s="1" t="s">
        <v>2216</v>
      </c>
      <c r="H177" s="1" t="s">
        <v>2217</v>
      </c>
      <c r="I177" s="1" t="s">
        <v>2218</v>
      </c>
      <c r="K177" s="1" t="s">
        <v>1366</v>
      </c>
      <c r="L177" s="1" t="s">
        <v>1335</v>
      </c>
    </row>
    <row r="178" spans="1:12" x14ac:dyDescent="0.25">
      <c r="A178" s="1" t="s">
        <v>2219</v>
      </c>
      <c r="B178" s="1" t="s">
        <v>1327</v>
      </c>
      <c r="C178" s="1" t="s">
        <v>1334</v>
      </c>
      <c r="D178" s="1" t="s">
        <v>1410</v>
      </c>
      <c r="E178" s="1" t="s">
        <v>1410</v>
      </c>
      <c r="F178" s="1" t="s">
        <v>2220</v>
      </c>
      <c r="G178" s="1" t="s">
        <v>2221</v>
      </c>
      <c r="H178" s="1" t="s">
        <v>2222</v>
      </c>
      <c r="I178" s="1" t="s">
        <v>2223</v>
      </c>
      <c r="K178" s="1" t="s">
        <v>1334</v>
      </c>
      <c r="L178" s="1" t="s">
        <v>1335</v>
      </c>
    </row>
    <row r="179" spans="1:12" x14ac:dyDescent="0.25">
      <c r="A179" s="1" t="s">
        <v>2224</v>
      </c>
      <c r="B179" s="1" t="s">
        <v>1327</v>
      </c>
      <c r="C179" s="1" t="s">
        <v>1334</v>
      </c>
      <c r="D179" s="1" t="s">
        <v>1416</v>
      </c>
      <c r="E179" s="1" t="s">
        <v>1416</v>
      </c>
      <c r="F179" s="1" t="s">
        <v>2225</v>
      </c>
      <c r="G179" s="1" t="s">
        <v>2226</v>
      </c>
      <c r="H179" s="1" t="s">
        <v>2227</v>
      </c>
      <c r="I179" s="1" t="s">
        <v>2228</v>
      </c>
      <c r="K179" s="1" t="s">
        <v>1366</v>
      </c>
      <c r="L179" s="1" t="s">
        <v>1335</v>
      </c>
    </row>
    <row r="180" spans="1:12" x14ac:dyDescent="0.25">
      <c r="A180" s="1" t="s">
        <v>2229</v>
      </c>
      <c r="B180" s="1" t="s">
        <v>1327</v>
      </c>
      <c r="C180" s="1" t="s">
        <v>1334</v>
      </c>
      <c r="D180" s="1" t="s">
        <v>1422</v>
      </c>
      <c r="E180" s="1" t="s">
        <v>1422</v>
      </c>
      <c r="F180" s="1" t="s">
        <v>2230</v>
      </c>
      <c r="G180" s="1" t="s">
        <v>2231</v>
      </c>
      <c r="H180" s="1" t="s">
        <v>2083</v>
      </c>
      <c r="I180" s="1" t="s">
        <v>2232</v>
      </c>
      <c r="K180" s="1" t="s">
        <v>1334</v>
      </c>
      <c r="L180" s="1" t="s">
        <v>1335</v>
      </c>
    </row>
    <row r="181" spans="1:12" x14ac:dyDescent="0.25">
      <c r="A181" s="1" t="s">
        <v>2233</v>
      </c>
      <c r="B181" s="1" t="s">
        <v>1327</v>
      </c>
      <c r="C181" s="1" t="s">
        <v>1334</v>
      </c>
      <c r="D181" s="1" t="s">
        <v>1428</v>
      </c>
      <c r="E181" s="1" t="s">
        <v>1428</v>
      </c>
      <c r="F181" s="1" t="s">
        <v>2234</v>
      </c>
      <c r="G181" s="1" t="s">
        <v>2235</v>
      </c>
      <c r="H181" s="1" t="s">
        <v>2236</v>
      </c>
      <c r="I181" s="1" t="s">
        <v>2237</v>
      </c>
      <c r="K181" s="1" t="s">
        <v>1334</v>
      </c>
      <c r="L181" s="1" t="s">
        <v>1335</v>
      </c>
    </row>
    <row r="182" spans="1:12" x14ac:dyDescent="0.25">
      <c r="A182" s="1" t="s">
        <v>2238</v>
      </c>
      <c r="B182" s="1" t="s">
        <v>1327</v>
      </c>
      <c r="C182" s="1" t="s">
        <v>1334</v>
      </c>
      <c r="D182" s="1" t="s">
        <v>1440</v>
      </c>
      <c r="E182" s="1" t="s">
        <v>1440</v>
      </c>
      <c r="F182" s="1" t="s">
        <v>2239</v>
      </c>
      <c r="G182" s="1" t="s">
        <v>2240</v>
      </c>
      <c r="H182" s="1" t="s">
        <v>1520</v>
      </c>
      <c r="I182" s="1" t="s">
        <v>2241</v>
      </c>
      <c r="K182" s="1" t="s">
        <v>1334</v>
      </c>
      <c r="L182" s="1" t="s">
        <v>1335</v>
      </c>
    </row>
    <row r="183" spans="1:12" x14ac:dyDescent="0.25">
      <c r="A183" s="1" t="s">
        <v>2242</v>
      </c>
      <c r="B183" s="1" t="s">
        <v>1327</v>
      </c>
      <c r="C183" s="1" t="s">
        <v>1334</v>
      </c>
      <c r="D183" s="1" t="s">
        <v>1446</v>
      </c>
      <c r="E183" s="1" t="s">
        <v>1446</v>
      </c>
      <c r="F183" s="1" t="s">
        <v>2243</v>
      </c>
      <c r="G183" s="1" t="s">
        <v>2244</v>
      </c>
      <c r="H183" s="1" t="s">
        <v>1567</v>
      </c>
      <c r="I183" s="1" t="s">
        <v>2245</v>
      </c>
      <c r="K183" s="1" t="s">
        <v>1334</v>
      </c>
      <c r="L183" s="1" t="s">
        <v>1335</v>
      </c>
    </row>
    <row r="184" spans="1:12" x14ac:dyDescent="0.25">
      <c r="A184" s="1" t="s">
        <v>2246</v>
      </c>
      <c r="B184" s="1" t="s">
        <v>1327</v>
      </c>
      <c r="C184" s="1" t="s">
        <v>1334</v>
      </c>
      <c r="D184" s="1" t="s">
        <v>1452</v>
      </c>
      <c r="E184" s="1" t="s">
        <v>1452</v>
      </c>
      <c r="F184" s="1" t="s">
        <v>2247</v>
      </c>
      <c r="G184" s="1" t="s">
        <v>2248</v>
      </c>
      <c r="H184" s="1" t="s">
        <v>2092</v>
      </c>
      <c r="I184" s="1" t="s">
        <v>2249</v>
      </c>
      <c r="K184" s="1" t="s">
        <v>1366</v>
      </c>
      <c r="L184" s="1" t="s">
        <v>1335</v>
      </c>
    </row>
    <row r="185" spans="1:12" x14ac:dyDescent="0.25">
      <c r="A185" s="1" t="s">
        <v>2250</v>
      </c>
      <c r="B185" s="1" t="s">
        <v>1327</v>
      </c>
      <c r="C185" s="1" t="s">
        <v>1334</v>
      </c>
      <c r="D185" s="1" t="s">
        <v>1458</v>
      </c>
      <c r="E185" s="1" t="s">
        <v>1458</v>
      </c>
      <c r="F185" s="1" t="s">
        <v>2251</v>
      </c>
      <c r="G185" s="1" t="s">
        <v>2252</v>
      </c>
      <c r="H185" s="1" t="s">
        <v>1449</v>
      </c>
      <c r="I185" s="1" t="s">
        <v>2253</v>
      </c>
      <c r="K185" s="1" t="s">
        <v>1366</v>
      </c>
      <c r="L185" s="1" t="s">
        <v>1335</v>
      </c>
    </row>
    <row r="186" spans="1:12" x14ac:dyDescent="0.25">
      <c r="A186" s="1" t="s">
        <v>2254</v>
      </c>
      <c r="B186" s="1" t="s">
        <v>1327</v>
      </c>
      <c r="C186" s="1" t="s">
        <v>1334</v>
      </c>
      <c r="D186" s="1" t="s">
        <v>1464</v>
      </c>
      <c r="E186" s="1" t="s">
        <v>1464</v>
      </c>
      <c r="F186" s="1" t="s">
        <v>2255</v>
      </c>
      <c r="G186" s="1" t="s">
        <v>2256</v>
      </c>
      <c r="H186" s="1" t="s">
        <v>1612</v>
      </c>
      <c r="I186" s="1" t="s">
        <v>2257</v>
      </c>
      <c r="K186" s="1" t="s">
        <v>1366</v>
      </c>
      <c r="L186" s="1" t="s">
        <v>1335</v>
      </c>
    </row>
    <row r="187" spans="1:12" x14ac:dyDescent="0.25">
      <c r="A187" s="1" t="s">
        <v>2258</v>
      </c>
      <c r="B187" s="1" t="s">
        <v>1327</v>
      </c>
      <c r="C187" s="1" t="s">
        <v>1334</v>
      </c>
      <c r="D187" s="1" t="s">
        <v>1470</v>
      </c>
      <c r="E187" s="1" t="s">
        <v>1470</v>
      </c>
      <c r="F187" s="1" t="s">
        <v>2259</v>
      </c>
      <c r="G187" s="1" t="s">
        <v>2260</v>
      </c>
      <c r="H187" s="1" t="s">
        <v>2261</v>
      </c>
      <c r="I187" s="1" t="s">
        <v>2262</v>
      </c>
      <c r="K187" s="1" t="s">
        <v>1366</v>
      </c>
      <c r="L187" s="1" t="s">
        <v>1335</v>
      </c>
    </row>
    <row r="188" spans="1:12" x14ac:dyDescent="0.25">
      <c r="A188" s="1" t="s">
        <v>2263</v>
      </c>
      <c r="B188" s="1" t="s">
        <v>1327</v>
      </c>
      <c r="C188" s="1" t="s">
        <v>1334</v>
      </c>
      <c r="D188" s="1" t="s">
        <v>1476</v>
      </c>
      <c r="E188" s="1" t="s">
        <v>1476</v>
      </c>
      <c r="F188" s="1" t="s">
        <v>2264</v>
      </c>
      <c r="G188" s="1" t="s">
        <v>2265</v>
      </c>
      <c r="H188" s="1" t="s">
        <v>2266</v>
      </c>
      <c r="I188" s="1" t="s">
        <v>2267</v>
      </c>
      <c r="K188" s="1" t="s">
        <v>1334</v>
      </c>
      <c r="L188" s="1" t="s">
        <v>1335</v>
      </c>
    </row>
    <row r="189" spans="1:12" x14ac:dyDescent="0.25">
      <c r="A189" s="1" t="s">
        <v>2268</v>
      </c>
      <c r="B189" s="1" t="s">
        <v>1327</v>
      </c>
      <c r="C189" s="1" t="s">
        <v>1334</v>
      </c>
      <c r="D189" s="1" t="s">
        <v>1482</v>
      </c>
      <c r="E189" s="1" t="s">
        <v>1482</v>
      </c>
      <c r="F189" s="1" t="s">
        <v>2269</v>
      </c>
      <c r="G189" s="1" t="s">
        <v>2270</v>
      </c>
      <c r="H189" s="1" t="s">
        <v>2271</v>
      </c>
      <c r="I189" s="1" t="s">
        <v>2272</v>
      </c>
      <c r="K189" s="1" t="s">
        <v>1334</v>
      </c>
      <c r="L189" s="1" t="s">
        <v>1335</v>
      </c>
    </row>
    <row r="190" spans="1:12" x14ac:dyDescent="0.25">
      <c r="A190" s="1" t="s">
        <v>2273</v>
      </c>
      <c r="B190" s="1" t="s">
        <v>1327</v>
      </c>
      <c r="C190" s="1" t="s">
        <v>1334</v>
      </c>
      <c r="D190" s="1" t="s">
        <v>1488</v>
      </c>
      <c r="E190" s="1" t="s">
        <v>1488</v>
      </c>
      <c r="F190" s="1" t="s">
        <v>2274</v>
      </c>
      <c r="G190" s="1" t="s">
        <v>2275</v>
      </c>
      <c r="H190" s="1" t="s">
        <v>2276</v>
      </c>
      <c r="I190" s="1" t="s">
        <v>2277</v>
      </c>
      <c r="K190" s="1" t="s">
        <v>1334</v>
      </c>
      <c r="L190" s="1" t="s">
        <v>1335</v>
      </c>
    </row>
    <row r="191" spans="1:12" x14ac:dyDescent="0.25">
      <c r="A191" s="1" t="s">
        <v>2278</v>
      </c>
      <c r="B191" s="1" t="s">
        <v>1327</v>
      </c>
      <c r="C191" s="1" t="s">
        <v>1334</v>
      </c>
      <c r="D191" s="1" t="s">
        <v>1494</v>
      </c>
      <c r="E191" s="1" t="s">
        <v>1494</v>
      </c>
      <c r="F191" s="1" t="s">
        <v>2279</v>
      </c>
      <c r="G191" s="1" t="s">
        <v>2280</v>
      </c>
      <c r="H191" s="1" t="s">
        <v>1964</v>
      </c>
      <c r="I191" s="1" t="s">
        <v>2281</v>
      </c>
      <c r="K191" s="1" t="s">
        <v>1334</v>
      </c>
      <c r="L191" s="1" t="s">
        <v>1335</v>
      </c>
    </row>
    <row r="192" spans="1:12" x14ac:dyDescent="0.25">
      <c r="A192" s="1" t="s">
        <v>2282</v>
      </c>
      <c r="B192" s="1" t="s">
        <v>1327</v>
      </c>
      <c r="C192" s="1" t="s">
        <v>1334</v>
      </c>
      <c r="D192" s="1" t="s">
        <v>1500</v>
      </c>
      <c r="E192" s="1" t="s">
        <v>1500</v>
      </c>
      <c r="F192" s="1" t="s">
        <v>2283</v>
      </c>
      <c r="G192" s="1" t="s">
        <v>2284</v>
      </c>
      <c r="H192" s="1" t="s">
        <v>2285</v>
      </c>
      <c r="I192" s="1" t="s">
        <v>2286</v>
      </c>
      <c r="K192" s="1" t="s">
        <v>1334</v>
      </c>
      <c r="L192" s="1" t="s">
        <v>1335</v>
      </c>
    </row>
    <row r="193" spans="1:12" x14ac:dyDescent="0.25">
      <c r="A193" s="1" t="s">
        <v>2287</v>
      </c>
      <c r="B193" s="1" t="s">
        <v>1327</v>
      </c>
      <c r="C193" s="1" t="s">
        <v>1334</v>
      </c>
      <c r="D193" s="1" t="s">
        <v>1506</v>
      </c>
      <c r="E193" s="1" t="s">
        <v>1506</v>
      </c>
      <c r="F193" s="1" t="s">
        <v>2288</v>
      </c>
      <c r="G193" s="1" t="s">
        <v>2289</v>
      </c>
      <c r="H193" s="1" t="s">
        <v>2290</v>
      </c>
      <c r="I193" s="1" t="s">
        <v>2291</v>
      </c>
      <c r="K193" s="1" t="s">
        <v>1334</v>
      </c>
      <c r="L193" s="1" t="s">
        <v>1335</v>
      </c>
    </row>
    <row r="194" spans="1:12" x14ac:dyDescent="0.25">
      <c r="A194" s="1" t="s">
        <v>2292</v>
      </c>
      <c r="B194" s="1" t="s">
        <v>1327</v>
      </c>
      <c r="C194" s="1" t="s">
        <v>1334</v>
      </c>
      <c r="D194" s="1" t="s">
        <v>1512</v>
      </c>
      <c r="E194" s="1" t="s">
        <v>1512</v>
      </c>
      <c r="F194" s="1" t="s">
        <v>2293</v>
      </c>
      <c r="G194" s="1" t="s">
        <v>2294</v>
      </c>
      <c r="H194" s="1" t="s">
        <v>2295</v>
      </c>
      <c r="I194" s="1" t="s">
        <v>2296</v>
      </c>
      <c r="K194" s="1" t="s">
        <v>1334</v>
      </c>
      <c r="L194" s="1" t="s">
        <v>1335</v>
      </c>
    </row>
    <row r="195" spans="1:12" x14ac:dyDescent="0.25">
      <c r="A195" s="1" t="s">
        <v>2297</v>
      </c>
      <c r="B195" s="1" t="s">
        <v>1327</v>
      </c>
      <c r="C195" s="1" t="s">
        <v>1334</v>
      </c>
      <c r="D195" s="1" t="s">
        <v>1517</v>
      </c>
      <c r="E195" s="1" t="s">
        <v>1517</v>
      </c>
      <c r="F195" s="1" t="s">
        <v>2298</v>
      </c>
      <c r="G195" s="1" t="s">
        <v>2299</v>
      </c>
      <c r="H195" s="1" t="s">
        <v>1419</v>
      </c>
      <c r="I195" s="1" t="s">
        <v>2300</v>
      </c>
      <c r="K195" s="1" t="s">
        <v>1334</v>
      </c>
      <c r="L195" s="1" t="s">
        <v>1335</v>
      </c>
    </row>
    <row r="196" spans="1:12" x14ac:dyDescent="0.25">
      <c r="A196" s="1" t="s">
        <v>2301</v>
      </c>
      <c r="B196" s="1" t="s">
        <v>1327</v>
      </c>
      <c r="C196" s="1" t="s">
        <v>1334</v>
      </c>
      <c r="D196" s="1" t="s">
        <v>1523</v>
      </c>
      <c r="E196" s="1" t="s">
        <v>1523</v>
      </c>
      <c r="F196" s="1" t="s">
        <v>2302</v>
      </c>
      <c r="G196" s="1" t="s">
        <v>2303</v>
      </c>
      <c r="H196" s="1" t="s">
        <v>2304</v>
      </c>
      <c r="I196" s="1" t="s">
        <v>2305</v>
      </c>
      <c r="K196" s="1" t="s">
        <v>1366</v>
      </c>
      <c r="L196" s="1" t="s">
        <v>1335</v>
      </c>
    </row>
    <row r="197" spans="1:12" x14ac:dyDescent="0.25">
      <c r="A197" s="1" t="s">
        <v>2306</v>
      </c>
      <c r="B197" s="1" t="s">
        <v>2307</v>
      </c>
      <c r="C197" s="1" t="s">
        <v>1328</v>
      </c>
      <c r="D197" s="1" t="s">
        <v>1329</v>
      </c>
      <c r="E197" s="1" t="s">
        <v>1329</v>
      </c>
      <c r="F197" s="1" t="s">
        <v>2308</v>
      </c>
      <c r="G197" s="1" t="s">
        <v>2309</v>
      </c>
      <c r="H197" s="1" t="s">
        <v>2310</v>
      </c>
      <c r="I197" s="1" t="s">
        <v>2311</v>
      </c>
      <c r="K197" s="1" t="s">
        <v>1334</v>
      </c>
      <c r="L197" s="1" t="s">
        <v>1335</v>
      </c>
    </row>
    <row r="198" spans="1:12" x14ac:dyDescent="0.25">
      <c r="A198" s="1" t="s">
        <v>2312</v>
      </c>
      <c r="B198" s="1" t="s">
        <v>2307</v>
      </c>
      <c r="C198" s="1" t="s">
        <v>1328</v>
      </c>
      <c r="D198" s="1" t="s">
        <v>1337</v>
      </c>
      <c r="E198" s="1" t="s">
        <v>1337</v>
      </c>
      <c r="F198" s="1" t="s">
        <v>2313</v>
      </c>
      <c r="G198" s="1" t="s">
        <v>2314</v>
      </c>
      <c r="H198" s="1" t="s">
        <v>2315</v>
      </c>
      <c r="I198" s="1" t="s">
        <v>2316</v>
      </c>
      <c r="K198" s="1" t="s">
        <v>1366</v>
      </c>
      <c r="L198" s="1" t="s">
        <v>1335</v>
      </c>
    </row>
    <row r="199" spans="1:12" x14ac:dyDescent="0.25">
      <c r="A199" s="1" t="s">
        <v>2317</v>
      </c>
      <c r="B199" s="1" t="s">
        <v>2307</v>
      </c>
      <c r="C199" s="1" t="s">
        <v>1328</v>
      </c>
      <c r="D199" s="1" t="s">
        <v>1343</v>
      </c>
      <c r="E199" s="1" t="s">
        <v>1343</v>
      </c>
      <c r="F199" s="1" t="s">
        <v>2318</v>
      </c>
      <c r="G199" s="1" t="s">
        <v>2319</v>
      </c>
      <c r="H199" s="1" t="s">
        <v>2320</v>
      </c>
      <c r="I199" s="1" t="s">
        <v>2321</v>
      </c>
      <c r="K199" s="1" t="s">
        <v>1334</v>
      </c>
      <c r="L199" s="1" t="s">
        <v>1335</v>
      </c>
    </row>
    <row r="200" spans="1:12" x14ac:dyDescent="0.25">
      <c r="A200" s="1" t="s">
        <v>2322</v>
      </c>
      <c r="B200" s="1" t="s">
        <v>2307</v>
      </c>
      <c r="C200" s="1" t="s">
        <v>1328</v>
      </c>
      <c r="D200" s="1" t="s">
        <v>1349</v>
      </c>
      <c r="E200" s="1" t="s">
        <v>1349</v>
      </c>
      <c r="F200" s="1" t="s">
        <v>2323</v>
      </c>
      <c r="G200" s="1" t="s">
        <v>2324</v>
      </c>
      <c r="H200" s="1" t="s">
        <v>2325</v>
      </c>
      <c r="I200" s="1" t="s">
        <v>2326</v>
      </c>
      <c r="K200" s="1" t="s">
        <v>1366</v>
      </c>
      <c r="L200" s="1" t="s">
        <v>1335</v>
      </c>
    </row>
    <row r="201" spans="1:12" x14ac:dyDescent="0.25">
      <c r="A201" s="1" t="s">
        <v>2327</v>
      </c>
      <c r="B201" s="1" t="s">
        <v>2307</v>
      </c>
      <c r="C201" s="1" t="s">
        <v>1328</v>
      </c>
      <c r="D201" s="1" t="s">
        <v>1355</v>
      </c>
      <c r="E201" s="1" t="s">
        <v>1355</v>
      </c>
      <c r="F201" s="1" t="s">
        <v>2328</v>
      </c>
      <c r="G201" s="1" t="s">
        <v>2329</v>
      </c>
      <c r="H201" s="1" t="s">
        <v>2330</v>
      </c>
      <c r="I201" s="1" t="s">
        <v>2331</v>
      </c>
      <c r="K201" s="1" t="s">
        <v>1334</v>
      </c>
      <c r="L201" s="1" t="s">
        <v>1335</v>
      </c>
    </row>
    <row r="202" spans="1:12" x14ac:dyDescent="0.25">
      <c r="A202" s="1" t="s">
        <v>2332</v>
      </c>
      <c r="B202" s="1" t="s">
        <v>2307</v>
      </c>
      <c r="C202" s="1" t="s">
        <v>1328</v>
      </c>
      <c r="D202" s="1" t="s">
        <v>1361</v>
      </c>
      <c r="E202" s="1" t="s">
        <v>1361</v>
      </c>
      <c r="F202" s="1" t="s">
        <v>2333</v>
      </c>
      <c r="G202" s="1" t="s">
        <v>2334</v>
      </c>
      <c r="H202" s="1" t="s">
        <v>2335</v>
      </c>
      <c r="I202" s="1" t="s">
        <v>2336</v>
      </c>
      <c r="K202" s="1" t="s">
        <v>1366</v>
      </c>
      <c r="L202" s="1" t="s">
        <v>1335</v>
      </c>
    </row>
    <row r="203" spans="1:12" x14ac:dyDescent="0.25">
      <c r="A203" s="1" t="s">
        <v>2337</v>
      </c>
      <c r="B203" s="1" t="s">
        <v>2307</v>
      </c>
      <c r="C203" s="1" t="s">
        <v>1328</v>
      </c>
      <c r="D203" s="1" t="s">
        <v>1368</v>
      </c>
      <c r="E203" s="1" t="s">
        <v>1368</v>
      </c>
      <c r="F203" s="1" t="s">
        <v>2338</v>
      </c>
      <c r="G203" s="1" t="s">
        <v>2339</v>
      </c>
      <c r="H203" s="1" t="s">
        <v>2340</v>
      </c>
      <c r="I203" s="1" t="s">
        <v>2341</v>
      </c>
      <c r="K203" s="1" t="s">
        <v>1334</v>
      </c>
      <c r="L203" s="1" t="s">
        <v>1335</v>
      </c>
    </row>
    <row r="204" spans="1:12" x14ac:dyDescent="0.25">
      <c r="A204" s="1" t="s">
        <v>2342</v>
      </c>
      <c r="B204" s="1" t="s">
        <v>2307</v>
      </c>
      <c r="C204" s="1" t="s">
        <v>1328</v>
      </c>
      <c r="D204" s="1" t="s">
        <v>1374</v>
      </c>
      <c r="E204" s="1" t="s">
        <v>1374</v>
      </c>
      <c r="F204" s="1" t="s">
        <v>2343</v>
      </c>
      <c r="G204" s="1" t="s">
        <v>2344</v>
      </c>
      <c r="H204" s="1" t="s">
        <v>2345</v>
      </c>
      <c r="I204" s="1" t="s">
        <v>2346</v>
      </c>
      <c r="K204" s="1" t="s">
        <v>1334</v>
      </c>
      <c r="L204" s="1" t="s">
        <v>1335</v>
      </c>
    </row>
    <row r="205" spans="1:12" x14ac:dyDescent="0.25">
      <c r="A205" s="1" t="s">
        <v>2347</v>
      </c>
      <c r="B205" s="1" t="s">
        <v>2307</v>
      </c>
      <c r="C205" s="1" t="s">
        <v>1328</v>
      </c>
      <c r="D205" s="1" t="s">
        <v>1380</v>
      </c>
      <c r="E205" s="1" t="s">
        <v>1380</v>
      </c>
      <c r="F205" s="1" t="s">
        <v>2348</v>
      </c>
      <c r="G205" s="1" t="s">
        <v>2349</v>
      </c>
      <c r="H205" s="1" t="s">
        <v>2350</v>
      </c>
      <c r="I205" s="1" t="s">
        <v>2351</v>
      </c>
      <c r="K205" s="1" t="s">
        <v>1334</v>
      </c>
      <c r="L205" s="1" t="s">
        <v>1335</v>
      </c>
    </row>
    <row r="206" spans="1:12" x14ac:dyDescent="0.25">
      <c r="A206" s="1" t="s">
        <v>2352</v>
      </c>
      <c r="B206" s="1" t="s">
        <v>2307</v>
      </c>
      <c r="C206" s="1" t="s">
        <v>1328</v>
      </c>
      <c r="D206" s="1" t="s">
        <v>2353</v>
      </c>
      <c r="E206" s="1" t="s">
        <v>2353</v>
      </c>
      <c r="F206" s="1" t="s">
        <v>2354</v>
      </c>
      <c r="G206" s="1" t="s">
        <v>2355</v>
      </c>
      <c r="H206" s="1" t="s">
        <v>2356</v>
      </c>
      <c r="I206" s="1" t="s">
        <v>2357</v>
      </c>
      <c r="K206" s="1" t="s">
        <v>1366</v>
      </c>
      <c r="L206" s="1" t="s">
        <v>1335</v>
      </c>
    </row>
    <row r="207" spans="1:12" x14ac:dyDescent="0.25">
      <c r="A207" s="1" t="s">
        <v>2358</v>
      </c>
      <c r="B207" s="1" t="s">
        <v>2307</v>
      </c>
      <c r="C207" s="1" t="s">
        <v>1328</v>
      </c>
      <c r="D207" s="1" t="s">
        <v>2359</v>
      </c>
      <c r="E207" s="1" t="s">
        <v>2359</v>
      </c>
      <c r="F207" s="1" t="s">
        <v>2360</v>
      </c>
      <c r="G207" s="1" t="s">
        <v>2361</v>
      </c>
      <c r="H207" s="1" t="s">
        <v>2362</v>
      </c>
      <c r="I207" s="1" t="s">
        <v>2363</v>
      </c>
      <c r="K207" s="1" t="s">
        <v>1366</v>
      </c>
      <c r="L207" s="1" t="s">
        <v>1335</v>
      </c>
    </row>
    <row r="208" spans="1:12" x14ac:dyDescent="0.25">
      <c r="A208" s="1" t="s">
        <v>2364</v>
      </c>
      <c r="B208" s="1" t="s">
        <v>2307</v>
      </c>
      <c r="C208" s="1" t="s">
        <v>1328</v>
      </c>
      <c r="D208" s="1" t="s">
        <v>2365</v>
      </c>
      <c r="E208" s="1" t="s">
        <v>2365</v>
      </c>
      <c r="F208" s="1" t="s">
        <v>2366</v>
      </c>
      <c r="G208" s="1" t="s">
        <v>2367</v>
      </c>
      <c r="H208" s="1" t="s">
        <v>2368</v>
      </c>
      <c r="I208" s="1" t="s">
        <v>2369</v>
      </c>
      <c r="K208" s="1" t="s">
        <v>1366</v>
      </c>
      <c r="L208" s="1" t="s">
        <v>1335</v>
      </c>
    </row>
    <row r="209" spans="1:12" x14ac:dyDescent="0.25">
      <c r="A209" s="1" t="s">
        <v>2370</v>
      </c>
      <c r="B209" s="1" t="s">
        <v>2307</v>
      </c>
      <c r="C209" s="1" t="s">
        <v>1328</v>
      </c>
      <c r="D209" s="1" t="s">
        <v>2371</v>
      </c>
      <c r="E209" s="1" t="s">
        <v>2371</v>
      </c>
      <c r="F209" s="1" t="s">
        <v>2372</v>
      </c>
      <c r="G209" s="1" t="s">
        <v>2373</v>
      </c>
      <c r="H209" s="1" t="s">
        <v>2374</v>
      </c>
      <c r="I209" s="1" t="s">
        <v>2375</v>
      </c>
      <c r="K209" s="1" t="s">
        <v>1366</v>
      </c>
      <c r="L209" s="1" t="s">
        <v>1335</v>
      </c>
    </row>
    <row r="210" spans="1:12" x14ac:dyDescent="0.25">
      <c r="A210" s="1" t="s">
        <v>2376</v>
      </c>
      <c r="B210" s="1" t="s">
        <v>2307</v>
      </c>
      <c r="C210" s="1" t="s">
        <v>1328</v>
      </c>
      <c r="D210" s="1" t="s">
        <v>2377</v>
      </c>
      <c r="E210" s="1" t="s">
        <v>2377</v>
      </c>
      <c r="F210" s="1" t="s">
        <v>2378</v>
      </c>
      <c r="G210" s="1" t="s">
        <v>2379</v>
      </c>
      <c r="H210" s="1" t="s">
        <v>2380</v>
      </c>
      <c r="I210" s="1" t="s">
        <v>2381</v>
      </c>
      <c r="K210" s="1" t="s">
        <v>1366</v>
      </c>
      <c r="L210" s="1" t="s">
        <v>1335</v>
      </c>
    </row>
    <row r="211" spans="1:12" x14ac:dyDescent="0.25">
      <c r="A211" s="1" t="s">
        <v>2382</v>
      </c>
      <c r="B211" s="1" t="s">
        <v>2307</v>
      </c>
      <c r="C211" s="1" t="s">
        <v>1328</v>
      </c>
      <c r="D211" s="1" t="s">
        <v>2383</v>
      </c>
      <c r="E211" s="1" t="s">
        <v>2383</v>
      </c>
      <c r="F211" s="1" t="s">
        <v>2384</v>
      </c>
      <c r="G211" s="1" t="s">
        <v>2385</v>
      </c>
      <c r="H211" s="1" t="s">
        <v>2386</v>
      </c>
      <c r="I211" s="1" t="s">
        <v>2387</v>
      </c>
      <c r="K211" s="1" t="s">
        <v>1334</v>
      </c>
      <c r="L211" s="1" t="s">
        <v>1335</v>
      </c>
    </row>
    <row r="212" spans="1:12" x14ac:dyDescent="0.25">
      <c r="A212" s="1" t="s">
        <v>2388</v>
      </c>
      <c r="B212" s="1" t="s">
        <v>2307</v>
      </c>
      <c r="C212" s="1" t="s">
        <v>1328</v>
      </c>
      <c r="D212" s="1" t="s">
        <v>2389</v>
      </c>
      <c r="E212" s="1" t="s">
        <v>2389</v>
      </c>
      <c r="F212" s="1" t="s">
        <v>2390</v>
      </c>
      <c r="G212" s="1" t="s">
        <v>2391</v>
      </c>
      <c r="H212" s="1" t="s">
        <v>2392</v>
      </c>
      <c r="I212" s="1" t="s">
        <v>2393</v>
      </c>
      <c r="K212" s="1" t="s">
        <v>1334</v>
      </c>
      <c r="L212" s="1" t="s">
        <v>1335</v>
      </c>
    </row>
    <row r="213" spans="1:12" x14ac:dyDescent="0.25">
      <c r="A213" s="1" t="s">
        <v>2394</v>
      </c>
      <c r="B213" s="1" t="s">
        <v>2307</v>
      </c>
      <c r="C213" s="1" t="s">
        <v>1328</v>
      </c>
      <c r="D213" s="1" t="s">
        <v>2395</v>
      </c>
      <c r="E213" s="1" t="s">
        <v>2395</v>
      </c>
      <c r="F213" s="1" t="s">
        <v>2396</v>
      </c>
      <c r="G213" s="1" t="s">
        <v>2397</v>
      </c>
      <c r="H213" s="1" t="s">
        <v>2398</v>
      </c>
      <c r="I213" s="1" t="s">
        <v>2399</v>
      </c>
      <c r="K213" s="1" t="s">
        <v>1366</v>
      </c>
      <c r="L213" s="1" t="s">
        <v>1335</v>
      </c>
    </row>
    <row r="214" spans="1:12" x14ac:dyDescent="0.25">
      <c r="A214" s="1" t="s">
        <v>2400</v>
      </c>
      <c r="B214" s="1" t="s">
        <v>2307</v>
      </c>
      <c r="C214" s="1" t="s">
        <v>1328</v>
      </c>
      <c r="D214" s="1" t="s">
        <v>2401</v>
      </c>
      <c r="E214" s="1" t="s">
        <v>2401</v>
      </c>
      <c r="F214" s="1" t="s">
        <v>2402</v>
      </c>
      <c r="G214" s="1" t="s">
        <v>2403</v>
      </c>
      <c r="H214" s="1" t="s">
        <v>2404</v>
      </c>
      <c r="I214" s="1" t="s">
        <v>2405</v>
      </c>
      <c r="K214" s="1" t="s">
        <v>1334</v>
      </c>
      <c r="L214" s="1" t="s">
        <v>1335</v>
      </c>
    </row>
    <row r="215" spans="1:12" x14ac:dyDescent="0.25">
      <c r="A215" s="1" t="s">
        <v>2406</v>
      </c>
      <c r="B215" s="1" t="s">
        <v>2307</v>
      </c>
      <c r="C215" s="1" t="s">
        <v>1328</v>
      </c>
      <c r="D215" s="1" t="s">
        <v>2407</v>
      </c>
      <c r="E215" s="1" t="s">
        <v>2407</v>
      </c>
      <c r="F215" s="1" t="s">
        <v>2408</v>
      </c>
      <c r="G215" s="1" t="s">
        <v>2409</v>
      </c>
      <c r="H215" s="1" t="s">
        <v>2410</v>
      </c>
      <c r="I215" s="1" t="s">
        <v>2411</v>
      </c>
      <c r="K215" s="1" t="s">
        <v>1334</v>
      </c>
      <c r="L215" s="1" t="s">
        <v>1335</v>
      </c>
    </row>
    <row r="216" spans="1:12" x14ac:dyDescent="0.25">
      <c r="A216" s="1" t="s">
        <v>2412</v>
      </c>
      <c r="B216" s="1" t="s">
        <v>2307</v>
      </c>
      <c r="C216" s="1" t="s">
        <v>1328</v>
      </c>
      <c r="D216" s="1" t="s">
        <v>2413</v>
      </c>
      <c r="E216" s="1" t="s">
        <v>2413</v>
      </c>
      <c r="F216" s="1" t="s">
        <v>2414</v>
      </c>
      <c r="G216" s="1" t="s">
        <v>2415</v>
      </c>
      <c r="H216" s="1" t="s">
        <v>2416</v>
      </c>
      <c r="I216" s="1" t="s">
        <v>2417</v>
      </c>
      <c r="K216" s="1" t="s">
        <v>1366</v>
      </c>
      <c r="L216" s="1" t="s">
        <v>1335</v>
      </c>
    </row>
    <row r="217" spans="1:12" x14ac:dyDescent="0.25">
      <c r="A217" s="1" t="s">
        <v>2418</v>
      </c>
      <c r="B217" s="1" t="s">
        <v>2307</v>
      </c>
      <c r="C217" s="1" t="s">
        <v>1328</v>
      </c>
      <c r="D217" s="1" t="s">
        <v>2419</v>
      </c>
      <c r="E217" s="1" t="s">
        <v>2419</v>
      </c>
      <c r="F217" s="1" t="s">
        <v>2420</v>
      </c>
      <c r="G217" s="1" t="s">
        <v>2421</v>
      </c>
      <c r="H217" s="1" t="s">
        <v>2422</v>
      </c>
      <c r="I217" s="1" t="s">
        <v>2423</v>
      </c>
      <c r="K217" s="1" t="s">
        <v>1366</v>
      </c>
      <c r="L217" s="1" t="s">
        <v>1335</v>
      </c>
    </row>
    <row r="218" spans="1:12" x14ac:dyDescent="0.25">
      <c r="A218" s="1" t="s">
        <v>2424</v>
      </c>
      <c r="B218" s="1" t="s">
        <v>2307</v>
      </c>
      <c r="C218" s="1" t="s">
        <v>1328</v>
      </c>
      <c r="D218" s="1" t="s">
        <v>2425</v>
      </c>
      <c r="E218" s="1" t="s">
        <v>2425</v>
      </c>
      <c r="F218" s="1" t="s">
        <v>2426</v>
      </c>
      <c r="G218" s="1" t="s">
        <v>2427</v>
      </c>
      <c r="H218" s="1" t="s">
        <v>2428</v>
      </c>
      <c r="I218" s="1" t="s">
        <v>2429</v>
      </c>
      <c r="K218" s="1" t="s">
        <v>1334</v>
      </c>
      <c r="L218" s="1" t="s">
        <v>1335</v>
      </c>
    </row>
    <row r="219" spans="1:12" x14ac:dyDescent="0.25">
      <c r="A219" s="1" t="s">
        <v>2430</v>
      </c>
      <c r="B219" s="1" t="s">
        <v>2307</v>
      </c>
      <c r="C219" s="1" t="s">
        <v>1328</v>
      </c>
      <c r="D219" s="1" t="s">
        <v>2431</v>
      </c>
      <c r="E219" s="1" t="s">
        <v>2431</v>
      </c>
      <c r="F219" s="1" t="s">
        <v>2432</v>
      </c>
      <c r="G219" s="1" t="s">
        <v>2433</v>
      </c>
      <c r="H219" s="1" t="s">
        <v>2434</v>
      </c>
      <c r="I219" s="1" t="s">
        <v>2435</v>
      </c>
      <c r="K219" s="1" t="s">
        <v>1366</v>
      </c>
      <c r="L219" s="1" t="s">
        <v>1335</v>
      </c>
    </row>
    <row r="220" spans="1:12" x14ac:dyDescent="0.25">
      <c r="A220" s="1" t="s">
        <v>2436</v>
      </c>
      <c r="B220" s="1" t="s">
        <v>2307</v>
      </c>
      <c r="C220" s="1" t="s">
        <v>1328</v>
      </c>
      <c r="D220" s="1" t="s">
        <v>2437</v>
      </c>
      <c r="E220" s="1" t="s">
        <v>2437</v>
      </c>
      <c r="F220" s="1" t="s">
        <v>2438</v>
      </c>
      <c r="G220" s="1" t="s">
        <v>2439</v>
      </c>
      <c r="H220" s="1" t="s">
        <v>2386</v>
      </c>
      <c r="I220" s="1" t="s">
        <v>2440</v>
      </c>
      <c r="K220" s="1" t="s">
        <v>1334</v>
      </c>
      <c r="L220" s="1" t="s">
        <v>1335</v>
      </c>
    </row>
    <row r="221" spans="1:12" x14ac:dyDescent="0.25">
      <c r="A221" s="1" t="s">
        <v>2441</v>
      </c>
      <c r="B221" s="1" t="s">
        <v>2307</v>
      </c>
      <c r="C221" s="1" t="s">
        <v>1328</v>
      </c>
      <c r="D221" s="1" t="s">
        <v>2442</v>
      </c>
      <c r="E221" s="1" t="s">
        <v>2442</v>
      </c>
      <c r="F221" s="1" t="s">
        <v>2443</v>
      </c>
      <c r="G221" s="1" t="s">
        <v>2444</v>
      </c>
      <c r="H221" s="1" t="s">
        <v>2445</v>
      </c>
      <c r="I221" s="1" t="s">
        <v>2446</v>
      </c>
      <c r="K221" s="1" t="s">
        <v>1334</v>
      </c>
      <c r="L221" s="1" t="s">
        <v>1335</v>
      </c>
    </row>
    <row r="222" spans="1:12" x14ac:dyDescent="0.25">
      <c r="A222" s="1" t="s">
        <v>2447</v>
      </c>
      <c r="B222" s="1" t="s">
        <v>2307</v>
      </c>
      <c r="C222" s="1" t="s">
        <v>1328</v>
      </c>
      <c r="D222" s="1" t="s">
        <v>2448</v>
      </c>
      <c r="E222" s="1" t="s">
        <v>2448</v>
      </c>
      <c r="F222" s="1" t="s">
        <v>2449</v>
      </c>
      <c r="G222" s="1" t="s">
        <v>2450</v>
      </c>
      <c r="H222" s="1" t="s">
        <v>2451</v>
      </c>
      <c r="I222" s="1" t="s">
        <v>2452</v>
      </c>
      <c r="K222" s="1" t="s">
        <v>1366</v>
      </c>
      <c r="L222" s="1" t="s">
        <v>1335</v>
      </c>
    </row>
    <row r="223" spans="1:12" x14ac:dyDescent="0.25">
      <c r="A223" s="1" t="s">
        <v>2453</v>
      </c>
      <c r="B223" s="1" t="s">
        <v>2307</v>
      </c>
      <c r="C223" s="1" t="s">
        <v>1328</v>
      </c>
      <c r="D223" s="1" t="s">
        <v>2454</v>
      </c>
      <c r="E223" s="1" t="s">
        <v>2454</v>
      </c>
      <c r="F223" s="1" t="s">
        <v>2455</v>
      </c>
      <c r="G223" s="1" t="s">
        <v>2456</v>
      </c>
      <c r="H223" s="1" t="s">
        <v>2457</v>
      </c>
      <c r="I223" s="1" t="s">
        <v>2458</v>
      </c>
      <c r="K223" s="1" t="s">
        <v>1334</v>
      </c>
      <c r="L223" s="1" t="s">
        <v>1335</v>
      </c>
    </row>
    <row r="224" spans="1:12" x14ac:dyDescent="0.25">
      <c r="A224" s="1" t="s">
        <v>2459</v>
      </c>
      <c r="B224" s="1" t="s">
        <v>2307</v>
      </c>
      <c r="C224" s="1" t="s">
        <v>1328</v>
      </c>
      <c r="D224" s="1" t="s">
        <v>2460</v>
      </c>
      <c r="E224" s="1" t="s">
        <v>2460</v>
      </c>
      <c r="F224" s="1" t="s">
        <v>2461</v>
      </c>
      <c r="G224" s="1" t="s">
        <v>2462</v>
      </c>
      <c r="H224" s="1" t="s">
        <v>2463</v>
      </c>
      <c r="I224" s="1" t="s">
        <v>2464</v>
      </c>
      <c r="K224" s="1" t="s">
        <v>1366</v>
      </c>
      <c r="L224" s="1" t="s">
        <v>1335</v>
      </c>
    </row>
    <row r="225" spans="1:12" x14ac:dyDescent="0.25">
      <c r="A225" s="1" t="s">
        <v>2465</v>
      </c>
      <c r="B225" s="1" t="s">
        <v>2307</v>
      </c>
      <c r="C225" s="1" t="s">
        <v>1328</v>
      </c>
      <c r="D225" s="1" t="s">
        <v>2466</v>
      </c>
      <c r="E225" s="1" t="s">
        <v>2466</v>
      </c>
      <c r="F225" s="1" t="s">
        <v>2467</v>
      </c>
      <c r="G225" s="1" t="s">
        <v>2468</v>
      </c>
      <c r="H225" s="1" t="s">
        <v>2469</v>
      </c>
      <c r="I225" s="1" t="s">
        <v>2470</v>
      </c>
      <c r="K225" s="1" t="s">
        <v>1366</v>
      </c>
      <c r="L225" s="1" t="s">
        <v>1335</v>
      </c>
    </row>
    <row r="226" spans="1:12" x14ac:dyDescent="0.25">
      <c r="A226" s="1" t="s">
        <v>2471</v>
      </c>
      <c r="B226" s="1" t="s">
        <v>2307</v>
      </c>
      <c r="C226" s="1" t="s">
        <v>1328</v>
      </c>
      <c r="D226" s="1" t="s">
        <v>2472</v>
      </c>
      <c r="E226" s="1" t="s">
        <v>2472</v>
      </c>
      <c r="F226" s="1" t="s">
        <v>2473</v>
      </c>
      <c r="G226" s="1" t="s">
        <v>2474</v>
      </c>
      <c r="H226" s="1" t="s">
        <v>2475</v>
      </c>
      <c r="I226" s="1" t="s">
        <v>2476</v>
      </c>
      <c r="K226" s="1" t="s">
        <v>1366</v>
      </c>
      <c r="L226" s="1" t="s">
        <v>1335</v>
      </c>
    </row>
    <row r="227" spans="1:12" x14ac:dyDescent="0.25">
      <c r="A227" s="1" t="s">
        <v>2477</v>
      </c>
      <c r="B227" s="1" t="s">
        <v>2307</v>
      </c>
      <c r="C227" s="1" t="s">
        <v>1529</v>
      </c>
      <c r="D227" s="1" t="s">
        <v>1329</v>
      </c>
      <c r="E227" s="1" t="s">
        <v>1329</v>
      </c>
      <c r="F227" s="1" t="s">
        <v>2478</v>
      </c>
      <c r="G227" s="1" t="s">
        <v>2479</v>
      </c>
      <c r="H227" s="1" t="s">
        <v>2480</v>
      </c>
      <c r="I227" s="1" t="s">
        <v>2481</v>
      </c>
      <c r="K227" s="1" t="s">
        <v>1366</v>
      </c>
      <c r="L227" s="1" t="s">
        <v>1335</v>
      </c>
    </row>
    <row r="228" spans="1:12" x14ac:dyDescent="0.25">
      <c r="A228" s="1" t="s">
        <v>2482</v>
      </c>
      <c r="B228" s="1" t="s">
        <v>2307</v>
      </c>
      <c r="C228" s="1" t="s">
        <v>1529</v>
      </c>
      <c r="D228" s="1" t="s">
        <v>1337</v>
      </c>
      <c r="E228" s="1" t="s">
        <v>1337</v>
      </c>
      <c r="F228" s="1" t="s">
        <v>2483</v>
      </c>
      <c r="G228" s="1" t="s">
        <v>2484</v>
      </c>
      <c r="H228" s="1" t="s">
        <v>2485</v>
      </c>
      <c r="I228" s="1" t="s">
        <v>2486</v>
      </c>
      <c r="K228" s="1" t="s">
        <v>1334</v>
      </c>
      <c r="L228" s="1" t="s">
        <v>1335</v>
      </c>
    </row>
    <row r="229" spans="1:12" x14ac:dyDescent="0.25">
      <c r="A229" s="1" t="s">
        <v>350</v>
      </c>
      <c r="B229" s="1" t="s">
        <v>2307</v>
      </c>
      <c r="C229" s="1" t="s">
        <v>1529</v>
      </c>
      <c r="D229" s="1" t="s">
        <v>1343</v>
      </c>
      <c r="E229" s="1" t="s">
        <v>1343</v>
      </c>
      <c r="F229" s="1" t="s">
        <v>2487</v>
      </c>
      <c r="G229" s="1" t="s">
        <v>2488</v>
      </c>
      <c r="H229" s="1" t="s">
        <v>2489</v>
      </c>
      <c r="I229" s="1" t="s">
        <v>2490</v>
      </c>
      <c r="K229" s="1" t="s">
        <v>1334</v>
      </c>
      <c r="L229" s="1" t="s">
        <v>1335</v>
      </c>
    </row>
    <row r="230" spans="1:12" x14ac:dyDescent="0.25">
      <c r="A230" s="1" t="s">
        <v>2491</v>
      </c>
      <c r="B230" s="1" t="s">
        <v>2307</v>
      </c>
      <c r="C230" s="1" t="s">
        <v>1529</v>
      </c>
      <c r="D230" s="1" t="s">
        <v>1349</v>
      </c>
      <c r="E230" s="1" t="s">
        <v>1349</v>
      </c>
      <c r="F230" s="1" t="s">
        <v>2492</v>
      </c>
      <c r="G230" s="1" t="s">
        <v>2493</v>
      </c>
      <c r="H230" s="1" t="s">
        <v>2494</v>
      </c>
      <c r="I230" s="1" t="s">
        <v>2495</v>
      </c>
      <c r="K230" s="1" t="s">
        <v>1366</v>
      </c>
      <c r="L230" s="1" t="s">
        <v>1335</v>
      </c>
    </row>
    <row r="231" spans="1:12" x14ac:dyDescent="0.25">
      <c r="A231" s="1" t="s">
        <v>2496</v>
      </c>
      <c r="B231" s="1" t="s">
        <v>2307</v>
      </c>
      <c r="C231" s="1" t="s">
        <v>1529</v>
      </c>
      <c r="D231" s="1" t="s">
        <v>1355</v>
      </c>
      <c r="E231" s="1" t="s">
        <v>1355</v>
      </c>
      <c r="F231" s="1" t="s">
        <v>2497</v>
      </c>
      <c r="G231" s="1" t="s">
        <v>2498</v>
      </c>
      <c r="H231" s="1" t="s">
        <v>2499</v>
      </c>
      <c r="I231" s="1" t="s">
        <v>2500</v>
      </c>
      <c r="K231" s="1" t="s">
        <v>1366</v>
      </c>
      <c r="L231" s="1" t="s">
        <v>1335</v>
      </c>
    </row>
    <row r="232" spans="1:12" x14ac:dyDescent="0.25">
      <c r="A232" s="1" t="s">
        <v>382</v>
      </c>
      <c r="B232" s="1" t="s">
        <v>2307</v>
      </c>
      <c r="C232" s="1" t="s">
        <v>1529</v>
      </c>
      <c r="D232" s="1" t="s">
        <v>1361</v>
      </c>
      <c r="E232" s="1" t="s">
        <v>1361</v>
      </c>
      <c r="F232" s="1" t="s">
        <v>2501</v>
      </c>
      <c r="G232" s="1" t="s">
        <v>2502</v>
      </c>
      <c r="H232" s="1" t="s">
        <v>2503</v>
      </c>
      <c r="I232" s="1" t="s">
        <v>2504</v>
      </c>
      <c r="K232" s="1" t="s">
        <v>1334</v>
      </c>
      <c r="L232" s="1" t="s">
        <v>1335</v>
      </c>
    </row>
    <row r="233" spans="1:12" x14ac:dyDescent="0.25">
      <c r="A233" s="1" t="s">
        <v>2505</v>
      </c>
      <c r="B233" s="1" t="s">
        <v>2307</v>
      </c>
      <c r="C233" s="1" t="s">
        <v>1529</v>
      </c>
      <c r="D233" s="1" t="s">
        <v>1368</v>
      </c>
      <c r="E233" s="1" t="s">
        <v>1368</v>
      </c>
      <c r="F233" s="1" t="s">
        <v>2506</v>
      </c>
      <c r="G233" s="1" t="s">
        <v>2507</v>
      </c>
      <c r="H233" s="1" t="s">
        <v>2310</v>
      </c>
      <c r="I233" s="1" t="s">
        <v>2508</v>
      </c>
      <c r="K233" s="1" t="s">
        <v>1366</v>
      </c>
      <c r="L233" s="1" t="s">
        <v>1335</v>
      </c>
    </row>
    <row r="234" spans="1:12" x14ac:dyDescent="0.25">
      <c r="A234" s="1" t="s">
        <v>2509</v>
      </c>
      <c r="B234" s="1" t="s">
        <v>2307</v>
      </c>
      <c r="C234" s="1" t="s">
        <v>1529</v>
      </c>
      <c r="D234" s="1" t="s">
        <v>1374</v>
      </c>
      <c r="E234" s="1" t="s">
        <v>1374</v>
      </c>
      <c r="F234" s="1" t="s">
        <v>2510</v>
      </c>
      <c r="G234" s="1" t="s">
        <v>2511</v>
      </c>
      <c r="H234" s="1" t="s">
        <v>2512</v>
      </c>
      <c r="I234" s="1" t="s">
        <v>2513</v>
      </c>
      <c r="K234" s="1" t="s">
        <v>1334</v>
      </c>
      <c r="L234" s="1" t="s">
        <v>1335</v>
      </c>
    </row>
    <row r="235" spans="1:12" x14ac:dyDescent="0.25">
      <c r="A235" s="1" t="s">
        <v>2514</v>
      </c>
      <c r="B235" s="1" t="s">
        <v>2307</v>
      </c>
      <c r="C235" s="1" t="s">
        <v>1529</v>
      </c>
      <c r="D235" s="1" t="s">
        <v>1380</v>
      </c>
      <c r="E235" s="1" t="s">
        <v>1380</v>
      </c>
      <c r="F235" s="1" t="s">
        <v>2515</v>
      </c>
      <c r="G235" s="1" t="s">
        <v>2516</v>
      </c>
      <c r="H235" s="1" t="s">
        <v>2517</v>
      </c>
      <c r="I235" s="1" t="s">
        <v>2518</v>
      </c>
      <c r="K235" s="1" t="s">
        <v>1334</v>
      </c>
      <c r="L235" s="1" t="s">
        <v>1335</v>
      </c>
    </row>
    <row r="236" spans="1:12" x14ac:dyDescent="0.25">
      <c r="A236" s="1" t="s">
        <v>2519</v>
      </c>
      <c r="B236" s="1" t="s">
        <v>2307</v>
      </c>
      <c r="C236" s="1" t="s">
        <v>1529</v>
      </c>
      <c r="D236" s="1" t="s">
        <v>1386</v>
      </c>
      <c r="E236" s="1" t="s">
        <v>1386</v>
      </c>
      <c r="F236" s="1" t="s">
        <v>2520</v>
      </c>
      <c r="G236" s="1" t="s">
        <v>2521</v>
      </c>
      <c r="H236" s="1" t="s">
        <v>2522</v>
      </c>
      <c r="I236" s="1" t="s">
        <v>2523</v>
      </c>
      <c r="K236" s="1" t="s">
        <v>1366</v>
      </c>
      <c r="L236" s="1" t="s">
        <v>1335</v>
      </c>
    </row>
    <row r="237" spans="1:12" x14ac:dyDescent="0.25">
      <c r="A237" s="1" t="s">
        <v>2524</v>
      </c>
      <c r="B237" s="1" t="s">
        <v>2307</v>
      </c>
      <c r="C237" s="1" t="s">
        <v>1529</v>
      </c>
      <c r="D237" s="1" t="s">
        <v>1392</v>
      </c>
      <c r="E237" s="1" t="s">
        <v>1392</v>
      </c>
      <c r="F237" s="1" t="s">
        <v>2525</v>
      </c>
      <c r="G237" s="1" t="s">
        <v>2526</v>
      </c>
      <c r="H237" s="1" t="s">
        <v>2527</v>
      </c>
      <c r="I237" s="1" t="s">
        <v>2528</v>
      </c>
      <c r="K237" s="1" t="s">
        <v>1366</v>
      </c>
      <c r="L237" s="1" t="s">
        <v>1335</v>
      </c>
    </row>
    <row r="238" spans="1:12" x14ac:dyDescent="0.25">
      <c r="A238" s="1" t="s">
        <v>2529</v>
      </c>
      <c r="B238" s="1" t="s">
        <v>2307</v>
      </c>
      <c r="C238" s="1" t="s">
        <v>1529</v>
      </c>
      <c r="D238" s="1" t="s">
        <v>1398</v>
      </c>
      <c r="E238" s="1" t="s">
        <v>1398</v>
      </c>
      <c r="F238" s="1" t="s">
        <v>2530</v>
      </c>
      <c r="G238" s="1" t="s">
        <v>2531</v>
      </c>
      <c r="H238" s="1" t="s">
        <v>2532</v>
      </c>
      <c r="I238" s="1" t="s">
        <v>2533</v>
      </c>
      <c r="K238" s="1" t="s">
        <v>1366</v>
      </c>
      <c r="L238" s="1" t="s">
        <v>1335</v>
      </c>
    </row>
    <row r="239" spans="1:12" x14ac:dyDescent="0.25">
      <c r="A239" s="1" t="s">
        <v>2534</v>
      </c>
      <c r="B239" s="1" t="s">
        <v>2307</v>
      </c>
      <c r="C239" s="1" t="s">
        <v>1529</v>
      </c>
      <c r="D239" s="1" t="s">
        <v>1404</v>
      </c>
      <c r="E239" s="1" t="s">
        <v>1404</v>
      </c>
      <c r="F239" s="1" t="s">
        <v>2535</v>
      </c>
      <c r="G239" s="1" t="s">
        <v>2536</v>
      </c>
      <c r="H239" s="1" t="s">
        <v>2537</v>
      </c>
      <c r="I239" s="1" t="s">
        <v>2538</v>
      </c>
      <c r="K239" s="1" t="s">
        <v>1334</v>
      </c>
      <c r="L239" s="1" t="s">
        <v>1335</v>
      </c>
    </row>
    <row r="240" spans="1:12" x14ac:dyDescent="0.25">
      <c r="A240" s="1" t="s">
        <v>2539</v>
      </c>
      <c r="B240" s="1" t="s">
        <v>2307</v>
      </c>
      <c r="C240" s="1" t="s">
        <v>1529</v>
      </c>
      <c r="D240" s="1" t="s">
        <v>1410</v>
      </c>
      <c r="E240" s="1" t="s">
        <v>1410</v>
      </c>
      <c r="F240" s="1" t="s">
        <v>2540</v>
      </c>
      <c r="G240" s="1" t="s">
        <v>2541</v>
      </c>
      <c r="H240" s="1" t="s">
        <v>2542</v>
      </c>
      <c r="I240" s="1" t="s">
        <v>2543</v>
      </c>
      <c r="K240" s="1" t="s">
        <v>1366</v>
      </c>
      <c r="L240" s="1" t="s">
        <v>1335</v>
      </c>
    </row>
    <row r="241" spans="1:12" x14ac:dyDescent="0.25">
      <c r="A241" s="1" t="s">
        <v>2544</v>
      </c>
      <c r="B241" s="1" t="s">
        <v>2307</v>
      </c>
      <c r="C241" s="1" t="s">
        <v>1529</v>
      </c>
      <c r="D241" s="1" t="s">
        <v>1416</v>
      </c>
      <c r="E241" s="1" t="s">
        <v>1416</v>
      </c>
      <c r="F241" s="1" t="s">
        <v>2545</v>
      </c>
      <c r="G241" s="1" t="s">
        <v>2546</v>
      </c>
      <c r="H241" s="1" t="s">
        <v>2547</v>
      </c>
      <c r="I241" s="1" t="s">
        <v>2548</v>
      </c>
      <c r="K241" s="1" t="s">
        <v>1366</v>
      </c>
      <c r="L241" s="1" t="s">
        <v>1335</v>
      </c>
    </row>
    <row r="242" spans="1:12" x14ac:dyDescent="0.25">
      <c r="A242" s="1" t="s">
        <v>2549</v>
      </c>
      <c r="B242" s="1" t="s">
        <v>2307</v>
      </c>
      <c r="C242" s="1" t="s">
        <v>1529</v>
      </c>
      <c r="D242" s="1" t="s">
        <v>1422</v>
      </c>
      <c r="E242" s="1" t="s">
        <v>1422</v>
      </c>
      <c r="F242" s="1" t="s">
        <v>2550</v>
      </c>
      <c r="G242" s="1" t="s">
        <v>2551</v>
      </c>
      <c r="H242" s="1" t="s">
        <v>2005</v>
      </c>
      <c r="I242" s="1" t="s">
        <v>2552</v>
      </c>
      <c r="K242" s="1" t="s">
        <v>1334</v>
      </c>
      <c r="L242" s="1" t="s">
        <v>1335</v>
      </c>
    </row>
    <row r="243" spans="1:12" x14ac:dyDescent="0.25">
      <c r="A243" s="1" t="s">
        <v>2553</v>
      </c>
      <c r="B243" s="1" t="s">
        <v>2307</v>
      </c>
      <c r="C243" s="1" t="s">
        <v>1529</v>
      </c>
      <c r="D243" s="1" t="s">
        <v>1428</v>
      </c>
      <c r="E243" s="1" t="s">
        <v>1428</v>
      </c>
      <c r="F243" s="1" t="s">
        <v>2554</v>
      </c>
      <c r="G243" s="1" t="s">
        <v>2555</v>
      </c>
      <c r="H243" s="1" t="s">
        <v>2556</v>
      </c>
      <c r="I243" s="1" t="s">
        <v>2557</v>
      </c>
      <c r="K243" s="1" t="s">
        <v>1334</v>
      </c>
      <c r="L243" s="1" t="s">
        <v>1335</v>
      </c>
    </row>
    <row r="244" spans="1:12" x14ac:dyDescent="0.25">
      <c r="A244" s="1" t="s">
        <v>2558</v>
      </c>
      <c r="B244" s="1" t="s">
        <v>2307</v>
      </c>
      <c r="C244" s="1" t="s">
        <v>1529</v>
      </c>
      <c r="D244" s="1" t="s">
        <v>1434</v>
      </c>
      <c r="E244" s="1" t="s">
        <v>1434</v>
      </c>
      <c r="F244" s="1" t="s">
        <v>2559</v>
      </c>
      <c r="G244" s="1" t="s">
        <v>2560</v>
      </c>
      <c r="H244" s="1" t="s">
        <v>2561</v>
      </c>
      <c r="I244" s="1" t="s">
        <v>2562</v>
      </c>
      <c r="K244" s="1" t="s">
        <v>1366</v>
      </c>
      <c r="L244" s="1" t="s">
        <v>1335</v>
      </c>
    </row>
    <row r="245" spans="1:12" x14ac:dyDescent="0.25">
      <c r="A245" s="1" t="s">
        <v>2563</v>
      </c>
      <c r="B245" s="1" t="s">
        <v>2307</v>
      </c>
      <c r="C245" s="1" t="s">
        <v>1529</v>
      </c>
      <c r="D245" s="1" t="s">
        <v>1440</v>
      </c>
      <c r="E245" s="1" t="s">
        <v>1440</v>
      </c>
      <c r="F245" s="1" t="s">
        <v>2564</v>
      </c>
      <c r="G245" s="1" t="s">
        <v>2565</v>
      </c>
      <c r="H245" s="1" t="s">
        <v>2566</v>
      </c>
      <c r="I245" s="1" t="s">
        <v>2567</v>
      </c>
      <c r="K245" s="1" t="s">
        <v>1334</v>
      </c>
      <c r="L245" s="1" t="s">
        <v>1335</v>
      </c>
    </row>
    <row r="246" spans="1:12" x14ac:dyDescent="0.25">
      <c r="A246" s="1" t="s">
        <v>2568</v>
      </c>
      <c r="B246" s="1" t="s">
        <v>2307</v>
      </c>
      <c r="C246" s="1" t="s">
        <v>1529</v>
      </c>
      <c r="D246" s="1" t="s">
        <v>1446</v>
      </c>
      <c r="E246" s="1" t="s">
        <v>1446</v>
      </c>
      <c r="F246" s="1" t="s">
        <v>2569</v>
      </c>
      <c r="G246" s="1" t="s">
        <v>2570</v>
      </c>
      <c r="H246" s="1" t="s">
        <v>2571</v>
      </c>
      <c r="I246" s="1" t="s">
        <v>2572</v>
      </c>
      <c r="K246" s="1" t="s">
        <v>1366</v>
      </c>
      <c r="L246" s="1" t="s">
        <v>1335</v>
      </c>
    </row>
    <row r="247" spans="1:12" x14ac:dyDescent="0.25">
      <c r="A247" s="1" t="s">
        <v>2573</v>
      </c>
      <c r="B247" s="1" t="s">
        <v>2307</v>
      </c>
      <c r="C247" s="1" t="s">
        <v>1529</v>
      </c>
      <c r="D247" s="1" t="s">
        <v>1452</v>
      </c>
      <c r="E247" s="1" t="s">
        <v>1452</v>
      </c>
      <c r="F247" s="1" t="s">
        <v>2574</v>
      </c>
      <c r="G247" s="1" t="s">
        <v>2575</v>
      </c>
      <c r="H247" s="1" t="s">
        <v>2576</v>
      </c>
      <c r="I247" s="1" t="s">
        <v>2577</v>
      </c>
      <c r="K247" s="1" t="s">
        <v>1366</v>
      </c>
      <c r="L247" s="1" t="s">
        <v>1335</v>
      </c>
    </row>
    <row r="248" spans="1:12" x14ac:dyDescent="0.25">
      <c r="A248" s="1" t="s">
        <v>2578</v>
      </c>
      <c r="B248" s="1" t="s">
        <v>2307</v>
      </c>
      <c r="C248" s="1" t="s">
        <v>1529</v>
      </c>
      <c r="D248" s="1" t="s">
        <v>1458</v>
      </c>
      <c r="E248" s="1" t="s">
        <v>1458</v>
      </c>
      <c r="F248" s="1" t="s">
        <v>2579</v>
      </c>
      <c r="G248" s="1" t="s">
        <v>2580</v>
      </c>
      <c r="H248" s="1" t="s">
        <v>2581</v>
      </c>
      <c r="I248" s="1" t="s">
        <v>2582</v>
      </c>
      <c r="K248" s="1" t="s">
        <v>1366</v>
      </c>
      <c r="L248" s="1" t="s">
        <v>1335</v>
      </c>
    </row>
    <row r="249" spans="1:12" x14ac:dyDescent="0.25">
      <c r="A249" s="1" t="s">
        <v>2583</v>
      </c>
      <c r="B249" s="1" t="s">
        <v>2307</v>
      </c>
      <c r="C249" s="1" t="s">
        <v>1529</v>
      </c>
      <c r="D249" s="1" t="s">
        <v>1464</v>
      </c>
      <c r="E249" s="1" t="s">
        <v>1464</v>
      </c>
      <c r="F249" s="1" t="s">
        <v>2584</v>
      </c>
      <c r="G249" s="1" t="s">
        <v>2585</v>
      </c>
      <c r="H249" s="1" t="s">
        <v>2586</v>
      </c>
      <c r="I249" s="1" t="s">
        <v>2587</v>
      </c>
      <c r="K249" s="1" t="s">
        <v>1366</v>
      </c>
      <c r="L249" s="1" t="s">
        <v>1335</v>
      </c>
    </row>
    <row r="250" spans="1:12" x14ac:dyDescent="0.25">
      <c r="A250" s="1" t="s">
        <v>2588</v>
      </c>
      <c r="B250" s="1" t="s">
        <v>2307</v>
      </c>
      <c r="C250" s="1" t="s">
        <v>1529</v>
      </c>
      <c r="D250" s="1" t="s">
        <v>1470</v>
      </c>
      <c r="E250" s="1" t="s">
        <v>1470</v>
      </c>
      <c r="F250" s="1" t="s">
        <v>2589</v>
      </c>
      <c r="G250" s="1" t="s">
        <v>2590</v>
      </c>
      <c r="H250" s="1" t="s">
        <v>2591</v>
      </c>
      <c r="I250" s="1" t="s">
        <v>2592</v>
      </c>
      <c r="K250" s="1" t="s">
        <v>1334</v>
      </c>
      <c r="L250" s="1" t="s">
        <v>1335</v>
      </c>
    </row>
    <row r="251" spans="1:12" x14ac:dyDescent="0.25">
      <c r="A251" s="1" t="s">
        <v>2593</v>
      </c>
      <c r="B251" s="1" t="s">
        <v>2307</v>
      </c>
      <c r="C251" s="1" t="s">
        <v>1529</v>
      </c>
      <c r="D251" s="1" t="s">
        <v>1476</v>
      </c>
      <c r="E251" s="1" t="s">
        <v>1476</v>
      </c>
      <c r="F251" s="1" t="s">
        <v>2594</v>
      </c>
      <c r="G251" s="1" t="s">
        <v>2595</v>
      </c>
      <c r="H251" s="1" t="s">
        <v>2596</v>
      </c>
      <c r="I251" s="1" t="s">
        <v>2597</v>
      </c>
      <c r="K251" s="1" t="s">
        <v>1334</v>
      </c>
      <c r="L251" s="1" t="s">
        <v>1335</v>
      </c>
    </row>
    <row r="252" spans="1:12" x14ac:dyDescent="0.25">
      <c r="A252" s="1" t="s">
        <v>2598</v>
      </c>
      <c r="B252" s="1" t="s">
        <v>2307</v>
      </c>
      <c r="C252" s="1" t="s">
        <v>1529</v>
      </c>
      <c r="D252" s="1" t="s">
        <v>1482</v>
      </c>
      <c r="E252" s="1" t="s">
        <v>1482</v>
      </c>
      <c r="F252" s="1" t="s">
        <v>2599</v>
      </c>
      <c r="G252" s="1" t="s">
        <v>2600</v>
      </c>
      <c r="H252" s="1" t="s">
        <v>2601</v>
      </c>
      <c r="I252" s="1" t="s">
        <v>2602</v>
      </c>
      <c r="K252" s="1" t="s">
        <v>1334</v>
      </c>
      <c r="L252" s="1" t="s">
        <v>1335</v>
      </c>
    </row>
    <row r="253" spans="1:12" x14ac:dyDescent="0.25">
      <c r="A253" s="1" t="s">
        <v>2603</v>
      </c>
      <c r="B253" s="1" t="s">
        <v>2307</v>
      </c>
      <c r="C253" s="1" t="s">
        <v>1529</v>
      </c>
      <c r="D253" s="1" t="s">
        <v>1488</v>
      </c>
      <c r="E253" s="1" t="s">
        <v>1488</v>
      </c>
      <c r="F253" s="1" t="s">
        <v>2604</v>
      </c>
      <c r="G253" s="1" t="s">
        <v>2605</v>
      </c>
      <c r="H253" s="1" t="s">
        <v>2512</v>
      </c>
      <c r="I253" s="1" t="s">
        <v>2606</v>
      </c>
      <c r="K253" s="1" t="s">
        <v>1366</v>
      </c>
      <c r="L253" s="1" t="s">
        <v>1335</v>
      </c>
    </row>
    <row r="254" spans="1:12" x14ac:dyDescent="0.25">
      <c r="A254" s="1" t="s">
        <v>2607</v>
      </c>
      <c r="B254" s="1" t="s">
        <v>2307</v>
      </c>
      <c r="C254" s="1" t="s">
        <v>1529</v>
      </c>
      <c r="D254" s="1" t="s">
        <v>1494</v>
      </c>
      <c r="E254" s="1" t="s">
        <v>1494</v>
      </c>
      <c r="F254" s="1" t="s">
        <v>2608</v>
      </c>
      <c r="G254" s="1" t="s">
        <v>2609</v>
      </c>
      <c r="H254" s="1" t="s">
        <v>2380</v>
      </c>
      <c r="I254" s="1" t="s">
        <v>2610</v>
      </c>
      <c r="K254" s="1" t="s">
        <v>1334</v>
      </c>
      <c r="L254" s="1" t="s">
        <v>1335</v>
      </c>
    </row>
    <row r="255" spans="1:12" x14ac:dyDescent="0.25">
      <c r="A255" s="1" t="s">
        <v>2611</v>
      </c>
      <c r="B255" s="1" t="s">
        <v>2307</v>
      </c>
      <c r="C255" s="1" t="s">
        <v>1529</v>
      </c>
      <c r="D255" s="1" t="s">
        <v>1500</v>
      </c>
      <c r="E255" s="1" t="s">
        <v>1500</v>
      </c>
      <c r="F255" s="1" t="s">
        <v>2612</v>
      </c>
      <c r="G255" s="1" t="s">
        <v>2613</v>
      </c>
      <c r="H255" s="1" t="s">
        <v>2614</v>
      </c>
      <c r="I255" s="1" t="s">
        <v>2615</v>
      </c>
      <c r="K255" s="1" t="s">
        <v>1334</v>
      </c>
      <c r="L255" s="1" t="s">
        <v>1335</v>
      </c>
    </row>
    <row r="256" spans="1:12" x14ac:dyDescent="0.25">
      <c r="A256" s="1" t="s">
        <v>2616</v>
      </c>
      <c r="B256" s="1" t="s">
        <v>2307</v>
      </c>
      <c r="C256" s="1" t="s">
        <v>1529</v>
      </c>
      <c r="D256" s="1" t="s">
        <v>1506</v>
      </c>
      <c r="E256" s="1" t="s">
        <v>1506</v>
      </c>
      <c r="F256" s="1" t="s">
        <v>2617</v>
      </c>
      <c r="G256" s="1" t="s">
        <v>2618</v>
      </c>
      <c r="H256" s="1" t="s">
        <v>2619</v>
      </c>
      <c r="I256" s="1" t="s">
        <v>2620</v>
      </c>
      <c r="K256" s="1" t="s">
        <v>1334</v>
      </c>
      <c r="L256" s="1" t="s">
        <v>1335</v>
      </c>
    </row>
    <row r="257" spans="1:12" x14ac:dyDescent="0.25">
      <c r="A257" s="1" t="s">
        <v>2621</v>
      </c>
      <c r="B257" s="1" t="s">
        <v>2307</v>
      </c>
      <c r="C257" s="1" t="s">
        <v>1529</v>
      </c>
      <c r="D257" s="1" t="s">
        <v>1512</v>
      </c>
      <c r="E257" s="1" t="s">
        <v>1512</v>
      </c>
      <c r="F257" s="1" t="s">
        <v>2622</v>
      </c>
      <c r="G257" s="1" t="s">
        <v>2623</v>
      </c>
      <c r="H257" s="1" t="s">
        <v>2368</v>
      </c>
      <c r="I257" s="1" t="s">
        <v>2624</v>
      </c>
      <c r="K257" s="1" t="s">
        <v>1366</v>
      </c>
      <c r="L257" s="1" t="s">
        <v>1335</v>
      </c>
    </row>
    <row r="258" spans="1:12" x14ac:dyDescent="0.25">
      <c r="A258" s="1" t="s">
        <v>2625</v>
      </c>
      <c r="B258" s="1" t="s">
        <v>2307</v>
      </c>
      <c r="C258" s="1" t="s">
        <v>1529</v>
      </c>
      <c r="D258" s="1" t="s">
        <v>1517</v>
      </c>
      <c r="E258" s="1" t="s">
        <v>1517</v>
      </c>
      <c r="F258" s="1" t="s">
        <v>2626</v>
      </c>
      <c r="G258" s="1" t="s">
        <v>2627</v>
      </c>
      <c r="H258" s="1" t="s">
        <v>2628</v>
      </c>
      <c r="I258" s="1" t="s">
        <v>2629</v>
      </c>
      <c r="K258" s="1" t="s">
        <v>1334</v>
      </c>
      <c r="L258" s="1" t="s">
        <v>1335</v>
      </c>
    </row>
    <row r="259" spans="1:12" x14ac:dyDescent="0.25">
      <c r="A259" s="1" t="s">
        <v>2630</v>
      </c>
      <c r="B259" s="1" t="s">
        <v>2307</v>
      </c>
      <c r="C259" s="1" t="s">
        <v>1529</v>
      </c>
      <c r="D259" s="1" t="s">
        <v>1523</v>
      </c>
      <c r="E259" s="1" t="s">
        <v>1523</v>
      </c>
      <c r="F259" s="1" t="s">
        <v>2631</v>
      </c>
      <c r="G259" s="1" t="s">
        <v>2632</v>
      </c>
      <c r="H259" s="1" t="s">
        <v>2633</v>
      </c>
      <c r="I259" s="1" t="s">
        <v>2634</v>
      </c>
      <c r="K259" s="1" t="s">
        <v>1366</v>
      </c>
      <c r="L259" s="1" t="s">
        <v>1335</v>
      </c>
    </row>
    <row r="260" spans="1:12" x14ac:dyDescent="0.25">
      <c r="A260" s="1" t="s">
        <v>2635</v>
      </c>
      <c r="B260" s="1" t="s">
        <v>2307</v>
      </c>
      <c r="C260" s="1" t="s">
        <v>1686</v>
      </c>
      <c r="D260" s="1" t="s">
        <v>1329</v>
      </c>
      <c r="E260" s="1" t="s">
        <v>1329</v>
      </c>
      <c r="F260" s="1" t="s">
        <v>2636</v>
      </c>
      <c r="G260" s="1" t="s">
        <v>2637</v>
      </c>
      <c r="H260" s="1" t="s">
        <v>2638</v>
      </c>
      <c r="I260" s="1" t="s">
        <v>2639</v>
      </c>
      <c r="K260" s="1" t="s">
        <v>1366</v>
      </c>
      <c r="L260" s="1" t="s">
        <v>1335</v>
      </c>
    </row>
    <row r="261" spans="1:12" x14ac:dyDescent="0.25">
      <c r="A261" s="1" t="s">
        <v>2640</v>
      </c>
      <c r="B261" s="1" t="s">
        <v>2307</v>
      </c>
      <c r="C261" s="1" t="s">
        <v>1686</v>
      </c>
      <c r="D261" s="1" t="s">
        <v>1337</v>
      </c>
      <c r="E261" s="1" t="s">
        <v>1337</v>
      </c>
      <c r="F261" s="1" t="s">
        <v>2641</v>
      </c>
      <c r="G261" s="1" t="s">
        <v>2642</v>
      </c>
      <c r="H261" s="1" t="s">
        <v>2643</v>
      </c>
      <c r="I261" s="1" t="s">
        <v>2644</v>
      </c>
      <c r="K261" s="1" t="s">
        <v>1334</v>
      </c>
      <c r="L261" s="1" t="s">
        <v>1335</v>
      </c>
    </row>
    <row r="262" spans="1:12" x14ac:dyDescent="0.25">
      <c r="A262" s="1" t="s">
        <v>2645</v>
      </c>
      <c r="B262" s="1" t="s">
        <v>2307</v>
      </c>
      <c r="C262" s="1" t="s">
        <v>1686</v>
      </c>
      <c r="D262" s="1" t="s">
        <v>1343</v>
      </c>
      <c r="E262" s="1" t="s">
        <v>1343</v>
      </c>
      <c r="F262" s="1" t="s">
        <v>2646</v>
      </c>
      <c r="G262" s="1" t="s">
        <v>2647</v>
      </c>
      <c r="H262" s="1" t="s">
        <v>2542</v>
      </c>
      <c r="I262" s="1" t="s">
        <v>2648</v>
      </c>
      <c r="K262" s="1" t="s">
        <v>1334</v>
      </c>
      <c r="L262" s="1" t="s">
        <v>1335</v>
      </c>
    </row>
    <row r="263" spans="1:12" x14ac:dyDescent="0.25">
      <c r="A263" s="1" t="s">
        <v>2649</v>
      </c>
      <c r="B263" s="1" t="s">
        <v>2307</v>
      </c>
      <c r="C263" s="1" t="s">
        <v>1686</v>
      </c>
      <c r="D263" s="1" t="s">
        <v>1349</v>
      </c>
      <c r="E263" s="1" t="s">
        <v>1349</v>
      </c>
      <c r="F263" s="1" t="s">
        <v>2650</v>
      </c>
      <c r="G263" s="1" t="s">
        <v>2651</v>
      </c>
      <c r="H263" s="1" t="s">
        <v>2652</v>
      </c>
      <c r="I263" s="1" t="s">
        <v>2653</v>
      </c>
      <c r="K263" s="1" t="s">
        <v>1366</v>
      </c>
      <c r="L263" s="1" t="s">
        <v>1335</v>
      </c>
    </row>
    <row r="264" spans="1:12" x14ac:dyDescent="0.25">
      <c r="A264" s="1" t="s">
        <v>2654</v>
      </c>
      <c r="B264" s="1" t="s">
        <v>2307</v>
      </c>
      <c r="C264" s="1" t="s">
        <v>1686</v>
      </c>
      <c r="D264" s="1" t="s">
        <v>1355</v>
      </c>
      <c r="E264" s="1" t="s">
        <v>1355</v>
      </c>
      <c r="F264" s="1" t="s">
        <v>2655</v>
      </c>
      <c r="G264" s="1" t="s">
        <v>2656</v>
      </c>
      <c r="H264" s="1" t="s">
        <v>2517</v>
      </c>
      <c r="I264" s="1" t="s">
        <v>2657</v>
      </c>
      <c r="K264" s="1" t="s">
        <v>1334</v>
      </c>
      <c r="L264" s="1" t="s">
        <v>1335</v>
      </c>
    </row>
    <row r="265" spans="1:12" x14ac:dyDescent="0.25">
      <c r="A265" s="1" t="s">
        <v>2658</v>
      </c>
      <c r="B265" s="1" t="s">
        <v>2307</v>
      </c>
      <c r="C265" s="1" t="s">
        <v>1686</v>
      </c>
      <c r="D265" s="1" t="s">
        <v>1361</v>
      </c>
      <c r="E265" s="1" t="s">
        <v>1361</v>
      </c>
      <c r="F265" s="1" t="s">
        <v>2659</v>
      </c>
      <c r="G265" s="1" t="s">
        <v>2660</v>
      </c>
      <c r="H265" s="1" t="s">
        <v>2661</v>
      </c>
      <c r="I265" s="1" t="s">
        <v>2662</v>
      </c>
      <c r="K265" s="1" t="s">
        <v>1334</v>
      </c>
      <c r="L265" s="1" t="s">
        <v>1335</v>
      </c>
    </row>
    <row r="266" spans="1:12" x14ac:dyDescent="0.25">
      <c r="A266" s="1" t="s">
        <v>2663</v>
      </c>
      <c r="B266" s="1" t="s">
        <v>2307</v>
      </c>
      <c r="C266" s="1" t="s">
        <v>1686</v>
      </c>
      <c r="D266" s="1" t="s">
        <v>1368</v>
      </c>
      <c r="E266" s="1" t="s">
        <v>1368</v>
      </c>
      <c r="F266" s="1" t="s">
        <v>2664</v>
      </c>
      <c r="G266" s="1" t="s">
        <v>2665</v>
      </c>
      <c r="H266" s="1" t="s">
        <v>2666</v>
      </c>
      <c r="I266" s="1" t="s">
        <v>2667</v>
      </c>
      <c r="K266" s="1" t="s">
        <v>1334</v>
      </c>
      <c r="L266" s="1" t="s">
        <v>1335</v>
      </c>
    </row>
    <row r="267" spans="1:12" x14ac:dyDescent="0.25">
      <c r="A267" s="1" t="s">
        <v>2668</v>
      </c>
      <c r="B267" s="1" t="s">
        <v>2307</v>
      </c>
      <c r="C267" s="1" t="s">
        <v>1686</v>
      </c>
      <c r="D267" s="1" t="s">
        <v>1374</v>
      </c>
      <c r="E267" s="1" t="s">
        <v>1374</v>
      </c>
      <c r="F267" s="1" t="s">
        <v>2669</v>
      </c>
      <c r="G267" s="1" t="s">
        <v>2670</v>
      </c>
      <c r="H267" s="1" t="s">
        <v>2628</v>
      </c>
      <c r="I267" s="1" t="s">
        <v>2671</v>
      </c>
      <c r="K267" s="1" t="s">
        <v>1366</v>
      </c>
      <c r="L267" s="1" t="s">
        <v>1335</v>
      </c>
    </row>
    <row r="268" spans="1:12" x14ac:dyDescent="0.25">
      <c r="A268" s="1" t="s">
        <v>2672</v>
      </c>
      <c r="B268" s="1" t="s">
        <v>2307</v>
      </c>
      <c r="C268" s="1" t="s">
        <v>1686</v>
      </c>
      <c r="D268" s="1" t="s">
        <v>1380</v>
      </c>
      <c r="E268" s="1" t="s">
        <v>1380</v>
      </c>
      <c r="F268" s="1" t="s">
        <v>2673</v>
      </c>
      <c r="G268" s="1" t="s">
        <v>2674</v>
      </c>
      <c r="H268" s="1" t="s">
        <v>2675</v>
      </c>
      <c r="I268" s="1" t="s">
        <v>2676</v>
      </c>
      <c r="K268" s="1" t="s">
        <v>1334</v>
      </c>
      <c r="L268" s="1" t="s">
        <v>1335</v>
      </c>
    </row>
    <row r="269" spans="1:12" x14ac:dyDescent="0.25">
      <c r="A269" s="1" t="s">
        <v>2677</v>
      </c>
      <c r="B269" s="1" t="s">
        <v>2307</v>
      </c>
      <c r="C269" s="1" t="s">
        <v>1686</v>
      </c>
      <c r="D269" s="1" t="s">
        <v>1386</v>
      </c>
      <c r="E269" s="1" t="s">
        <v>1386</v>
      </c>
      <c r="F269" s="1" t="s">
        <v>2678</v>
      </c>
      <c r="G269" s="1" t="s">
        <v>2679</v>
      </c>
      <c r="H269" s="1" t="s">
        <v>2680</v>
      </c>
      <c r="I269" s="1" t="s">
        <v>2681</v>
      </c>
      <c r="K269" s="1" t="s">
        <v>1334</v>
      </c>
      <c r="L269" s="1" t="s">
        <v>1335</v>
      </c>
    </row>
    <row r="270" spans="1:12" x14ac:dyDescent="0.25">
      <c r="A270" s="1" t="s">
        <v>2682</v>
      </c>
      <c r="B270" s="1" t="s">
        <v>2307</v>
      </c>
      <c r="C270" s="1" t="s">
        <v>1686</v>
      </c>
      <c r="D270" s="1" t="s">
        <v>1392</v>
      </c>
      <c r="E270" s="1" t="s">
        <v>1392</v>
      </c>
      <c r="F270" s="1" t="s">
        <v>2683</v>
      </c>
      <c r="G270" s="1" t="s">
        <v>2684</v>
      </c>
      <c r="H270" s="1" t="s">
        <v>2685</v>
      </c>
      <c r="I270" s="1" t="s">
        <v>2686</v>
      </c>
      <c r="K270" s="1" t="s">
        <v>1366</v>
      </c>
      <c r="L270" s="1" t="s">
        <v>1335</v>
      </c>
    </row>
    <row r="271" spans="1:12" x14ac:dyDescent="0.25">
      <c r="A271" s="1" t="s">
        <v>2687</v>
      </c>
      <c r="B271" s="1" t="s">
        <v>2307</v>
      </c>
      <c r="C271" s="1" t="s">
        <v>1686</v>
      </c>
      <c r="D271" s="1" t="s">
        <v>1398</v>
      </c>
      <c r="E271" s="1" t="s">
        <v>1398</v>
      </c>
      <c r="F271" s="1" t="s">
        <v>2688</v>
      </c>
      <c r="G271" s="1" t="s">
        <v>2689</v>
      </c>
      <c r="H271" s="1" t="s">
        <v>2690</v>
      </c>
      <c r="I271" s="1" t="s">
        <v>2691</v>
      </c>
      <c r="K271" s="1" t="s">
        <v>1366</v>
      </c>
      <c r="L271" s="1" t="s">
        <v>1335</v>
      </c>
    </row>
    <row r="272" spans="1:12" x14ac:dyDescent="0.25">
      <c r="A272" s="1" t="s">
        <v>2692</v>
      </c>
      <c r="B272" s="1" t="s">
        <v>2307</v>
      </c>
      <c r="C272" s="1" t="s">
        <v>1686</v>
      </c>
      <c r="D272" s="1" t="s">
        <v>1404</v>
      </c>
      <c r="E272" s="1" t="s">
        <v>1404</v>
      </c>
      <c r="F272" s="1" t="s">
        <v>2693</v>
      </c>
      <c r="G272" s="1" t="s">
        <v>2694</v>
      </c>
      <c r="H272" s="1" t="s">
        <v>2695</v>
      </c>
      <c r="I272" s="1" t="s">
        <v>2696</v>
      </c>
      <c r="K272" s="1" t="s">
        <v>1334</v>
      </c>
      <c r="L272" s="1" t="s">
        <v>1335</v>
      </c>
    </row>
    <row r="273" spans="1:12" x14ac:dyDescent="0.25">
      <c r="A273" s="1" t="s">
        <v>2697</v>
      </c>
      <c r="B273" s="1" t="s">
        <v>2307</v>
      </c>
      <c r="C273" s="1" t="s">
        <v>1686</v>
      </c>
      <c r="D273" s="1" t="s">
        <v>1410</v>
      </c>
      <c r="E273" s="1" t="s">
        <v>1410</v>
      </c>
      <c r="F273" s="1" t="s">
        <v>2698</v>
      </c>
      <c r="G273" s="1" t="s">
        <v>2699</v>
      </c>
      <c r="H273" s="1" t="s">
        <v>2463</v>
      </c>
      <c r="I273" s="1" t="s">
        <v>2700</v>
      </c>
      <c r="K273" s="1" t="s">
        <v>1366</v>
      </c>
      <c r="L273" s="1" t="s">
        <v>1335</v>
      </c>
    </row>
    <row r="274" spans="1:12" x14ac:dyDescent="0.25">
      <c r="A274" s="1" t="s">
        <v>2701</v>
      </c>
      <c r="B274" s="1" t="s">
        <v>2307</v>
      </c>
      <c r="C274" s="1" t="s">
        <v>1686</v>
      </c>
      <c r="D274" s="1" t="s">
        <v>1416</v>
      </c>
      <c r="E274" s="1" t="s">
        <v>1416</v>
      </c>
      <c r="F274" s="1" t="s">
        <v>2702</v>
      </c>
      <c r="G274" s="1" t="s">
        <v>2703</v>
      </c>
      <c r="H274" s="1" t="s">
        <v>2330</v>
      </c>
      <c r="I274" s="1" t="s">
        <v>2704</v>
      </c>
      <c r="K274" s="1" t="s">
        <v>1366</v>
      </c>
      <c r="L274" s="1" t="s">
        <v>1335</v>
      </c>
    </row>
    <row r="275" spans="1:12" x14ac:dyDescent="0.25">
      <c r="A275" s="1" t="s">
        <v>2705</v>
      </c>
      <c r="B275" s="1" t="s">
        <v>2307</v>
      </c>
      <c r="C275" s="1" t="s">
        <v>1686</v>
      </c>
      <c r="D275" s="1" t="s">
        <v>1422</v>
      </c>
      <c r="E275" s="1" t="s">
        <v>1422</v>
      </c>
      <c r="F275" s="1" t="s">
        <v>2706</v>
      </c>
      <c r="G275" s="1" t="s">
        <v>2707</v>
      </c>
      <c r="H275" s="1" t="s">
        <v>2708</v>
      </c>
      <c r="I275" s="1" t="s">
        <v>2709</v>
      </c>
      <c r="K275" s="1" t="s">
        <v>1334</v>
      </c>
      <c r="L275" s="1" t="s">
        <v>1335</v>
      </c>
    </row>
    <row r="276" spans="1:12" x14ac:dyDescent="0.25">
      <c r="A276" s="1" t="s">
        <v>2710</v>
      </c>
      <c r="B276" s="1" t="s">
        <v>2307</v>
      </c>
      <c r="C276" s="1" t="s">
        <v>1686</v>
      </c>
      <c r="D276" s="1" t="s">
        <v>1428</v>
      </c>
      <c r="E276" s="1" t="s">
        <v>1428</v>
      </c>
      <c r="F276" s="1" t="s">
        <v>2711</v>
      </c>
      <c r="G276" s="1" t="s">
        <v>2712</v>
      </c>
      <c r="H276" s="1" t="s">
        <v>2547</v>
      </c>
      <c r="I276" s="1" t="s">
        <v>2713</v>
      </c>
      <c r="K276" s="1" t="s">
        <v>1366</v>
      </c>
      <c r="L276" s="1" t="s">
        <v>1335</v>
      </c>
    </row>
    <row r="277" spans="1:12" x14ac:dyDescent="0.25">
      <c r="A277" s="1" t="s">
        <v>2714</v>
      </c>
      <c r="B277" s="1" t="s">
        <v>2307</v>
      </c>
      <c r="C277" s="1" t="s">
        <v>1686</v>
      </c>
      <c r="D277" s="1" t="s">
        <v>1434</v>
      </c>
      <c r="E277" s="1" t="s">
        <v>1434</v>
      </c>
      <c r="F277" s="1" t="s">
        <v>2715</v>
      </c>
      <c r="G277" s="1" t="s">
        <v>2716</v>
      </c>
      <c r="H277" s="1" t="s">
        <v>2717</v>
      </c>
      <c r="I277" s="1" t="s">
        <v>2718</v>
      </c>
      <c r="K277" s="1" t="s">
        <v>1366</v>
      </c>
      <c r="L277" s="1" t="s">
        <v>1335</v>
      </c>
    </row>
    <row r="278" spans="1:12" x14ac:dyDescent="0.25">
      <c r="A278" s="1" t="s">
        <v>2719</v>
      </c>
      <c r="B278" s="1" t="s">
        <v>2307</v>
      </c>
      <c r="C278" s="1" t="s">
        <v>1686</v>
      </c>
      <c r="D278" s="1" t="s">
        <v>1440</v>
      </c>
      <c r="E278" s="1" t="s">
        <v>1440</v>
      </c>
      <c r="F278" s="1" t="s">
        <v>2720</v>
      </c>
      <c r="G278" s="1" t="s">
        <v>2721</v>
      </c>
      <c r="H278" s="1" t="s">
        <v>2666</v>
      </c>
      <c r="I278" s="1" t="s">
        <v>2722</v>
      </c>
      <c r="K278" s="1" t="s">
        <v>1366</v>
      </c>
      <c r="L278" s="1" t="s">
        <v>1335</v>
      </c>
    </row>
    <row r="279" spans="1:12" x14ac:dyDescent="0.25">
      <c r="A279" s="1" t="s">
        <v>2723</v>
      </c>
      <c r="B279" s="1" t="s">
        <v>2307</v>
      </c>
      <c r="C279" s="1" t="s">
        <v>1686</v>
      </c>
      <c r="D279" s="1" t="s">
        <v>1446</v>
      </c>
      <c r="E279" s="1" t="s">
        <v>1446</v>
      </c>
      <c r="F279" s="1" t="s">
        <v>2724</v>
      </c>
      <c r="G279" s="1" t="s">
        <v>2725</v>
      </c>
      <c r="H279" s="1" t="s">
        <v>2726</v>
      </c>
      <c r="I279" s="1" t="s">
        <v>2727</v>
      </c>
      <c r="K279" s="1" t="s">
        <v>1334</v>
      </c>
      <c r="L279" s="1" t="s">
        <v>1335</v>
      </c>
    </row>
    <row r="280" spans="1:12" x14ac:dyDescent="0.25">
      <c r="A280" s="1" t="s">
        <v>2728</v>
      </c>
      <c r="B280" s="1" t="s">
        <v>2307</v>
      </c>
      <c r="C280" s="1" t="s">
        <v>1686</v>
      </c>
      <c r="D280" s="1" t="s">
        <v>1452</v>
      </c>
      <c r="E280" s="1" t="s">
        <v>1452</v>
      </c>
      <c r="F280" s="1" t="s">
        <v>2729</v>
      </c>
      <c r="G280" s="1" t="s">
        <v>2730</v>
      </c>
      <c r="H280" s="1" t="s">
        <v>2362</v>
      </c>
      <c r="I280" s="1" t="s">
        <v>2731</v>
      </c>
      <c r="K280" s="1" t="s">
        <v>1366</v>
      </c>
      <c r="L280" s="1" t="s">
        <v>1335</v>
      </c>
    </row>
    <row r="281" spans="1:12" x14ac:dyDescent="0.25">
      <c r="A281" s="1" t="s">
        <v>2732</v>
      </c>
      <c r="B281" s="1" t="s">
        <v>2307</v>
      </c>
      <c r="C281" s="1" t="s">
        <v>1686</v>
      </c>
      <c r="D281" s="1" t="s">
        <v>1458</v>
      </c>
      <c r="E281" s="1" t="s">
        <v>1458</v>
      </c>
      <c r="F281" s="1" t="s">
        <v>2733</v>
      </c>
      <c r="G281" s="1" t="s">
        <v>2734</v>
      </c>
      <c r="H281" s="1" t="s">
        <v>2735</v>
      </c>
      <c r="I281" s="1" t="s">
        <v>2736</v>
      </c>
      <c r="K281" s="1" t="s">
        <v>1334</v>
      </c>
      <c r="L281" s="1" t="s">
        <v>1335</v>
      </c>
    </row>
    <row r="282" spans="1:12" x14ac:dyDescent="0.25">
      <c r="A282" s="1" t="s">
        <v>2737</v>
      </c>
      <c r="B282" s="1" t="s">
        <v>2307</v>
      </c>
      <c r="C282" s="1" t="s">
        <v>1686</v>
      </c>
      <c r="D282" s="1" t="s">
        <v>1464</v>
      </c>
      <c r="E282" s="1" t="s">
        <v>1464</v>
      </c>
      <c r="F282" s="1" t="s">
        <v>2738</v>
      </c>
      <c r="G282" s="1" t="s">
        <v>2739</v>
      </c>
      <c r="H282" s="1" t="s">
        <v>2566</v>
      </c>
      <c r="I282" s="1" t="s">
        <v>2740</v>
      </c>
      <c r="K282" s="1" t="s">
        <v>1334</v>
      </c>
      <c r="L282" s="1" t="s">
        <v>1335</v>
      </c>
    </row>
    <row r="283" spans="1:12" x14ac:dyDescent="0.25">
      <c r="A283" s="1" t="s">
        <v>2741</v>
      </c>
      <c r="B283" s="1" t="s">
        <v>2307</v>
      </c>
      <c r="C283" s="1" t="s">
        <v>1686</v>
      </c>
      <c r="D283" s="1" t="s">
        <v>1470</v>
      </c>
      <c r="E283" s="1" t="s">
        <v>1470</v>
      </c>
      <c r="F283" s="1" t="s">
        <v>2742</v>
      </c>
      <c r="G283" s="1" t="s">
        <v>2743</v>
      </c>
      <c r="H283" s="1" t="s">
        <v>2744</v>
      </c>
      <c r="I283" s="1" t="s">
        <v>2745</v>
      </c>
      <c r="K283" s="1" t="s">
        <v>1334</v>
      </c>
      <c r="L283" s="1" t="s">
        <v>1335</v>
      </c>
    </row>
    <row r="284" spans="1:12" x14ac:dyDescent="0.25">
      <c r="A284" s="1" t="s">
        <v>2746</v>
      </c>
      <c r="B284" s="1" t="s">
        <v>2307</v>
      </c>
      <c r="C284" s="1" t="s">
        <v>1686</v>
      </c>
      <c r="D284" s="1" t="s">
        <v>1476</v>
      </c>
      <c r="E284" s="1" t="s">
        <v>1476</v>
      </c>
      <c r="F284" s="1" t="s">
        <v>2747</v>
      </c>
      <c r="G284" s="1" t="s">
        <v>2748</v>
      </c>
      <c r="H284" s="1" t="s">
        <v>2749</v>
      </c>
      <c r="I284" s="1" t="s">
        <v>2750</v>
      </c>
      <c r="K284" s="1" t="s">
        <v>1366</v>
      </c>
      <c r="L284" s="1" t="s">
        <v>1335</v>
      </c>
    </row>
    <row r="285" spans="1:12" x14ac:dyDescent="0.25">
      <c r="A285" s="1" t="s">
        <v>2751</v>
      </c>
      <c r="B285" s="1" t="s">
        <v>2307</v>
      </c>
      <c r="C285" s="1" t="s">
        <v>1686</v>
      </c>
      <c r="D285" s="1" t="s">
        <v>1482</v>
      </c>
      <c r="E285" s="1" t="s">
        <v>1482</v>
      </c>
      <c r="F285" s="1" t="s">
        <v>2752</v>
      </c>
      <c r="G285" s="1" t="s">
        <v>2753</v>
      </c>
      <c r="H285" s="1" t="s">
        <v>2754</v>
      </c>
      <c r="I285" s="1" t="s">
        <v>2755</v>
      </c>
      <c r="K285" s="1" t="s">
        <v>1334</v>
      </c>
      <c r="L285" s="1" t="s">
        <v>1335</v>
      </c>
    </row>
    <row r="286" spans="1:12" x14ac:dyDescent="0.25">
      <c r="A286" s="1" t="s">
        <v>2756</v>
      </c>
      <c r="B286" s="1" t="s">
        <v>2307</v>
      </c>
      <c r="C286" s="1" t="s">
        <v>1686</v>
      </c>
      <c r="D286" s="1" t="s">
        <v>1488</v>
      </c>
      <c r="E286" s="1" t="s">
        <v>1488</v>
      </c>
      <c r="F286" s="1" t="s">
        <v>2757</v>
      </c>
      <c r="G286" s="1" t="s">
        <v>2758</v>
      </c>
      <c r="H286" s="1" t="s">
        <v>2759</v>
      </c>
      <c r="I286" s="1" t="s">
        <v>2760</v>
      </c>
      <c r="K286" s="1" t="s">
        <v>1366</v>
      </c>
      <c r="L286" s="1" t="s">
        <v>1335</v>
      </c>
    </row>
    <row r="287" spans="1:12" x14ac:dyDescent="0.25">
      <c r="A287" s="1" t="s">
        <v>2761</v>
      </c>
      <c r="B287" s="1" t="s">
        <v>2307</v>
      </c>
      <c r="C287" s="1" t="s">
        <v>1686</v>
      </c>
      <c r="D287" s="1" t="s">
        <v>1494</v>
      </c>
      <c r="E287" s="1" t="s">
        <v>1494</v>
      </c>
      <c r="F287" s="1" t="s">
        <v>2762</v>
      </c>
      <c r="G287" s="1" t="s">
        <v>2763</v>
      </c>
      <c r="H287" s="1" t="s">
        <v>2764</v>
      </c>
      <c r="I287" s="1" t="s">
        <v>2765</v>
      </c>
      <c r="K287" s="1" t="s">
        <v>1334</v>
      </c>
      <c r="L287" s="1" t="s">
        <v>1335</v>
      </c>
    </row>
    <row r="288" spans="1:12" x14ac:dyDescent="0.25">
      <c r="A288" s="1" t="s">
        <v>2766</v>
      </c>
      <c r="B288" s="1" t="s">
        <v>2307</v>
      </c>
      <c r="C288" s="1" t="s">
        <v>1686</v>
      </c>
      <c r="D288" s="1" t="s">
        <v>1500</v>
      </c>
      <c r="E288" s="1" t="s">
        <v>1500</v>
      </c>
      <c r="F288" s="1" t="s">
        <v>2767</v>
      </c>
      <c r="G288" s="1" t="s">
        <v>2768</v>
      </c>
      <c r="H288" s="1" t="s">
        <v>2769</v>
      </c>
      <c r="I288" s="1" t="s">
        <v>2770</v>
      </c>
      <c r="K288" s="1" t="s">
        <v>1366</v>
      </c>
      <c r="L288" s="1" t="s">
        <v>1335</v>
      </c>
    </row>
    <row r="289" spans="1:12" x14ac:dyDescent="0.25">
      <c r="A289" s="1" t="s">
        <v>2771</v>
      </c>
      <c r="B289" s="1" t="s">
        <v>2307</v>
      </c>
      <c r="C289" s="1" t="s">
        <v>1686</v>
      </c>
      <c r="D289" s="1" t="s">
        <v>1506</v>
      </c>
      <c r="E289" s="1" t="s">
        <v>1506</v>
      </c>
      <c r="F289" s="1" t="s">
        <v>2772</v>
      </c>
      <c r="G289" s="1" t="s">
        <v>2773</v>
      </c>
      <c r="H289" s="1" t="s">
        <v>2774</v>
      </c>
      <c r="I289" s="1" t="s">
        <v>2775</v>
      </c>
      <c r="K289" s="1" t="s">
        <v>1366</v>
      </c>
      <c r="L289" s="1" t="s">
        <v>1335</v>
      </c>
    </row>
    <row r="290" spans="1:12" x14ac:dyDescent="0.25">
      <c r="A290" s="1" t="s">
        <v>2776</v>
      </c>
      <c r="B290" s="1" t="s">
        <v>2307</v>
      </c>
      <c r="C290" s="1" t="s">
        <v>1686</v>
      </c>
      <c r="D290" s="1" t="s">
        <v>1512</v>
      </c>
      <c r="E290" s="1" t="s">
        <v>1512</v>
      </c>
      <c r="F290" s="1" t="s">
        <v>2777</v>
      </c>
      <c r="G290" s="1" t="s">
        <v>2778</v>
      </c>
      <c r="H290" s="1" t="s">
        <v>2779</v>
      </c>
      <c r="I290" s="1" t="s">
        <v>2780</v>
      </c>
      <c r="K290" s="1" t="s">
        <v>1334</v>
      </c>
      <c r="L290" s="1" t="s">
        <v>1335</v>
      </c>
    </row>
    <row r="291" spans="1:12" x14ac:dyDescent="0.25">
      <c r="A291" s="1" t="s">
        <v>2781</v>
      </c>
      <c r="B291" s="1" t="s">
        <v>2307</v>
      </c>
      <c r="C291" s="1" t="s">
        <v>1843</v>
      </c>
      <c r="D291" s="1" t="s">
        <v>1329</v>
      </c>
      <c r="E291" s="1" t="s">
        <v>1329</v>
      </c>
      <c r="F291" s="1" t="s">
        <v>2782</v>
      </c>
      <c r="G291" s="1" t="s">
        <v>2783</v>
      </c>
      <c r="H291" s="1" t="s">
        <v>2784</v>
      </c>
      <c r="I291" s="1" t="s">
        <v>2785</v>
      </c>
      <c r="K291" s="1" t="s">
        <v>1366</v>
      </c>
      <c r="L291" s="1" t="s">
        <v>1335</v>
      </c>
    </row>
    <row r="292" spans="1:12" x14ac:dyDescent="0.25">
      <c r="A292" s="1" t="s">
        <v>2786</v>
      </c>
      <c r="B292" s="1" t="s">
        <v>2307</v>
      </c>
      <c r="C292" s="1" t="s">
        <v>1843</v>
      </c>
      <c r="D292" s="1" t="s">
        <v>1337</v>
      </c>
      <c r="E292" s="1" t="s">
        <v>1337</v>
      </c>
      <c r="F292" s="1" t="s">
        <v>2787</v>
      </c>
      <c r="G292" s="1" t="s">
        <v>2788</v>
      </c>
      <c r="H292" s="1" t="s">
        <v>2614</v>
      </c>
      <c r="I292" s="1" t="s">
        <v>2789</v>
      </c>
      <c r="K292" s="1" t="s">
        <v>1366</v>
      </c>
      <c r="L292" s="1" t="s">
        <v>1335</v>
      </c>
    </row>
    <row r="293" spans="1:12" x14ac:dyDescent="0.25">
      <c r="A293" s="1" t="s">
        <v>2790</v>
      </c>
      <c r="B293" s="1" t="s">
        <v>2307</v>
      </c>
      <c r="C293" s="1" t="s">
        <v>1843</v>
      </c>
      <c r="D293" s="1" t="s">
        <v>1343</v>
      </c>
      <c r="E293" s="1" t="s">
        <v>1343</v>
      </c>
      <c r="F293" s="1" t="s">
        <v>2791</v>
      </c>
      <c r="G293" s="1" t="s">
        <v>2792</v>
      </c>
      <c r="H293" s="1" t="s">
        <v>2793</v>
      </c>
      <c r="I293" s="1" t="s">
        <v>2794</v>
      </c>
      <c r="K293" s="1" t="s">
        <v>1366</v>
      </c>
      <c r="L293" s="1" t="s">
        <v>1335</v>
      </c>
    </row>
    <row r="294" spans="1:12" x14ac:dyDescent="0.25">
      <c r="A294" s="1" t="s">
        <v>2795</v>
      </c>
      <c r="B294" s="1" t="s">
        <v>2307</v>
      </c>
      <c r="C294" s="1" t="s">
        <v>1843</v>
      </c>
      <c r="D294" s="1" t="s">
        <v>1349</v>
      </c>
      <c r="E294" s="1" t="s">
        <v>1349</v>
      </c>
      <c r="F294" s="1" t="s">
        <v>2796</v>
      </c>
      <c r="G294" s="1" t="s">
        <v>2797</v>
      </c>
      <c r="H294" s="1" t="s">
        <v>2798</v>
      </c>
      <c r="I294" s="1" t="s">
        <v>2799</v>
      </c>
      <c r="K294" s="1" t="s">
        <v>1366</v>
      </c>
      <c r="L294" s="1" t="s">
        <v>1335</v>
      </c>
    </row>
    <row r="295" spans="1:12" x14ac:dyDescent="0.25">
      <c r="A295" s="1" t="s">
        <v>2800</v>
      </c>
      <c r="B295" s="1" t="s">
        <v>2307</v>
      </c>
      <c r="C295" s="1" t="s">
        <v>1843</v>
      </c>
      <c r="D295" s="1" t="s">
        <v>1355</v>
      </c>
      <c r="E295" s="1" t="s">
        <v>1355</v>
      </c>
      <c r="F295" s="1" t="s">
        <v>2801</v>
      </c>
      <c r="G295" s="1" t="s">
        <v>2802</v>
      </c>
      <c r="H295" s="1" t="s">
        <v>2803</v>
      </c>
      <c r="I295" s="1" t="s">
        <v>2804</v>
      </c>
      <c r="K295" s="1" t="s">
        <v>1334</v>
      </c>
      <c r="L295" s="1" t="s">
        <v>1335</v>
      </c>
    </row>
    <row r="296" spans="1:12" x14ac:dyDescent="0.25">
      <c r="A296" s="1" t="s">
        <v>2805</v>
      </c>
      <c r="B296" s="1" t="s">
        <v>2307</v>
      </c>
      <c r="C296" s="1" t="s">
        <v>1843</v>
      </c>
      <c r="D296" s="1" t="s">
        <v>1361</v>
      </c>
      <c r="E296" s="1" t="s">
        <v>1361</v>
      </c>
      <c r="F296" s="1" t="s">
        <v>2806</v>
      </c>
      <c r="G296" s="1" t="s">
        <v>2807</v>
      </c>
      <c r="H296" s="1" t="s">
        <v>2695</v>
      </c>
      <c r="I296" s="1" t="s">
        <v>2808</v>
      </c>
      <c r="K296" s="1" t="s">
        <v>1334</v>
      </c>
      <c r="L296" s="1" t="s">
        <v>1335</v>
      </c>
    </row>
    <row r="297" spans="1:12" x14ac:dyDescent="0.25">
      <c r="A297" s="1" t="s">
        <v>2809</v>
      </c>
      <c r="B297" s="1" t="s">
        <v>2307</v>
      </c>
      <c r="C297" s="1" t="s">
        <v>1843</v>
      </c>
      <c r="D297" s="1" t="s">
        <v>1368</v>
      </c>
      <c r="E297" s="1" t="s">
        <v>1368</v>
      </c>
      <c r="F297" s="1" t="s">
        <v>2810</v>
      </c>
      <c r="G297" s="1" t="s">
        <v>2811</v>
      </c>
      <c r="H297" s="1" t="s">
        <v>2812</v>
      </c>
      <c r="I297" s="1" t="s">
        <v>2813</v>
      </c>
      <c r="K297" s="1" t="s">
        <v>1334</v>
      </c>
      <c r="L297" s="1" t="s">
        <v>1335</v>
      </c>
    </row>
    <row r="298" spans="1:12" x14ac:dyDescent="0.25">
      <c r="A298" s="1" t="s">
        <v>2814</v>
      </c>
      <c r="B298" s="1" t="s">
        <v>2307</v>
      </c>
      <c r="C298" s="1" t="s">
        <v>1843</v>
      </c>
      <c r="D298" s="1" t="s">
        <v>1374</v>
      </c>
      <c r="E298" s="1" t="s">
        <v>1374</v>
      </c>
      <c r="F298" s="1" t="s">
        <v>2815</v>
      </c>
      <c r="G298" s="1" t="s">
        <v>2816</v>
      </c>
      <c r="H298" s="1" t="s">
        <v>2817</v>
      </c>
      <c r="I298" s="1" t="s">
        <v>2818</v>
      </c>
      <c r="K298" s="1" t="s">
        <v>1334</v>
      </c>
      <c r="L298" s="1" t="s">
        <v>1335</v>
      </c>
    </row>
    <row r="299" spans="1:12" x14ac:dyDescent="0.25">
      <c r="A299" s="1" t="s">
        <v>2819</v>
      </c>
      <c r="B299" s="1" t="s">
        <v>2307</v>
      </c>
      <c r="C299" s="1" t="s">
        <v>1843</v>
      </c>
      <c r="D299" s="1" t="s">
        <v>1380</v>
      </c>
      <c r="E299" s="1" t="s">
        <v>1380</v>
      </c>
      <c r="F299" s="1" t="s">
        <v>2820</v>
      </c>
      <c r="G299" s="1" t="s">
        <v>2821</v>
      </c>
      <c r="H299" s="1" t="s">
        <v>2822</v>
      </c>
      <c r="I299" s="1" t="s">
        <v>2823</v>
      </c>
      <c r="K299" s="1" t="s">
        <v>1366</v>
      </c>
      <c r="L299" s="1" t="s">
        <v>1335</v>
      </c>
    </row>
    <row r="300" spans="1:12" x14ac:dyDescent="0.25">
      <c r="A300" s="1" t="s">
        <v>2824</v>
      </c>
      <c r="B300" s="1" t="s">
        <v>2307</v>
      </c>
      <c r="C300" s="1" t="s">
        <v>1843</v>
      </c>
      <c r="D300" s="1" t="s">
        <v>1386</v>
      </c>
      <c r="E300" s="1" t="s">
        <v>1386</v>
      </c>
      <c r="F300" s="1" t="s">
        <v>2825</v>
      </c>
      <c r="G300" s="1" t="s">
        <v>2826</v>
      </c>
      <c r="H300" s="1" t="s">
        <v>2416</v>
      </c>
      <c r="I300" s="1" t="s">
        <v>2827</v>
      </c>
      <c r="K300" s="1" t="s">
        <v>1366</v>
      </c>
      <c r="L300" s="1" t="s">
        <v>1335</v>
      </c>
    </row>
    <row r="301" spans="1:12" x14ac:dyDescent="0.25">
      <c r="A301" s="1" t="s">
        <v>2828</v>
      </c>
      <c r="B301" s="1" t="s">
        <v>2307</v>
      </c>
      <c r="C301" s="1" t="s">
        <v>1843</v>
      </c>
      <c r="D301" s="1" t="s">
        <v>1392</v>
      </c>
      <c r="E301" s="1" t="s">
        <v>1392</v>
      </c>
      <c r="F301" s="1" t="s">
        <v>2829</v>
      </c>
      <c r="G301" s="1" t="s">
        <v>2830</v>
      </c>
      <c r="H301" s="1" t="s">
        <v>2614</v>
      </c>
      <c r="I301" s="1" t="s">
        <v>2831</v>
      </c>
      <c r="K301" s="1" t="s">
        <v>1366</v>
      </c>
      <c r="L301" s="1" t="s">
        <v>1335</v>
      </c>
    </row>
    <row r="302" spans="1:12" x14ac:dyDescent="0.25">
      <c r="A302" s="1" t="s">
        <v>2832</v>
      </c>
      <c r="B302" s="1" t="s">
        <v>2307</v>
      </c>
      <c r="C302" s="1" t="s">
        <v>1843</v>
      </c>
      <c r="D302" s="1" t="s">
        <v>1398</v>
      </c>
      <c r="E302" s="1" t="s">
        <v>1398</v>
      </c>
      <c r="F302" s="1" t="s">
        <v>2833</v>
      </c>
      <c r="G302" s="1" t="s">
        <v>2834</v>
      </c>
      <c r="H302" s="1" t="s">
        <v>2835</v>
      </c>
      <c r="I302" s="1" t="s">
        <v>2836</v>
      </c>
      <c r="K302" s="1" t="s">
        <v>1366</v>
      </c>
      <c r="L302" s="1" t="s">
        <v>1335</v>
      </c>
    </row>
    <row r="303" spans="1:12" x14ac:dyDescent="0.25">
      <c r="A303" s="1" t="s">
        <v>2837</v>
      </c>
      <c r="B303" s="1" t="s">
        <v>2307</v>
      </c>
      <c r="C303" s="1" t="s">
        <v>1843</v>
      </c>
      <c r="D303" s="1" t="s">
        <v>1404</v>
      </c>
      <c r="E303" s="1" t="s">
        <v>1404</v>
      </c>
      <c r="F303" s="1" t="s">
        <v>2838</v>
      </c>
      <c r="G303" s="1" t="s">
        <v>2839</v>
      </c>
      <c r="H303" s="1" t="s">
        <v>2619</v>
      </c>
      <c r="I303" s="1" t="s">
        <v>2840</v>
      </c>
      <c r="K303" s="1" t="s">
        <v>1334</v>
      </c>
      <c r="L303" s="1" t="s">
        <v>1335</v>
      </c>
    </row>
    <row r="304" spans="1:12" x14ac:dyDescent="0.25">
      <c r="A304" s="1" t="s">
        <v>2841</v>
      </c>
      <c r="B304" s="1" t="s">
        <v>2307</v>
      </c>
      <c r="C304" s="1" t="s">
        <v>1843</v>
      </c>
      <c r="D304" s="1" t="s">
        <v>1410</v>
      </c>
      <c r="E304" s="1" t="s">
        <v>1410</v>
      </c>
      <c r="F304" s="1" t="s">
        <v>2842</v>
      </c>
      <c r="G304" s="1" t="s">
        <v>2843</v>
      </c>
      <c r="H304" s="1" t="s">
        <v>2844</v>
      </c>
      <c r="I304" s="1" t="s">
        <v>2845</v>
      </c>
      <c r="K304" s="1" t="s">
        <v>1366</v>
      </c>
      <c r="L304" s="1" t="s">
        <v>1335</v>
      </c>
    </row>
    <row r="305" spans="1:12" x14ac:dyDescent="0.25">
      <c r="A305" s="1" t="s">
        <v>2846</v>
      </c>
      <c r="B305" s="1" t="s">
        <v>2307</v>
      </c>
      <c r="C305" s="1" t="s">
        <v>1843</v>
      </c>
      <c r="D305" s="1" t="s">
        <v>1416</v>
      </c>
      <c r="E305" s="1" t="s">
        <v>1416</v>
      </c>
      <c r="F305" s="1" t="s">
        <v>2847</v>
      </c>
      <c r="G305" s="1" t="s">
        <v>2848</v>
      </c>
      <c r="H305" s="1" t="s">
        <v>2849</v>
      </c>
      <c r="I305" s="1" t="s">
        <v>2850</v>
      </c>
      <c r="K305" s="1" t="s">
        <v>1366</v>
      </c>
      <c r="L305" s="1" t="s">
        <v>1335</v>
      </c>
    </row>
    <row r="306" spans="1:12" x14ac:dyDescent="0.25">
      <c r="A306" s="1" t="s">
        <v>2851</v>
      </c>
      <c r="B306" s="1" t="s">
        <v>2307</v>
      </c>
      <c r="C306" s="1" t="s">
        <v>1843</v>
      </c>
      <c r="D306" s="1" t="s">
        <v>1422</v>
      </c>
      <c r="E306" s="1" t="s">
        <v>1422</v>
      </c>
      <c r="F306" s="1" t="s">
        <v>2852</v>
      </c>
      <c r="G306" s="1" t="s">
        <v>2853</v>
      </c>
      <c r="H306" s="1" t="s">
        <v>2601</v>
      </c>
      <c r="I306" s="1" t="s">
        <v>2854</v>
      </c>
      <c r="K306" s="1" t="s">
        <v>1334</v>
      </c>
      <c r="L306" s="1" t="s">
        <v>1335</v>
      </c>
    </row>
    <row r="307" spans="1:12" x14ac:dyDescent="0.25">
      <c r="A307" s="1" t="s">
        <v>2855</v>
      </c>
      <c r="B307" s="1" t="s">
        <v>2307</v>
      </c>
      <c r="C307" s="1" t="s">
        <v>1843</v>
      </c>
      <c r="D307" s="1" t="s">
        <v>1428</v>
      </c>
      <c r="E307" s="1" t="s">
        <v>1428</v>
      </c>
      <c r="F307" s="1" t="s">
        <v>2856</v>
      </c>
      <c r="G307" s="1" t="s">
        <v>2857</v>
      </c>
      <c r="H307" s="1" t="s">
        <v>2858</v>
      </c>
      <c r="I307" s="1" t="s">
        <v>2859</v>
      </c>
      <c r="K307" s="1" t="s">
        <v>1366</v>
      </c>
      <c r="L307" s="1" t="s">
        <v>1335</v>
      </c>
    </row>
    <row r="308" spans="1:12" x14ac:dyDescent="0.25">
      <c r="A308" s="1" t="s">
        <v>2860</v>
      </c>
      <c r="B308" s="1" t="s">
        <v>2307</v>
      </c>
      <c r="C308" s="1" t="s">
        <v>1843</v>
      </c>
      <c r="D308" s="1" t="s">
        <v>1434</v>
      </c>
      <c r="E308" s="1" t="s">
        <v>1434</v>
      </c>
      <c r="F308" s="1" t="s">
        <v>2861</v>
      </c>
      <c r="G308" s="1" t="s">
        <v>2862</v>
      </c>
      <c r="H308" s="1" t="s">
        <v>2863</v>
      </c>
      <c r="I308" s="1" t="s">
        <v>2864</v>
      </c>
      <c r="K308" s="1" t="s">
        <v>1334</v>
      </c>
      <c r="L308" s="1" t="s">
        <v>1335</v>
      </c>
    </row>
    <row r="309" spans="1:12" x14ac:dyDescent="0.25">
      <c r="A309" s="1" t="s">
        <v>2865</v>
      </c>
      <c r="B309" s="1" t="s">
        <v>2307</v>
      </c>
      <c r="C309" s="1" t="s">
        <v>1843</v>
      </c>
      <c r="D309" s="1" t="s">
        <v>1440</v>
      </c>
      <c r="E309" s="1" t="s">
        <v>1440</v>
      </c>
      <c r="F309" s="1" t="s">
        <v>2866</v>
      </c>
      <c r="G309" s="1" t="s">
        <v>2867</v>
      </c>
      <c r="H309" s="1" t="s">
        <v>2868</v>
      </c>
      <c r="I309" s="1" t="s">
        <v>2869</v>
      </c>
      <c r="K309" s="1" t="s">
        <v>1334</v>
      </c>
      <c r="L309" s="1" t="s">
        <v>1335</v>
      </c>
    </row>
    <row r="310" spans="1:12" x14ac:dyDescent="0.25">
      <c r="A310" s="1" t="s">
        <v>2870</v>
      </c>
      <c r="B310" s="1" t="s">
        <v>2307</v>
      </c>
      <c r="C310" s="1" t="s">
        <v>1843</v>
      </c>
      <c r="D310" s="1" t="s">
        <v>1446</v>
      </c>
      <c r="E310" s="1" t="s">
        <v>1446</v>
      </c>
      <c r="F310" s="1" t="s">
        <v>2871</v>
      </c>
      <c r="G310" s="1" t="s">
        <v>2872</v>
      </c>
      <c r="H310" s="1" t="s">
        <v>2873</v>
      </c>
      <c r="I310" s="1" t="s">
        <v>2874</v>
      </c>
      <c r="K310" s="1" t="s">
        <v>1334</v>
      </c>
      <c r="L310" s="1" t="s">
        <v>1335</v>
      </c>
    </row>
    <row r="311" spans="1:12" x14ac:dyDescent="0.25">
      <c r="A311" s="1" t="s">
        <v>2875</v>
      </c>
      <c r="B311" s="1" t="s">
        <v>2307</v>
      </c>
      <c r="C311" s="1" t="s">
        <v>1843</v>
      </c>
      <c r="D311" s="1" t="s">
        <v>1452</v>
      </c>
      <c r="E311" s="1" t="s">
        <v>1452</v>
      </c>
      <c r="F311" s="1" t="s">
        <v>2876</v>
      </c>
      <c r="G311" s="1" t="s">
        <v>2877</v>
      </c>
      <c r="H311" s="1" t="s">
        <v>2878</v>
      </c>
      <c r="I311" s="1" t="s">
        <v>2879</v>
      </c>
      <c r="K311" s="1" t="s">
        <v>1334</v>
      </c>
      <c r="L311" s="1" t="s">
        <v>1335</v>
      </c>
    </row>
    <row r="312" spans="1:12" x14ac:dyDescent="0.25">
      <c r="A312" s="1" t="s">
        <v>2880</v>
      </c>
      <c r="B312" s="1" t="s">
        <v>2307</v>
      </c>
      <c r="C312" s="1" t="s">
        <v>1843</v>
      </c>
      <c r="D312" s="1" t="s">
        <v>1458</v>
      </c>
      <c r="E312" s="1" t="s">
        <v>1458</v>
      </c>
      <c r="F312" s="1" t="s">
        <v>2881</v>
      </c>
      <c r="G312" s="1" t="s">
        <v>2882</v>
      </c>
      <c r="H312" s="1" t="s">
        <v>2883</v>
      </c>
      <c r="I312" s="1" t="s">
        <v>2884</v>
      </c>
      <c r="K312" s="1" t="s">
        <v>1366</v>
      </c>
      <c r="L312" s="1" t="s">
        <v>1335</v>
      </c>
    </row>
    <row r="313" spans="1:12" x14ac:dyDescent="0.25">
      <c r="A313" s="1" t="s">
        <v>2885</v>
      </c>
      <c r="B313" s="1" t="s">
        <v>2307</v>
      </c>
      <c r="C313" s="1" t="s">
        <v>1843</v>
      </c>
      <c r="D313" s="1" t="s">
        <v>1464</v>
      </c>
      <c r="E313" s="1" t="s">
        <v>1464</v>
      </c>
      <c r="F313" s="1" t="s">
        <v>2886</v>
      </c>
      <c r="G313" s="1" t="s">
        <v>2887</v>
      </c>
      <c r="H313" s="1" t="s">
        <v>2888</v>
      </c>
      <c r="I313" s="1" t="s">
        <v>2889</v>
      </c>
      <c r="K313" s="1" t="s">
        <v>1366</v>
      </c>
      <c r="L313" s="1" t="s">
        <v>1335</v>
      </c>
    </row>
    <row r="314" spans="1:12" x14ac:dyDescent="0.25">
      <c r="A314" s="1" t="s">
        <v>2890</v>
      </c>
      <c r="B314" s="1" t="s">
        <v>2307</v>
      </c>
      <c r="C314" s="1" t="s">
        <v>1843</v>
      </c>
      <c r="D314" s="1" t="s">
        <v>1470</v>
      </c>
      <c r="E314" s="1" t="s">
        <v>1470</v>
      </c>
      <c r="F314" s="1" t="s">
        <v>2891</v>
      </c>
      <c r="G314" s="1" t="s">
        <v>2892</v>
      </c>
      <c r="H314" s="1" t="s">
        <v>2320</v>
      </c>
      <c r="I314" s="1" t="s">
        <v>2893</v>
      </c>
      <c r="K314" s="1" t="s">
        <v>1366</v>
      </c>
      <c r="L314" s="1" t="s">
        <v>1335</v>
      </c>
    </row>
    <row r="315" spans="1:12" x14ac:dyDescent="0.25">
      <c r="A315" s="1" t="s">
        <v>2894</v>
      </c>
      <c r="B315" s="1" t="s">
        <v>2307</v>
      </c>
      <c r="C315" s="1" t="s">
        <v>1843</v>
      </c>
      <c r="D315" s="1" t="s">
        <v>1476</v>
      </c>
      <c r="E315" s="1" t="s">
        <v>1476</v>
      </c>
      <c r="F315" s="1" t="s">
        <v>2895</v>
      </c>
      <c r="G315" s="1" t="s">
        <v>2896</v>
      </c>
      <c r="H315" s="1" t="s">
        <v>2897</v>
      </c>
      <c r="I315" s="1" t="s">
        <v>2898</v>
      </c>
      <c r="K315" s="1" t="s">
        <v>1334</v>
      </c>
      <c r="L315" s="1" t="s">
        <v>1335</v>
      </c>
    </row>
    <row r="316" spans="1:12" x14ac:dyDescent="0.25">
      <c r="A316" s="1" t="s">
        <v>2899</v>
      </c>
      <c r="B316" s="1" t="s">
        <v>2307</v>
      </c>
      <c r="C316" s="1" t="s">
        <v>1843</v>
      </c>
      <c r="D316" s="1" t="s">
        <v>1482</v>
      </c>
      <c r="E316" s="1" t="s">
        <v>1482</v>
      </c>
      <c r="F316" s="1" t="s">
        <v>2900</v>
      </c>
      <c r="G316" s="1" t="s">
        <v>2901</v>
      </c>
      <c r="H316" s="1" t="s">
        <v>2902</v>
      </c>
      <c r="I316" s="1" t="s">
        <v>2903</v>
      </c>
      <c r="K316" s="1" t="s">
        <v>1334</v>
      </c>
      <c r="L316" s="1" t="s">
        <v>1335</v>
      </c>
    </row>
    <row r="317" spans="1:12" x14ac:dyDescent="0.25">
      <c r="A317" s="1" t="s">
        <v>2904</v>
      </c>
      <c r="B317" s="1" t="s">
        <v>2307</v>
      </c>
      <c r="C317" s="1" t="s">
        <v>1843</v>
      </c>
      <c r="D317" s="1" t="s">
        <v>1488</v>
      </c>
      <c r="E317" s="1" t="s">
        <v>1488</v>
      </c>
      <c r="F317" s="1" t="s">
        <v>2905</v>
      </c>
      <c r="G317" s="1" t="s">
        <v>2906</v>
      </c>
      <c r="H317" s="1" t="s">
        <v>2330</v>
      </c>
      <c r="I317" s="1" t="s">
        <v>2907</v>
      </c>
      <c r="K317" s="1" t="s">
        <v>1334</v>
      </c>
      <c r="L317" s="1" t="s">
        <v>1335</v>
      </c>
    </row>
    <row r="318" spans="1:12" x14ac:dyDescent="0.25">
      <c r="A318" s="1" t="s">
        <v>2908</v>
      </c>
      <c r="B318" s="1" t="s">
        <v>2307</v>
      </c>
      <c r="C318" s="1" t="s">
        <v>1843</v>
      </c>
      <c r="D318" s="1" t="s">
        <v>1494</v>
      </c>
      <c r="E318" s="1" t="s">
        <v>1494</v>
      </c>
      <c r="F318" s="1" t="s">
        <v>2909</v>
      </c>
      <c r="G318" s="1" t="s">
        <v>2910</v>
      </c>
      <c r="H318" s="1" t="s">
        <v>2744</v>
      </c>
      <c r="I318" s="1" t="s">
        <v>2911</v>
      </c>
      <c r="K318" s="1" t="s">
        <v>1334</v>
      </c>
      <c r="L318" s="1" t="s">
        <v>1335</v>
      </c>
    </row>
    <row r="319" spans="1:12" x14ac:dyDescent="0.25">
      <c r="A319" s="1" t="s">
        <v>2912</v>
      </c>
      <c r="B319" s="1" t="s">
        <v>2307</v>
      </c>
      <c r="C319" s="1" t="s">
        <v>1843</v>
      </c>
      <c r="D319" s="1" t="s">
        <v>1500</v>
      </c>
      <c r="E319" s="1" t="s">
        <v>1500</v>
      </c>
      <c r="F319" s="1" t="s">
        <v>2913</v>
      </c>
      <c r="G319" s="1" t="s">
        <v>2914</v>
      </c>
      <c r="H319" s="1" t="s">
        <v>2915</v>
      </c>
      <c r="I319" s="1" t="s">
        <v>2916</v>
      </c>
      <c r="K319" s="1" t="s">
        <v>1366</v>
      </c>
      <c r="L319" s="1" t="s">
        <v>1335</v>
      </c>
    </row>
    <row r="320" spans="1:12" x14ac:dyDescent="0.25">
      <c r="A320" s="1" t="s">
        <v>2917</v>
      </c>
      <c r="B320" s="1" t="s">
        <v>2307</v>
      </c>
      <c r="C320" s="1" t="s">
        <v>1843</v>
      </c>
      <c r="D320" s="1" t="s">
        <v>1506</v>
      </c>
      <c r="E320" s="1" t="s">
        <v>1506</v>
      </c>
      <c r="F320" s="1" t="s">
        <v>2918</v>
      </c>
      <c r="G320" s="1" t="s">
        <v>2919</v>
      </c>
      <c r="H320" s="1" t="s">
        <v>2920</v>
      </c>
      <c r="I320" s="1" t="s">
        <v>2921</v>
      </c>
      <c r="K320" s="1" t="s">
        <v>1366</v>
      </c>
      <c r="L320" s="1" t="s">
        <v>1335</v>
      </c>
    </row>
    <row r="321" spans="1:12" x14ac:dyDescent="0.25">
      <c r="A321" s="1" t="s">
        <v>2922</v>
      </c>
      <c r="B321" s="1" t="s">
        <v>2307</v>
      </c>
      <c r="C321" s="1" t="s">
        <v>1843</v>
      </c>
      <c r="D321" s="1" t="s">
        <v>1512</v>
      </c>
      <c r="E321" s="1" t="s">
        <v>1512</v>
      </c>
      <c r="F321" s="1" t="s">
        <v>2923</v>
      </c>
      <c r="G321" s="1" t="s">
        <v>2924</v>
      </c>
      <c r="H321" s="1" t="s">
        <v>2925</v>
      </c>
      <c r="I321" s="1" t="s">
        <v>2926</v>
      </c>
      <c r="K321" s="1" t="s">
        <v>1334</v>
      </c>
      <c r="L321" s="1" t="s">
        <v>1335</v>
      </c>
    </row>
    <row r="322" spans="1:12" x14ac:dyDescent="0.25">
      <c r="A322" s="1" t="s">
        <v>2927</v>
      </c>
      <c r="B322" s="1" t="s">
        <v>2307</v>
      </c>
      <c r="C322" s="1" t="s">
        <v>1843</v>
      </c>
      <c r="D322" s="1" t="s">
        <v>1517</v>
      </c>
      <c r="E322" s="1" t="s">
        <v>1517</v>
      </c>
      <c r="F322" s="1" t="s">
        <v>2928</v>
      </c>
      <c r="G322" s="1" t="s">
        <v>2929</v>
      </c>
      <c r="H322" s="1" t="s">
        <v>2930</v>
      </c>
      <c r="I322" s="1" t="s">
        <v>2931</v>
      </c>
      <c r="K322" s="1" t="s">
        <v>1334</v>
      </c>
      <c r="L322" s="1" t="s">
        <v>1335</v>
      </c>
    </row>
    <row r="323" spans="1:12" x14ac:dyDescent="0.25">
      <c r="A323" s="1" t="s">
        <v>2932</v>
      </c>
      <c r="B323" s="1" t="s">
        <v>2307</v>
      </c>
      <c r="C323" s="1" t="s">
        <v>1843</v>
      </c>
      <c r="D323" s="1" t="s">
        <v>1523</v>
      </c>
      <c r="E323" s="1" t="s">
        <v>1523</v>
      </c>
      <c r="F323" s="1" t="s">
        <v>2933</v>
      </c>
      <c r="G323" s="1" t="s">
        <v>2934</v>
      </c>
      <c r="H323" s="1" t="s">
        <v>2935</v>
      </c>
      <c r="I323" s="1" t="s">
        <v>2936</v>
      </c>
      <c r="K323" s="1" t="s">
        <v>1366</v>
      </c>
      <c r="L323" s="1" t="s">
        <v>1335</v>
      </c>
    </row>
    <row r="324" spans="1:12" x14ac:dyDescent="0.25">
      <c r="A324" s="1" t="s">
        <v>2937</v>
      </c>
      <c r="B324" s="1" t="s">
        <v>2307</v>
      </c>
      <c r="C324" s="1" t="s">
        <v>2002</v>
      </c>
      <c r="D324" s="1" t="s">
        <v>1329</v>
      </c>
      <c r="E324" s="1" t="s">
        <v>1329</v>
      </c>
      <c r="F324" s="1" t="s">
        <v>2938</v>
      </c>
      <c r="G324" s="1" t="s">
        <v>2939</v>
      </c>
      <c r="H324" s="1" t="s">
        <v>2940</v>
      </c>
      <c r="I324" s="1" t="s">
        <v>2941</v>
      </c>
      <c r="K324" s="1" t="s">
        <v>1334</v>
      </c>
      <c r="L324" s="1" t="s">
        <v>1335</v>
      </c>
    </row>
    <row r="325" spans="1:12" x14ac:dyDescent="0.25">
      <c r="A325" s="1" t="s">
        <v>2942</v>
      </c>
      <c r="B325" s="1" t="s">
        <v>2307</v>
      </c>
      <c r="C325" s="1" t="s">
        <v>2002</v>
      </c>
      <c r="D325" s="1" t="s">
        <v>1337</v>
      </c>
      <c r="E325" s="1" t="s">
        <v>1337</v>
      </c>
      <c r="F325" s="1" t="s">
        <v>2943</v>
      </c>
      <c r="G325" s="1" t="s">
        <v>2944</v>
      </c>
      <c r="H325" s="1" t="s">
        <v>2386</v>
      </c>
      <c r="I325" s="1" t="s">
        <v>2945</v>
      </c>
      <c r="K325" s="1" t="s">
        <v>1334</v>
      </c>
      <c r="L325" s="1" t="s">
        <v>1335</v>
      </c>
    </row>
    <row r="326" spans="1:12" x14ac:dyDescent="0.25">
      <c r="A326" s="1" t="s">
        <v>2946</v>
      </c>
      <c r="B326" s="1" t="s">
        <v>2307</v>
      </c>
      <c r="C326" s="1" t="s">
        <v>2002</v>
      </c>
      <c r="D326" s="1" t="s">
        <v>1343</v>
      </c>
      <c r="E326" s="1" t="s">
        <v>1343</v>
      </c>
      <c r="F326" s="1" t="s">
        <v>2947</v>
      </c>
      <c r="G326" s="1" t="s">
        <v>2948</v>
      </c>
      <c r="H326" s="1" t="s">
        <v>2949</v>
      </c>
      <c r="I326" s="1" t="s">
        <v>2950</v>
      </c>
      <c r="K326" s="1" t="s">
        <v>1334</v>
      </c>
      <c r="L326" s="1" t="s">
        <v>1335</v>
      </c>
    </row>
    <row r="327" spans="1:12" x14ac:dyDescent="0.25">
      <c r="A327" s="1" t="s">
        <v>2951</v>
      </c>
      <c r="B327" s="1" t="s">
        <v>2307</v>
      </c>
      <c r="C327" s="1" t="s">
        <v>2002</v>
      </c>
      <c r="D327" s="1" t="s">
        <v>1349</v>
      </c>
      <c r="E327" s="1" t="s">
        <v>1349</v>
      </c>
      <c r="F327" s="1" t="s">
        <v>2952</v>
      </c>
      <c r="G327" s="1" t="s">
        <v>2953</v>
      </c>
      <c r="H327" s="1" t="s">
        <v>2954</v>
      </c>
      <c r="I327" s="1" t="s">
        <v>2955</v>
      </c>
      <c r="K327" s="1" t="s">
        <v>1366</v>
      </c>
      <c r="L327" s="1" t="s">
        <v>1335</v>
      </c>
    </row>
    <row r="328" spans="1:12" x14ac:dyDescent="0.25">
      <c r="A328" s="1" t="s">
        <v>2956</v>
      </c>
      <c r="B328" s="1" t="s">
        <v>2307</v>
      </c>
      <c r="C328" s="1" t="s">
        <v>2002</v>
      </c>
      <c r="D328" s="1" t="s">
        <v>1355</v>
      </c>
      <c r="E328" s="1" t="s">
        <v>1355</v>
      </c>
      <c r="F328" s="1" t="s">
        <v>2957</v>
      </c>
      <c r="G328" s="1" t="s">
        <v>2958</v>
      </c>
      <c r="H328" s="1" t="s">
        <v>2959</v>
      </c>
      <c r="I328" s="1" t="s">
        <v>2960</v>
      </c>
      <c r="K328" s="1" t="s">
        <v>1366</v>
      </c>
      <c r="L328" s="1" t="s">
        <v>1335</v>
      </c>
    </row>
    <row r="329" spans="1:12" x14ac:dyDescent="0.25">
      <c r="A329" s="1" t="s">
        <v>2961</v>
      </c>
      <c r="B329" s="1" t="s">
        <v>2307</v>
      </c>
      <c r="C329" s="1" t="s">
        <v>2002</v>
      </c>
      <c r="D329" s="1" t="s">
        <v>1361</v>
      </c>
      <c r="E329" s="1" t="s">
        <v>1361</v>
      </c>
      <c r="F329" s="1" t="s">
        <v>2962</v>
      </c>
      <c r="G329" s="1" t="s">
        <v>2963</v>
      </c>
      <c r="H329" s="1" t="s">
        <v>2964</v>
      </c>
      <c r="I329" s="1" t="s">
        <v>2965</v>
      </c>
      <c r="K329" s="1" t="s">
        <v>1366</v>
      </c>
      <c r="L329" s="1" t="s">
        <v>1335</v>
      </c>
    </row>
    <row r="330" spans="1:12" x14ac:dyDescent="0.25">
      <c r="A330" s="1" t="s">
        <v>2966</v>
      </c>
      <c r="B330" s="1" t="s">
        <v>2307</v>
      </c>
      <c r="C330" s="1" t="s">
        <v>2002</v>
      </c>
      <c r="D330" s="1" t="s">
        <v>1368</v>
      </c>
      <c r="E330" s="1" t="s">
        <v>1368</v>
      </c>
      <c r="F330" s="1" t="s">
        <v>2967</v>
      </c>
      <c r="G330" s="1" t="s">
        <v>2968</v>
      </c>
      <c r="H330" s="1" t="s">
        <v>2685</v>
      </c>
      <c r="I330" s="1" t="s">
        <v>2969</v>
      </c>
      <c r="K330" s="1" t="s">
        <v>1334</v>
      </c>
      <c r="L330" s="1" t="s">
        <v>1335</v>
      </c>
    </row>
    <row r="331" spans="1:12" x14ac:dyDescent="0.25">
      <c r="A331" s="1" t="s">
        <v>2970</v>
      </c>
      <c r="B331" s="1" t="s">
        <v>2307</v>
      </c>
      <c r="C331" s="1" t="s">
        <v>2002</v>
      </c>
      <c r="D331" s="1" t="s">
        <v>1374</v>
      </c>
      <c r="E331" s="1" t="s">
        <v>1374</v>
      </c>
      <c r="F331" s="1" t="s">
        <v>2971</v>
      </c>
      <c r="G331" s="1" t="s">
        <v>2972</v>
      </c>
      <c r="H331" s="1" t="s">
        <v>2695</v>
      </c>
      <c r="I331" s="1" t="s">
        <v>2973</v>
      </c>
      <c r="K331" s="1" t="s">
        <v>1366</v>
      </c>
      <c r="L331" s="1" t="s">
        <v>1335</v>
      </c>
    </row>
    <row r="332" spans="1:12" x14ac:dyDescent="0.25">
      <c r="A332" s="1" t="s">
        <v>2974</v>
      </c>
      <c r="B332" s="1" t="s">
        <v>2307</v>
      </c>
      <c r="C332" s="1" t="s">
        <v>2002</v>
      </c>
      <c r="D332" s="1" t="s">
        <v>1380</v>
      </c>
      <c r="E332" s="1" t="s">
        <v>1380</v>
      </c>
      <c r="F332" s="1" t="s">
        <v>2975</v>
      </c>
      <c r="G332" s="1" t="s">
        <v>2976</v>
      </c>
      <c r="H332" s="1" t="s">
        <v>2977</v>
      </c>
      <c r="I332" s="1" t="s">
        <v>2978</v>
      </c>
      <c r="K332" s="1" t="s">
        <v>1334</v>
      </c>
      <c r="L332" s="1" t="s">
        <v>1335</v>
      </c>
    </row>
    <row r="333" spans="1:12" x14ac:dyDescent="0.25">
      <c r="A333" s="1" t="s">
        <v>2979</v>
      </c>
      <c r="B333" s="1" t="s">
        <v>2307</v>
      </c>
      <c r="C333" s="1" t="s">
        <v>2002</v>
      </c>
      <c r="D333" s="1" t="s">
        <v>1386</v>
      </c>
      <c r="E333" s="1" t="s">
        <v>1386</v>
      </c>
      <c r="F333" s="1" t="s">
        <v>2980</v>
      </c>
      <c r="G333" s="1" t="s">
        <v>2981</v>
      </c>
      <c r="H333" s="1" t="s">
        <v>2982</v>
      </c>
      <c r="I333" s="1" t="s">
        <v>2983</v>
      </c>
      <c r="K333" s="1" t="s">
        <v>1334</v>
      </c>
      <c r="L333" s="1" t="s">
        <v>1335</v>
      </c>
    </row>
    <row r="334" spans="1:12" x14ac:dyDescent="0.25">
      <c r="A334" s="1" t="s">
        <v>2984</v>
      </c>
      <c r="B334" s="1" t="s">
        <v>2307</v>
      </c>
      <c r="C334" s="1" t="s">
        <v>2002</v>
      </c>
      <c r="D334" s="1" t="s">
        <v>1392</v>
      </c>
      <c r="E334" s="1" t="s">
        <v>1392</v>
      </c>
      <c r="F334" s="1" t="s">
        <v>2985</v>
      </c>
      <c r="G334" s="1" t="s">
        <v>2986</v>
      </c>
      <c r="H334" s="1" t="s">
        <v>2987</v>
      </c>
      <c r="I334" s="1" t="s">
        <v>2988</v>
      </c>
      <c r="K334" s="1" t="s">
        <v>1366</v>
      </c>
      <c r="L334" s="1" t="s">
        <v>1335</v>
      </c>
    </row>
    <row r="335" spans="1:12" x14ac:dyDescent="0.25">
      <c r="A335" s="1" t="s">
        <v>2989</v>
      </c>
      <c r="B335" s="1" t="s">
        <v>2307</v>
      </c>
      <c r="C335" s="1" t="s">
        <v>2002</v>
      </c>
      <c r="D335" s="1" t="s">
        <v>1398</v>
      </c>
      <c r="E335" s="1" t="s">
        <v>1398</v>
      </c>
      <c r="F335" s="1" t="s">
        <v>2990</v>
      </c>
      <c r="G335" s="1" t="s">
        <v>2991</v>
      </c>
      <c r="H335" s="1" t="s">
        <v>2325</v>
      </c>
      <c r="I335" s="1" t="s">
        <v>2992</v>
      </c>
      <c r="K335" s="1" t="s">
        <v>1334</v>
      </c>
      <c r="L335" s="1" t="s">
        <v>1335</v>
      </c>
    </row>
    <row r="336" spans="1:12" x14ac:dyDescent="0.25">
      <c r="A336" s="1" t="s">
        <v>2993</v>
      </c>
      <c r="B336" s="1" t="s">
        <v>2307</v>
      </c>
      <c r="C336" s="1" t="s">
        <v>2002</v>
      </c>
      <c r="D336" s="1" t="s">
        <v>1404</v>
      </c>
      <c r="E336" s="1" t="s">
        <v>1404</v>
      </c>
      <c r="F336" s="1" t="s">
        <v>2994</v>
      </c>
      <c r="G336" s="1" t="s">
        <v>2995</v>
      </c>
      <c r="H336" s="1" t="s">
        <v>2996</v>
      </c>
      <c r="I336" s="1" t="s">
        <v>2997</v>
      </c>
      <c r="K336" s="1" t="s">
        <v>1334</v>
      </c>
      <c r="L336" s="1" t="s">
        <v>1335</v>
      </c>
    </row>
    <row r="337" spans="1:12" x14ac:dyDescent="0.25">
      <c r="A337" s="1" t="s">
        <v>2998</v>
      </c>
      <c r="B337" s="1" t="s">
        <v>2307</v>
      </c>
      <c r="C337" s="1" t="s">
        <v>2002</v>
      </c>
      <c r="D337" s="1" t="s">
        <v>1410</v>
      </c>
      <c r="E337" s="1" t="s">
        <v>1410</v>
      </c>
      <c r="F337" s="1" t="s">
        <v>2999</v>
      </c>
      <c r="G337" s="1" t="s">
        <v>3000</v>
      </c>
      <c r="H337" s="1" t="s">
        <v>2959</v>
      </c>
      <c r="I337" s="1" t="s">
        <v>3001</v>
      </c>
      <c r="K337" s="1" t="s">
        <v>1334</v>
      </c>
      <c r="L337" s="1" t="s">
        <v>1335</v>
      </c>
    </row>
    <row r="338" spans="1:12" x14ac:dyDescent="0.25">
      <c r="A338" s="1" t="s">
        <v>3002</v>
      </c>
      <c r="B338" s="1" t="s">
        <v>2307</v>
      </c>
      <c r="C338" s="1" t="s">
        <v>2002</v>
      </c>
      <c r="D338" s="1" t="s">
        <v>1416</v>
      </c>
      <c r="E338" s="1" t="s">
        <v>1416</v>
      </c>
      <c r="F338" s="1" t="s">
        <v>3003</v>
      </c>
      <c r="G338" s="1" t="s">
        <v>3004</v>
      </c>
      <c r="H338" s="1" t="s">
        <v>3005</v>
      </c>
      <c r="I338" s="1" t="s">
        <v>3006</v>
      </c>
      <c r="K338" s="1" t="s">
        <v>1334</v>
      </c>
      <c r="L338" s="1" t="s">
        <v>1335</v>
      </c>
    </row>
    <row r="339" spans="1:12" x14ac:dyDescent="0.25">
      <c r="A339" s="1" t="s">
        <v>3007</v>
      </c>
      <c r="B339" s="1" t="s">
        <v>2307</v>
      </c>
      <c r="C339" s="1" t="s">
        <v>2002</v>
      </c>
      <c r="D339" s="1" t="s">
        <v>1422</v>
      </c>
      <c r="E339" s="1" t="s">
        <v>1422</v>
      </c>
      <c r="F339" s="1" t="s">
        <v>3008</v>
      </c>
      <c r="G339" s="1" t="s">
        <v>3009</v>
      </c>
      <c r="H339" s="1" t="s">
        <v>3010</v>
      </c>
      <c r="I339" s="1" t="s">
        <v>3011</v>
      </c>
      <c r="K339" s="1" t="s">
        <v>1334</v>
      </c>
      <c r="L339" s="1" t="s">
        <v>1335</v>
      </c>
    </row>
    <row r="340" spans="1:12" x14ac:dyDescent="0.25">
      <c r="A340" s="1" t="s">
        <v>3012</v>
      </c>
      <c r="B340" s="1" t="s">
        <v>2307</v>
      </c>
      <c r="C340" s="1" t="s">
        <v>2002</v>
      </c>
      <c r="D340" s="1" t="s">
        <v>1428</v>
      </c>
      <c r="E340" s="1" t="s">
        <v>1428</v>
      </c>
      <c r="F340" s="1" t="s">
        <v>3013</v>
      </c>
      <c r="G340" s="1" t="s">
        <v>3014</v>
      </c>
      <c r="H340" s="1" t="s">
        <v>3015</v>
      </c>
      <c r="I340" s="1" t="s">
        <v>3016</v>
      </c>
      <c r="K340" s="1" t="s">
        <v>1334</v>
      </c>
      <c r="L340" s="1" t="s">
        <v>1335</v>
      </c>
    </row>
    <row r="341" spans="1:12" x14ac:dyDescent="0.25">
      <c r="A341" s="1" t="s">
        <v>3017</v>
      </c>
      <c r="B341" s="1" t="s">
        <v>2307</v>
      </c>
      <c r="C341" s="1" t="s">
        <v>2002</v>
      </c>
      <c r="D341" s="1" t="s">
        <v>1434</v>
      </c>
      <c r="E341" s="1" t="s">
        <v>1434</v>
      </c>
      <c r="F341" s="1" t="s">
        <v>3018</v>
      </c>
      <c r="G341" s="1" t="s">
        <v>3019</v>
      </c>
      <c r="H341" s="1" t="s">
        <v>3020</v>
      </c>
      <c r="I341" s="1" t="s">
        <v>3021</v>
      </c>
      <c r="K341" s="1" t="s">
        <v>1366</v>
      </c>
      <c r="L341" s="1" t="s">
        <v>1335</v>
      </c>
    </row>
    <row r="342" spans="1:12" x14ac:dyDescent="0.25">
      <c r="A342" s="1" t="s">
        <v>3022</v>
      </c>
      <c r="B342" s="1" t="s">
        <v>2307</v>
      </c>
      <c r="C342" s="1" t="s">
        <v>2002</v>
      </c>
      <c r="D342" s="1" t="s">
        <v>1440</v>
      </c>
      <c r="E342" s="1" t="s">
        <v>1440</v>
      </c>
      <c r="F342" s="1" t="s">
        <v>3023</v>
      </c>
      <c r="G342" s="1" t="s">
        <v>3024</v>
      </c>
      <c r="H342" s="1" t="s">
        <v>1552</v>
      </c>
      <c r="I342" s="1" t="s">
        <v>3025</v>
      </c>
      <c r="K342" s="1" t="s">
        <v>1366</v>
      </c>
      <c r="L342" s="1" t="s">
        <v>1335</v>
      </c>
    </row>
    <row r="343" spans="1:12" x14ac:dyDescent="0.25">
      <c r="A343" s="1" t="s">
        <v>3026</v>
      </c>
      <c r="B343" s="1" t="s">
        <v>2307</v>
      </c>
      <c r="C343" s="1" t="s">
        <v>2002</v>
      </c>
      <c r="D343" s="1" t="s">
        <v>1446</v>
      </c>
      <c r="E343" s="1" t="s">
        <v>1446</v>
      </c>
      <c r="F343" s="1" t="s">
        <v>3027</v>
      </c>
      <c r="G343" s="1" t="s">
        <v>3028</v>
      </c>
      <c r="H343" s="1" t="s">
        <v>2844</v>
      </c>
      <c r="I343" s="1" t="s">
        <v>3029</v>
      </c>
      <c r="K343" s="1" t="s">
        <v>1366</v>
      </c>
      <c r="L343" s="1" t="s">
        <v>1335</v>
      </c>
    </row>
    <row r="344" spans="1:12" x14ac:dyDescent="0.25">
      <c r="A344" s="1" t="s">
        <v>3030</v>
      </c>
      <c r="B344" s="1" t="s">
        <v>2307</v>
      </c>
      <c r="C344" s="1" t="s">
        <v>2002</v>
      </c>
      <c r="D344" s="1" t="s">
        <v>1452</v>
      </c>
      <c r="E344" s="1" t="s">
        <v>1452</v>
      </c>
      <c r="F344" s="1" t="s">
        <v>3031</v>
      </c>
      <c r="G344" s="1" t="s">
        <v>3032</v>
      </c>
      <c r="H344" s="1" t="s">
        <v>3033</v>
      </c>
      <c r="I344" s="1" t="s">
        <v>3034</v>
      </c>
      <c r="K344" s="1" t="s">
        <v>1334</v>
      </c>
      <c r="L344" s="1" t="s">
        <v>1335</v>
      </c>
    </row>
    <row r="345" spans="1:12" x14ac:dyDescent="0.25">
      <c r="A345" s="1" t="s">
        <v>3035</v>
      </c>
      <c r="B345" s="1" t="s">
        <v>2307</v>
      </c>
      <c r="C345" s="1" t="s">
        <v>2002</v>
      </c>
      <c r="D345" s="1" t="s">
        <v>1458</v>
      </c>
      <c r="E345" s="1" t="s">
        <v>1458</v>
      </c>
      <c r="F345" s="1" t="s">
        <v>3036</v>
      </c>
      <c r="G345" s="1" t="s">
        <v>3037</v>
      </c>
      <c r="H345" s="1" t="s">
        <v>2315</v>
      </c>
      <c r="I345" s="1" t="s">
        <v>3038</v>
      </c>
      <c r="K345" s="1" t="s">
        <v>1366</v>
      </c>
      <c r="L345" s="1" t="s">
        <v>1335</v>
      </c>
    </row>
    <row r="346" spans="1:12" x14ac:dyDescent="0.25">
      <c r="A346" s="1" t="s">
        <v>3039</v>
      </c>
      <c r="B346" s="1" t="s">
        <v>2307</v>
      </c>
      <c r="C346" s="1" t="s">
        <v>2002</v>
      </c>
      <c r="D346" s="1" t="s">
        <v>1464</v>
      </c>
      <c r="E346" s="1" t="s">
        <v>1464</v>
      </c>
      <c r="F346" s="1" t="s">
        <v>3040</v>
      </c>
      <c r="G346" s="1" t="s">
        <v>3041</v>
      </c>
      <c r="H346" s="1" t="s">
        <v>2404</v>
      </c>
      <c r="I346" s="1" t="s">
        <v>3042</v>
      </c>
      <c r="K346" s="1" t="s">
        <v>1334</v>
      </c>
      <c r="L346" s="1" t="s">
        <v>1335</v>
      </c>
    </row>
    <row r="347" spans="1:12" x14ac:dyDescent="0.25">
      <c r="A347" s="1" t="s">
        <v>3043</v>
      </c>
      <c r="B347" s="1" t="s">
        <v>2307</v>
      </c>
      <c r="C347" s="1" t="s">
        <v>2002</v>
      </c>
      <c r="D347" s="1" t="s">
        <v>1470</v>
      </c>
      <c r="E347" s="1" t="s">
        <v>1470</v>
      </c>
      <c r="F347" s="1" t="s">
        <v>3044</v>
      </c>
      <c r="G347" s="1" t="s">
        <v>3045</v>
      </c>
      <c r="H347" s="1" t="s">
        <v>3046</v>
      </c>
      <c r="I347" s="1" t="s">
        <v>3047</v>
      </c>
      <c r="K347" s="1" t="s">
        <v>1366</v>
      </c>
      <c r="L347" s="1" t="s">
        <v>1335</v>
      </c>
    </row>
    <row r="348" spans="1:12" x14ac:dyDescent="0.25">
      <c r="A348" s="1" t="s">
        <v>3048</v>
      </c>
      <c r="B348" s="1" t="s">
        <v>2307</v>
      </c>
      <c r="C348" s="1" t="s">
        <v>2002</v>
      </c>
      <c r="D348" s="1" t="s">
        <v>1476</v>
      </c>
      <c r="E348" s="1" t="s">
        <v>1476</v>
      </c>
      <c r="F348" s="1" t="s">
        <v>3049</v>
      </c>
      <c r="G348" s="1" t="s">
        <v>3050</v>
      </c>
      <c r="H348" s="1" t="s">
        <v>2977</v>
      </c>
      <c r="I348" s="1" t="s">
        <v>3051</v>
      </c>
      <c r="K348" s="1" t="s">
        <v>1334</v>
      </c>
      <c r="L348" s="1" t="s">
        <v>1335</v>
      </c>
    </row>
    <row r="349" spans="1:12" x14ac:dyDescent="0.25">
      <c r="A349" s="1" t="s">
        <v>3052</v>
      </c>
      <c r="B349" s="1" t="s">
        <v>2307</v>
      </c>
      <c r="C349" s="1" t="s">
        <v>2002</v>
      </c>
      <c r="D349" s="1" t="s">
        <v>1482</v>
      </c>
      <c r="E349" s="1" t="s">
        <v>1482</v>
      </c>
      <c r="F349" s="1" t="s">
        <v>3053</v>
      </c>
      <c r="G349" s="1" t="s">
        <v>3054</v>
      </c>
      <c r="H349" s="1" t="s">
        <v>2566</v>
      </c>
      <c r="I349" s="1" t="s">
        <v>3055</v>
      </c>
      <c r="K349" s="1" t="s">
        <v>1366</v>
      </c>
      <c r="L349" s="1" t="s">
        <v>1335</v>
      </c>
    </row>
    <row r="350" spans="1:12" x14ac:dyDescent="0.25">
      <c r="A350" s="1" t="s">
        <v>3056</v>
      </c>
      <c r="B350" s="1" t="s">
        <v>2307</v>
      </c>
      <c r="C350" s="1" t="s">
        <v>2002</v>
      </c>
      <c r="D350" s="1" t="s">
        <v>1488</v>
      </c>
      <c r="E350" s="1" t="s">
        <v>1488</v>
      </c>
      <c r="F350" s="1" t="s">
        <v>3057</v>
      </c>
      <c r="G350" s="1" t="s">
        <v>3058</v>
      </c>
      <c r="H350" s="1" t="s">
        <v>2685</v>
      </c>
      <c r="I350" s="1" t="s">
        <v>3059</v>
      </c>
      <c r="K350" s="1" t="s">
        <v>1366</v>
      </c>
      <c r="L350" s="1" t="s">
        <v>1335</v>
      </c>
    </row>
    <row r="351" spans="1:12" x14ac:dyDescent="0.25">
      <c r="A351" s="1" t="s">
        <v>304</v>
      </c>
      <c r="B351" s="1" t="s">
        <v>2307</v>
      </c>
      <c r="C351" s="1" t="s">
        <v>2002</v>
      </c>
      <c r="D351" s="1" t="s">
        <v>1494</v>
      </c>
      <c r="E351" s="1" t="s">
        <v>1494</v>
      </c>
      <c r="F351" s="1" t="s">
        <v>3060</v>
      </c>
      <c r="G351" s="1" t="s">
        <v>3061</v>
      </c>
      <c r="H351" s="1" t="s">
        <v>3062</v>
      </c>
      <c r="I351" s="1" t="s">
        <v>3063</v>
      </c>
      <c r="K351" s="1" t="s">
        <v>1334</v>
      </c>
      <c r="L351" s="1" t="s">
        <v>1335</v>
      </c>
    </row>
    <row r="352" spans="1:12" x14ac:dyDescent="0.25">
      <c r="A352" s="1" t="s">
        <v>3064</v>
      </c>
      <c r="B352" s="1" t="s">
        <v>2307</v>
      </c>
      <c r="C352" s="1" t="s">
        <v>2002</v>
      </c>
      <c r="D352" s="1" t="s">
        <v>1500</v>
      </c>
      <c r="E352" s="1" t="s">
        <v>1500</v>
      </c>
      <c r="F352" s="1" t="s">
        <v>3065</v>
      </c>
      <c r="G352" s="1" t="s">
        <v>3066</v>
      </c>
      <c r="H352" s="1" t="s">
        <v>3067</v>
      </c>
      <c r="I352" s="1" t="s">
        <v>3068</v>
      </c>
      <c r="K352" s="1" t="s">
        <v>1334</v>
      </c>
      <c r="L352" s="1" t="s">
        <v>1335</v>
      </c>
    </row>
    <row r="353" spans="1:12" x14ac:dyDescent="0.25">
      <c r="A353" s="1" t="s">
        <v>3069</v>
      </c>
      <c r="B353" s="1" t="s">
        <v>2307</v>
      </c>
      <c r="C353" s="1" t="s">
        <v>2002</v>
      </c>
      <c r="D353" s="1" t="s">
        <v>1506</v>
      </c>
      <c r="E353" s="1" t="s">
        <v>1506</v>
      </c>
      <c r="F353" s="1" t="s">
        <v>3070</v>
      </c>
      <c r="G353" s="1" t="s">
        <v>3071</v>
      </c>
      <c r="H353" s="1" t="s">
        <v>2398</v>
      </c>
      <c r="I353" s="1" t="s">
        <v>3072</v>
      </c>
      <c r="K353" s="1" t="s">
        <v>1366</v>
      </c>
      <c r="L353" s="1" t="s">
        <v>1335</v>
      </c>
    </row>
    <row r="354" spans="1:12" x14ac:dyDescent="0.25">
      <c r="A354" s="1" t="s">
        <v>3073</v>
      </c>
      <c r="B354" s="1" t="s">
        <v>2307</v>
      </c>
      <c r="C354" s="1" t="s">
        <v>2002</v>
      </c>
      <c r="D354" s="1" t="s">
        <v>1512</v>
      </c>
      <c r="E354" s="1" t="s">
        <v>1512</v>
      </c>
      <c r="F354" s="1" t="s">
        <v>3074</v>
      </c>
      <c r="G354" s="1" t="s">
        <v>3075</v>
      </c>
      <c r="H354" s="1" t="s">
        <v>2527</v>
      </c>
      <c r="I354" s="1" t="s">
        <v>3076</v>
      </c>
      <c r="K354" s="1" t="s">
        <v>1366</v>
      </c>
      <c r="L354" s="1" t="s">
        <v>1335</v>
      </c>
    </row>
    <row r="355" spans="1:12" x14ac:dyDescent="0.25">
      <c r="A355" s="1" t="s">
        <v>3077</v>
      </c>
      <c r="B355" s="1" t="s">
        <v>2307</v>
      </c>
      <c r="C355" s="1" t="s">
        <v>2002</v>
      </c>
      <c r="D355" s="1" t="s">
        <v>1517</v>
      </c>
      <c r="E355" s="1" t="s">
        <v>1517</v>
      </c>
      <c r="F355" s="1" t="s">
        <v>3078</v>
      </c>
      <c r="G355" s="1" t="s">
        <v>3079</v>
      </c>
      <c r="H355" s="1" t="s">
        <v>3080</v>
      </c>
      <c r="I355" s="1" t="s">
        <v>3081</v>
      </c>
      <c r="K355" s="1" t="s">
        <v>1334</v>
      </c>
      <c r="L355" s="1" t="s">
        <v>1335</v>
      </c>
    </row>
    <row r="356" spans="1:12" x14ac:dyDescent="0.25">
      <c r="A356" s="1" t="s">
        <v>3082</v>
      </c>
      <c r="B356" s="1" t="s">
        <v>2307</v>
      </c>
      <c r="C356" s="1" t="s">
        <v>2002</v>
      </c>
      <c r="D356" s="1" t="s">
        <v>1523</v>
      </c>
      <c r="E356" s="1" t="s">
        <v>1523</v>
      </c>
      <c r="F356" s="1" t="s">
        <v>3083</v>
      </c>
      <c r="G356" s="1" t="s">
        <v>3084</v>
      </c>
      <c r="H356" s="1" t="s">
        <v>2935</v>
      </c>
      <c r="I356" s="1" t="s">
        <v>3085</v>
      </c>
      <c r="K356" s="1" t="s">
        <v>1366</v>
      </c>
      <c r="L356" s="1" t="s">
        <v>1335</v>
      </c>
    </row>
    <row r="357" spans="1:12" x14ac:dyDescent="0.25">
      <c r="A357" s="1" t="s">
        <v>3086</v>
      </c>
      <c r="B357" s="1" t="s">
        <v>2307</v>
      </c>
      <c r="C357" s="1" t="s">
        <v>1334</v>
      </c>
      <c r="D357" s="1" t="s">
        <v>1329</v>
      </c>
      <c r="E357" s="1" t="s">
        <v>1329</v>
      </c>
      <c r="F357" s="1" t="s">
        <v>3087</v>
      </c>
      <c r="G357" s="1" t="s">
        <v>3088</v>
      </c>
      <c r="H357" s="1" t="s">
        <v>3089</v>
      </c>
      <c r="I357" s="1" t="s">
        <v>3090</v>
      </c>
      <c r="K357" s="1" t="s">
        <v>1366</v>
      </c>
      <c r="L357" s="1" t="s">
        <v>1335</v>
      </c>
    </row>
    <row r="358" spans="1:12" x14ac:dyDescent="0.25">
      <c r="A358" s="1" t="s">
        <v>3091</v>
      </c>
      <c r="B358" s="1" t="s">
        <v>2307</v>
      </c>
      <c r="C358" s="1" t="s">
        <v>1334</v>
      </c>
      <c r="D358" s="1" t="s">
        <v>1337</v>
      </c>
      <c r="E358" s="1" t="s">
        <v>1337</v>
      </c>
      <c r="F358" s="1" t="s">
        <v>3092</v>
      </c>
      <c r="G358" s="1" t="s">
        <v>3093</v>
      </c>
      <c r="H358" s="1" t="s">
        <v>3094</v>
      </c>
      <c r="I358" s="1" t="s">
        <v>3095</v>
      </c>
      <c r="K358" s="1" t="s">
        <v>1334</v>
      </c>
      <c r="L358" s="1" t="s">
        <v>1335</v>
      </c>
    </row>
    <row r="359" spans="1:12" x14ac:dyDescent="0.25">
      <c r="A359" s="1" t="s">
        <v>3096</v>
      </c>
      <c r="B359" s="1" t="s">
        <v>2307</v>
      </c>
      <c r="C359" s="1" t="s">
        <v>1334</v>
      </c>
      <c r="D359" s="1" t="s">
        <v>1343</v>
      </c>
      <c r="E359" s="1" t="s">
        <v>1343</v>
      </c>
      <c r="F359" s="1" t="s">
        <v>3097</v>
      </c>
      <c r="G359" s="1" t="s">
        <v>3098</v>
      </c>
      <c r="H359" s="1" t="s">
        <v>3099</v>
      </c>
      <c r="I359" s="1" t="s">
        <v>3100</v>
      </c>
      <c r="K359" s="1" t="s">
        <v>1366</v>
      </c>
      <c r="L359" s="1" t="s">
        <v>1335</v>
      </c>
    </row>
    <row r="360" spans="1:12" x14ac:dyDescent="0.25">
      <c r="A360" s="1" t="s">
        <v>3101</v>
      </c>
      <c r="B360" s="1" t="s">
        <v>2307</v>
      </c>
      <c r="C360" s="1" t="s">
        <v>1334</v>
      </c>
      <c r="D360" s="1" t="s">
        <v>1349</v>
      </c>
      <c r="E360" s="1" t="s">
        <v>1349</v>
      </c>
      <c r="F360" s="1" t="s">
        <v>3102</v>
      </c>
      <c r="G360" s="1" t="s">
        <v>3103</v>
      </c>
      <c r="H360" s="1" t="s">
        <v>3104</v>
      </c>
      <c r="I360" s="1" t="s">
        <v>3105</v>
      </c>
      <c r="K360" s="1" t="s">
        <v>1334</v>
      </c>
      <c r="L360" s="1" t="s">
        <v>1335</v>
      </c>
    </row>
    <row r="361" spans="1:12" x14ac:dyDescent="0.25">
      <c r="A361" s="1" t="s">
        <v>3106</v>
      </c>
      <c r="B361" s="1" t="s">
        <v>2307</v>
      </c>
      <c r="C361" s="1" t="s">
        <v>1334</v>
      </c>
      <c r="D361" s="1" t="s">
        <v>1355</v>
      </c>
      <c r="E361" s="1" t="s">
        <v>1355</v>
      </c>
      <c r="F361" s="1" t="s">
        <v>3107</v>
      </c>
      <c r="G361" s="1" t="s">
        <v>3108</v>
      </c>
      <c r="H361" s="1" t="s">
        <v>2675</v>
      </c>
      <c r="I361" s="1" t="s">
        <v>3109</v>
      </c>
      <c r="K361" s="1" t="s">
        <v>1366</v>
      </c>
      <c r="L361" s="1" t="s">
        <v>1335</v>
      </c>
    </row>
    <row r="362" spans="1:12" x14ac:dyDescent="0.25">
      <c r="A362" s="1" t="s">
        <v>3110</v>
      </c>
      <c r="B362" s="1" t="s">
        <v>2307</v>
      </c>
      <c r="C362" s="1" t="s">
        <v>1334</v>
      </c>
      <c r="D362" s="1" t="s">
        <v>1361</v>
      </c>
      <c r="E362" s="1" t="s">
        <v>1361</v>
      </c>
      <c r="F362" s="1" t="s">
        <v>3111</v>
      </c>
      <c r="G362" s="1" t="s">
        <v>3112</v>
      </c>
      <c r="H362" s="1" t="s">
        <v>2764</v>
      </c>
      <c r="I362" s="1" t="s">
        <v>3113</v>
      </c>
      <c r="K362" s="1" t="s">
        <v>1334</v>
      </c>
      <c r="L362" s="1" t="s">
        <v>1335</v>
      </c>
    </row>
    <row r="363" spans="1:12" x14ac:dyDescent="0.25">
      <c r="A363" s="1" t="s">
        <v>3114</v>
      </c>
      <c r="B363" s="1" t="s">
        <v>2307</v>
      </c>
      <c r="C363" s="1" t="s">
        <v>1334</v>
      </c>
      <c r="D363" s="1" t="s">
        <v>1368</v>
      </c>
      <c r="E363" s="1" t="s">
        <v>1368</v>
      </c>
      <c r="F363" s="1" t="s">
        <v>3115</v>
      </c>
      <c r="G363" s="1" t="s">
        <v>3116</v>
      </c>
      <c r="H363" s="1" t="s">
        <v>3117</v>
      </c>
      <c r="I363" s="1" t="s">
        <v>3118</v>
      </c>
      <c r="K363" s="1" t="s">
        <v>1334</v>
      </c>
      <c r="L363" s="1" t="s">
        <v>1335</v>
      </c>
    </row>
    <row r="364" spans="1:12" x14ac:dyDescent="0.25">
      <c r="A364" s="1" t="s">
        <v>3119</v>
      </c>
      <c r="B364" s="1" t="s">
        <v>2307</v>
      </c>
      <c r="C364" s="1" t="s">
        <v>1334</v>
      </c>
      <c r="D364" s="1" t="s">
        <v>1374</v>
      </c>
      <c r="E364" s="1" t="s">
        <v>1374</v>
      </c>
      <c r="F364" s="1" t="s">
        <v>3120</v>
      </c>
      <c r="G364" s="1" t="s">
        <v>3121</v>
      </c>
      <c r="H364" s="1" t="s">
        <v>2527</v>
      </c>
      <c r="I364" s="1" t="s">
        <v>3122</v>
      </c>
      <c r="K364" s="1" t="s">
        <v>1334</v>
      </c>
      <c r="L364" s="1" t="s">
        <v>1335</v>
      </c>
    </row>
    <row r="365" spans="1:12" x14ac:dyDescent="0.25">
      <c r="A365" s="1" t="s">
        <v>3123</v>
      </c>
      <c r="B365" s="1" t="s">
        <v>2307</v>
      </c>
      <c r="C365" s="1" t="s">
        <v>1334</v>
      </c>
      <c r="D365" s="1" t="s">
        <v>1380</v>
      </c>
      <c r="E365" s="1" t="s">
        <v>1380</v>
      </c>
      <c r="F365" s="1" t="s">
        <v>3124</v>
      </c>
      <c r="G365" s="1" t="s">
        <v>3125</v>
      </c>
      <c r="H365" s="1" t="s">
        <v>3126</v>
      </c>
      <c r="I365" s="1" t="s">
        <v>3127</v>
      </c>
      <c r="K365" s="1" t="s">
        <v>1334</v>
      </c>
      <c r="L365" s="1" t="s">
        <v>1335</v>
      </c>
    </row>
    <row r="366" spans="1:12" x14ac:dyDescent="0.25">
      <c r="A366" s="1" t="s">
        <v>3128</v>
      </c>
      <c r="B366" s="1" t="s">
        <v>2307</v>
      </c>
      <c r="C366" s="1" t="s">
        <v>1334</v>
      </c>
      <c r="D366" s="1" t="s">
        <v>1386</v>
      </c>
      <c r="E366" s="1" t="s">
        <v>1386</v>
      </c>
      <c r="F366" s="1" t="s">
        <v>3129</v>
      </c>
      <c r="G366" s="1" t="s">
        <v>3130</v>
      </c>
      <c r="H366" s="1" t="s">
        <v>2868</v>
      </c>
      <c r="I366" s="1" t="s">
        <v>3131</v>
      </c>
      <c r="K366" s="1" t="s">
        <v>1366</v>
      </c>
      <c r="L366" s="1" t="s">
        <v>1335</v>
      </c>
    </row>
    <row r="367" spans="1:12" x14ac:dyDescent="0.25">
      <c r="A367" s="1" t="s">
        <v>3132</v>
      </c>
      <c r="B367" s="1" t="s">
        <v>2307</v>
      </c>
      <c r="C367" s="1" t="s">
        <v>1334</v>
      </c>
      <c r="D367" s="1" t="s">
        <v>1392</v>
      </c>
      <c r="E367" s="1" t="s">
        <v>1392</v>
      </c>
      <c r="F367" s="1" t="s">
        <v>3133</v>
      </c>
      <c r="G367" s="1" t="s">
        <v>3134</v>
      </c>
      <c r="H367" s="1" t="s">
        <v>3135</v>
      </c>
      <c r="I367" s="1" t="s">
        <v>3136</v>
      </c>
      <c r="K367" s="1" t="s">
        <v>1366</v>
      </c>
      <c r="L367" s="1" t="s">
        <v>1335</v>
      </c>
    </row>
    <row r="368" spans="1:12" x14ac:dyDescent="0.25">
      <c r="A368" s="1" t="s">
        <v>3137</v>
      </c>
      <c r="B368" s="1" t="s">
        <v>2307</v>
      </c>
      <c r="C368" s="1" t="s">
        <v>1334</v>
      </c>
      <c r="D368" s="1" t="s">
        <v>1398</v>
      </c>
      <c r="E368" s="1" t="s">
        <v>1398</v>
      </c>
      <c r="F368" s="1" t="s">
        <v>3138</v>
      </c>
      <c r="G368" s="1" t="s">
        <v>3139</v>
      </c>
      <c r="H368" s="1" t="s">
        <v>3140</v>
      </c>
      <c r="I368" s="1" t="s">
        <v>3141</v>
      </c>
      <c r="K368" s="1" t="s">
        <v>1334</v>
      </c>
      <c r="L368" s="1" t="s">
        <v>1335</v>
      </c>
    </row>
    <row r="369" spans="1:12" x14ac:dyDescent="0.25">
      <c r="A369" s="1" t="s">
        <v>3142</v>
      </c>
      <c r="B369" s="1" t="s">
        <v>2307</v>
      </c>
      <c r="C369" s="1" t="s">
        <v>1334</v>
      </c>
      <c r="D369" s="1" t="s">
        <v>1404</v>
      </c>
      <c r="E369" s="1" t="s">
        <v>1404</v>
      </c>
      <c r="F369" s="1" t="s">
        <v>3143</v>
      </c>
      <c r="G369" s="1" t="s">
        <v>3144</v>
      </c>
      <c r="H369" s="1" t="s">
        <v>3015</v>
      </c>
      <c r="I369" s="1" t="s">
        <v>3145</v>
      </c>
      <c r="K369" s="1" t="s">
        <v>1334</v>
      </c>
      <c r="L369" s="1" t="s">
        <v>1335</v>
      </c>
    </row>
    <row r="370" spans="1:12" x14ac:dyDescent="0.25">
      <c r="A370" s="1" t="s">
        <v>3146</v>
      </c>
      <c r="B370" s="1" t="s">
        <v>2307</v>
      </c>
      <c r="C370" s="1" t="s">
        <v>1334</v>
      </c>
      <c r="D370" s="1" t="s">
        <v>1410</v>
      </c>
      <c r="E370" s="1" t="s">
        <v>1410</v>
      </c>
      <c r="F370" s="1" t="s">
        <v>3147</v>
      </c>
      <c r="G370" s="1" t="s">
        <v>3148</v>
      </c>
      <c r="H370" s="1" t="s">
        <v>2695</v>
      </c>
      <c r="I370" s="1" t="s">
        <v>3149</v>
      </c>
      <c r="K370" s="1" t="s">
        <v>1366</v>
      </c>
      <c r="L370" s="1" t="s">
        <v>1335</v>
      </c>
    </row>
    <row r="371" spans="1:12" x14ac:dyDescent="0.25">
      <c r="A371" s="1" t="s">
        <v>3150</v>
      </c>
      <c r="B371" s="1" t="s">
        <v>2307</v>
      </c>
      <c r="C371" s="1" t="s">
        <v>1334</v>
      </c>
      <c r="D371" s="1" t="s">
        <v>1416</v>
      </c>
      <c r="E371" s="1" t="s">
        <v>1416</v>
      </c>
      <c r="F371" s="1" t="s">
        <v>3151</v>
      </c>
      <c r="G371" s="1" t="s">
        <v>3152</v>
      </c>
      <c r="H371" s="1" t="s">
        <v>3153</v>
      </c>
      <c r="I371" s="1" t="s">
        <v>3038</v>
      </c>
      <c r="K371" s="1" t="s">
        <v>1366</v>
      </c>
      <c r="L371" s="1" t="s">
        <v>1335</v>
      </c>
    </row>
    <row r="372" spans="1:12" x14ac:dyDescent="0.25">
      <c r="A372" s="1" t="s">
        <v>3154</v>
      </c>
      <c r="B372" s="1" t="s">
        <v>2307</v>
      </c>
      <c r="C372" s="1" t="s">
        <v>1334</v>
      </c>
      <c r="D372" s="1" t="s">
        <v>1422</v>
      </c>
      <c r="E372" s="1" t="s">
        <v>1422</v>
      </c>
      <c r="F372" s="1" t="s">
        <v>3155</v>
      </c>
      <c r="G372" s="1" t="s">
        <v>3156</v>
      </c>
      <c r="H372" s="1" t="s">
        <v>2749</v>
      </c>
      <c r="I372" s="1" t="s">
        <v>3157</v>
      </c>
      <c r="K372" s="1" t="s">
        <v>1334</v>
      </c>
      <c r="L372" s="1" t="s">
        <v>1335</v>
      </c>
    </row>
    <row r="373" spans="1:12" x14ac:dyDescent="0.25">
      <c r="A373" s="1" t="s">
        <v>3158</v>
      </c>
      <c r="B373" s="1" t="s">
        <v>2307</v>
      </c>
      <c r="C373" s="1" t="s">
        <v>1334</v>
      </c>
      <c r="D373" s="1" t="s">
        <v>1428</v>
      </c>
      <c r="E373" s="1" t="s">
        <v>1428</v>
      </c>
      <c r="F373" s="1" t="s">
        <v>3159</v>
      </c>
      <c r="G373" s="1" t="s">
        <v>3160</v>
      </c>
      <c r="H373" s="1" t="s">
        <v>3161</v>
      </c>
      <c r="I373" s="1" t="s">
        <v>3162</v>
      </c>
      <c r="K373" s="1" t="s">
        <v>1366</v>
      </c>
      <c r="L373" s="1" t="s">
        <v>1335</v>
      </c>
    </row>
    <row r="374" spans="1:12" x14ac:dyDescent="0.25">
      <c r="A374" s="1" t="s">
        <v>3163</v>
      </c>
      <c r="B374" s="1" t="s">
        <v>2307</v>
      </c>
      <c r="C374" s="1" t="s">
        <v>1334</v>
      </c>
      <c r="D374" s="1" t="s">
        <v>1434</v>
      </c>
      <c r="E374" s="1" t="s">
        <v>1434</v>
      </c>
      <c r="F374" s="1" t="s">
        <v>3164</v>
      </c>
      <c r="G374" s="1" t="s">
        <v>3165</v>
      </c>
      <c r="H374" s="1" t="s">
        <v>3166</v>
      </c>
      <c r="I374" s="1" t="s">
        <v>3167</v>
      </c>
      <c r="K374" s="1" t="s">
        <v>1334</v>
      </c>
      <c r="L374" s="1" t="s">
        <v>1335</v>
      </c>
    </row>
    <row r="375" spans="1:12" x14ac:dyDescent="0.25">
      <c r="A375" s="1" t="s">
        <v>3168</v>
      </c>
      <c r="B375" s="1" t="s">
        <v>2307</v>
      </c>
      <c r="C375" s="1" t="s">
        <v>1334</v>
      </c>
      <c r="D375" s="1" t="s">
        <v>1440</v>
      </c>
      <c r="E375" s="1" t="s">
        <v>1440</v>
      </c>
      <c r="F375" s="1" t="s">
        <v>3169</v>
      </c>
      <c r="G375" s="1" t="s">
        <v>3170</v>
      </c>
      <c r="H375" s="1" t="s">
        <v>2680</v>
      </c>
      <c r="I375" s="1" t="s">
        <v>3171</v>
      </c>
      <c r="K375" s="1" t="s">
        <v>1366</v>
      </c>
      <c r="L375" s="1" t="s">
        <v>1335</v>
      </c>
    </row>
    <row r="376" spans="1:12" x14ac:dyDescent="0.25">
      <c r="A376" s="1" t="s">
        <v>3172</v>
      </c>
      <c r="B376" s="1" t="s">
        <v>2307</v>
      </c>
      <c r="C376" s="1" t="s">
        <v>1334</v>
      </c>
      <c r="D376" s="1" t="s">
        <v>1446</v>
      </c>
      <c r="E376" s="1" t="s">
        <v>1446</v>
      </c>
      <c r="F376" s="1" t="s">
        <v>3173</v>
      </c>
      <c r="G376" s="1" t="s">
        <v>3174</v>
      </c>
      <c r="H376" s="1" t="s">
        <v>3175</v>
      </c>
      <c r="I376" s="1" t="s">
        <v>3176</v>
      </c>
      <c r="K376" s="1" t="s">
        <v>1366</v>
      </c>
      <c r="L376" s="1" t="s">
        <v>1335</v>
      </c>
    </row>
    <row r="377" spans="1:12" x14ac:dyDescent="0.25">
      <c r="A377" s="1" t="s">
        <v>3177</v>
      </c>
      <c r="B377" s="1" t="s">
        <v>2307</v>
      </c>
      <c r="C377" s="1" t="s">
        <v>1334</v>
      </c>
      <c r="D377" s="1" t="s">
        <v>1452</v>
      </c>
      <c r="E377" s="1" t="s">
        <v>1452</v>
      </c>
      <c r="F377" s="1" t="s">
        <v>3178</v>
      </c>
      <c r="G377" s="1" t="s">
        <v>3179</v>
      </c>
      <c r="H377" s="1" t="s">
        <v>3180</v>
      </c>
      <c r="I377" s="1" t="s">
        <v>3181</v>
      </c>
      <c r="J377" s="14" t="s">
        <v>1726</v>
      </c>
      <c r="K377" s="1" t="s">
        <v>1334</v>
      </c>
      <c r="L377" s="1" t="s">
        <v>1335</v>
      </c>
    </row>
    <row r="378" spans="1:12" x14ac:dyDescent="0.25">
      <c r="A378" s="1" t="s">
        <v>3182</v>
      </c>
      <c r="B378" s="1" t="s">
        <v>2307</v>
      </c>
      <c r="C378" s="1" t="s">
        <v>1334</v>
      </c>
      <c r="D378" s="1" t="s">
        <v>1458</v>
      </c>
      <c r="E378" s="1" t="s">
        <v>1458</v>
      </c>
      <c r="F378" s="1" t="s">
        <v>3183</v>
      </c>
      <c r="G378" s="1" t="s">
        <v>3184</v>
      </c>
      <c r="H378" s="1" t="s">
        <v>3185</v>
      </c>
      <c r="I378" s="1" t="s">
        <v>3186</v>
      </c>
      <c r="K378" s="1" t="s">
        <v>1334</v>
      </c>
      <c r="L378" s="1" t="s">
        <v>1335</v>
      </c>
    </row>
    <row r="379" spans="1:12" x14ac:dyDescent="0.25">
      <c r="A379" s="1" t="s">
        <v>3187</v>
      </c>
      <c r="B379" s="1" t="s">
        <v>2307</v>
      </c>
      <c r="C379" s="1" t="s">
        <v>1334</v>
      </c>
      <c r="D379" s="1" t="s">
        <v>1464</v>
      </c>
      <c r="E379" s="1" t="s">
        <v>1464</v>
      </c>
      <c r="F379" s="1" t="s">
        <v>3188</v>
      </c>
      <c r="G379" s="1" t="s">
        <v>3189</v>
      </c>
      <c r="H379" s="1" t="s">
        <v>3190</v>
      </c>
      <c r="I379" s="1" t="s">
        <v>3191</v>
      </c>
      <c r="K379" s="1" t="s">
        <v>1334</v>
      </c>
      <c r="L379" s="1" t="s">
        <v>1335</v>
      </c>
    </row>
    <row r="380" spans="1:12" x14ac:dyDescent="0.25">
      <c r="A380" s="1" t="s">
        <v>3192</v>
      </c>
      <c r="B380" s="1" t="s">
        <v>2307</v>
      </c>
      <c r="C380" s="1" t="s">
        <v>1334</v>
      </c>
      <c r="D380" s="1" t="s">
        <v>1470</v>
      </c>
      <c r="E380" s="1" t="s">
        <v>1470</v>
      </c>
      <c r="F380" s="1" t="s">
        <v>3193</v>
      </c>
      <c r="G380" s="1" t="s">
        <v>3194</v>
      </c>
      <c r="H380" s="1" t="s">
        <v>3195</v>
      </c>
      <c r="I380" s="1" t="s">
        <v>3196</v>
      </c>
      <c r="K380" s="1" t="s">
        <v>1366</v>
      </c>
      <c r="L380" s="1" t="s">
        <v>1335</v>
      </c>
    </row>
    <row r="381" spans="1:12" x14ac:dyDescent="0.25">
      <c r="A381" s="1" t="s">
        <v>3197</v>
      </c>
      <c r="B381" s="1" t="s">
        <v>2307</v>
      </c>
      <c r="C381" s="1" t="s">
        <v>1334</v>
      </c>
      <c r="D381" s="1" t="s">
        <v>1476</v>
      </c>
      <c r="E381" s="1" t="s">
        <v>1476</v>
      </c>
      <c r="F381" s="1" t="s">
        <v>3198</v>
      </c>
      <c r="G381" s="1" t="s">
        <v>3199</v>
      </c>
      <c r="H381" s="1" t="s">
        <v>2925</v>
      </c>
      <c r="I381" s="1" t="s">
        <v>3200</v>
      </c>
      <c r="K381" s="1" t="s">
        <v>1366</v>
      </c>
      <c r="L381" s="1" t="s">
        <v>1335</v>
      </c>
    </row>
    <row r="382" spans="1:12" x14ac:dyDescent="0.25">
      <c r="A382" s="1" t="s">
        <v>3201</v>
      </c>
      <c r="B382" s="1" t="s">
        <v>2307</v>
      </c>
      <c r="C382" s="1" t="s">
        <v>1334</v>
      </c>
      <c r="D382" s="1" t="s">
        <v>1482</v>
      </c>
      <c r="E382" s="1" t="s">
        <v>1482</v>
      </c>
      <c r="F382" s="1" t="s">
        <v>3202</v>
      </c>
      <c r="G382" s="1" t="s">
        <v>3203</v>
      </c>
      <c r="H382" s="1" t="s">
        <v>3080</v>
      </c>
      <c r="I382" s="1" t="s">
        <v>3204</v>
      </c>
      <c r="K382" s="1" t="s">
        <v>1366</v>
      </c>
      <c r="L382" s="1" t="s">
        <v>1335</v>
      </c>
    </row>
    <row r="383" spans="1:12" x14ac:dyDescent="0.25">
      <c r="A383" s="1" t="s">
        <v>3205</v>
      </c>
      <c r="B383" s="1" t="s">
        <v>2307</v>
      </c>
      <c r="C383" s="1" t="s">
        <v>1334</v>
      </c>
      <c r="D383" s="1" t="s">
        <v>1488</v>
      </c>
      <c r="E383" s="1" t="s">
        <v>1488</v>
      </c>
      <c r="F383" s="1" t="s">
        <v>3206</v>
      </c>
      <c r="G383" s="1" t="s">
        <v>3207</v>
      </c>
      <c r="H383" s="1" t="s">
        <v>3208</v>
      </c>
      <c r="I383" s="1" t="s">
        <v>3209</v>
      </c>
      <c r="K383" s="1" t="s">
        <v>1334</v>
      </c>
      <c r="L383" s="1" t="s">
        <v>1335</v>
      </c>
    </row>
    <row r="384" spans="1:12" x14ac:dyDescent="0.25">
      <c r="A384" s="1" t="s">
        <v>3210</v>
      </c>
      <c r="B384" s="1" t="s">
        <v>2307</v>
      </c>
      <c r="C384" s="1" t="s">
        <v>1334</v>
      </c>
      <c r="D384" s="1" t="s">
        <v>1494</v>
      </c>
      <c r="E384" s="1" t="s">
        <v>1494</v>
      </c>
      <c r="F384" s="1" t="s">
        <v>3211</v>
      </c>
      <c r="G384" s="1" t="s">
        <v>3212</v>
      </c>
      <c r="H384" s="1" t="s">
        <v>3213</v>
      </c>
      <c r="I384" s="1" t="s">
        <v>3214</v>
      </c>
      <c r="K384" s="1" t="s">
        <v>1334</v>
      </c>
      <c r="L384" s="1" t="s">
        <v>1335</v>
      </c>
    </row>
    <row r="385" spans="1:12" x14ac:dyDescent="0.25">
      <c r="A385" s="1" t="s">
        <v>3215</v>
      </c>
      <c r="B385" s="1" t="s">
        <v>2307</v>
      </c>
      <c r="C385" s="1" t="s">
        <v>1334</v>
      </c>
      <c r="D385" s="1" t="s">
        <v>1500</v>
      </c>
      <c r="E385" s="1" t="s">
        <v>1500</v>
      </c>
      <c r="F385" s="1" t="s">
        <v>3216</v>
      </c>
      <c r="G385" s="1" t="s">
        <v>3217</v>
      </c>
      <c r="H385" s="1" t="s">
        <v>3218</v>
      </c>
      <c r="I385" s="1" t="s">
        <v>3219</v>
      </c>
      <c r="K385" s="1" t="s">
        <v>1366</v>
      </c>
      <c r="L385" s="1" t="s">
        <v>1335</v>
      </c>
    </row>
    <row r="386" spans="1:12" x14ac:dyDescent="0.25">
      <c r="A386" s="1" t="s">
        <v>3220</v>
      </c>
      <c r="B386" s="1" t="s">
        <v>2307</v>
      </c>
      <c r="C386" s="1" t="s">
        <v>1334</v>
      </c>
      <c r="D386" s="1" t="s">
        <v>1506</v>
      </c>
      <c r="E386" s="1" t="s">
        <v>1506</v>
      </c>
      <c r="F386" s="1" t="s">
        <v>3221</v>
      </c>
      <c r="G386" s="1" t="s">
        <v>3222</v>
      </c>
      <c r="H386" s="1" t="s">
        <v>3223</v>
      </c>
      <c r="I386" s="1" t="s">
        <v>3224</v>
      </c>
      <c r="K386" s="1" t="s">
        <v>1366</v>
      </c>
      <c r="L386" s="1" t="s">
        <v>1335</v>
      </c>
    </row>
    <row r="387" spans="1:12" x14ac:dyDescent="0.25">
      <c r="A387" s="1" t="s">
        <v>3225</v>
      </c>
      <c r="B387" s="1" t="s">
        <v>2307</v>
      </c>
      <c r="C387" s="1" t="s">
        <v>1334</v>
      </c>
      <c r="D387" s="1" t="s">
        <v>1512</v>
      </c>
      <c r="E387" s="1" t="s">
        <v>1512</v>
      </c>
      <c r="F387" s="1" t="s">
        <v>3226</v>
      </c>
      <c r="G387" s="1" t="s">
        <v>3227</v>
      </c>
      <c r="H387" s="1" t="s">
        <v>2888</v>
      </c>
      <c r="I387" s="1" t="s">
        <v>3228</v>
      </c>
      <c r="K387" s="1" t="s">
        <v>1334</v>
      </c>
      <c r="L387" s="1" t="s">
        <v>1335</v>
      </c>
    </row>
    <row r="388" spans="1:12" x14ac:dyDescent="0.25">
      <c r="A388" s="1" t="s">
        <v>3229</v>
      </c>
      <c r="B388" s="1" t="s">
        <v>2307</v>
      </c>
      <c r="C388" s="1" t="s">
        <v>1334</v>
      </c>
      <c r="D388" s="1" t="s">
        <v>1517</v>
      </c>
      <c r="E388" s="1" t="s">
        <v>1517</v>
      </c>
      <c r="F388" s="1" t="s">
        <v>3230</v>
      </c>
      <c r="G388" s="1" t="s">
        <v>3231</v>
      </c>
      <c r="H388" s="1" t="s">
        <v>3232</v>
      </c>
      <c r="I388" s="1" t="s">
        <v>3233</v>
      </c>
      <c r="K388" s="1" t="s">
        <v>1334</v>
      </c>
      <c r="L388" s="1" t="s">
        <v>1335</v>
      </c>
    </row>
    <row r="389" spans="1:12" x14ac:dyDescent="0.25">
      <c r="A389" s="1" t="s">
        <v>3234</v>
      </c>
      <c r="B389" s="1" t="s">
        <v>3235</v>
      </c>
      <c r="C389" s="1" t="s">
        <v>1328</v>
      </c>
      <c r="D389" s="1" t="s">
        <v>1329</v>
      </c>
      <c r="E389" s="1" t="s">
        <v>1329</v>
      </c>
      <c r="F389" s="1" t="s">
        <v>3236</v>
      </c>
      <c r="G389" s="1" t="s">
        <v>3237</v>
      </c>
      <c r="H389" s="1" t="s">
        <v>3238</v>
      </c>
      <c r="I389" s="1" t="s">
        <v>3239</v>
      </c>
      <c r="K389" s="1" t="s">
        <v>1334</v>
      </c>
      <c r="L389" s="1" t="s">
        <v>1335</v>
      </c>
    </row>
    <row r="390" spans="1:12" x14ac:dyDescent="0.25">
      <c r="A390" s="1" t="s">
        <v>3240</v>
      </c>
      <c r="B390" s="1" t="s">
        <v>3235</v>
      </c>
      <c r="C390" s="1" t="s">
        <v>1328</v>
      </c>
      <c r="D390" s="1" t="s">
        <v>1337</v>
      </c>
      <c r="E390" s="1" t="s">
        <v>1337</v>
      </c>
      <c r="F390" s="1" t="s">
        <v>3241</v>
      </c>
      <c r="G390" s="1" t="s">
        <v>3242</v>
      </c>
      <c r="H390" s="1" t="s">
        <v>3243</v>
      </c>
      <c r="I390" s="1" t="s">
        <v>3244</v>
      </c>
      <c r="K390" s="1" t="s">
        <v>1334</v>
      </c>
      <c r="L390" s="1" t="s">
        <v>1335</v>
      </c>
    </row>
    <row r="391" spans="1:12" x14ac:dyDescent="0.25">
      <c r="A391" s="1" t="s">
        <v>3245</v>
      </c>
      <c r="B391" s="1" t="s">
        <v>3235</v>
      </c>
      <c r="C391" s="1" t="s">
        <v>1328</v>
      </c>
      <c r="D391" s="1" t="s">
        <v>1343</v>
      </c>
      <c r="E391" s="1" t="s">
        <v>1343</v>
      </c>
      <c r="F391" s="1" t="s">
        <v>3246</v>
      </c>
      <c r="G391" s="1" t="s">
        <v>3247</v>
      </c>
      <c r="H391" s="1" t="s">
        <v>3248</v>
      </c>
      <c r="I391" s="1" t="s">
        <v>3249</v>
      </c>
      <c r="K391" s="1" t="s">
        <v>1366</v>
      </c>
      <c r="L391" s="1" t="s">
        <v>1335</v>
      </c>
    </row>
    <row r="392" spans="1:12" x14ac:dyDescent="0.25">
      <c r="A392" s="1" t="s">
        <v>3250</v>
      </c>
      <c r="B392" s="1" t="s">
        <v>3235</v>
      </c>
      <c r="C392" s="1" t="s">
        <v>1328</v>
      </c>
      <c r="D392" s="1" t="s">
        <v>1349</v>
      </c>
      <c r="E392" s="1" t="s">
        <v>1349</v>
      </c>
      <c r="F392" s="1" t="s">
        <v>3251</v>
      </c>
      <c r="G392" s="1" t="s">
        <v>3252</v>
      </c>
      <c r="H392" s="1" t="s">
        <v>3253</v>
      </c>
      <c r="I392" s="1" t="s">
        <v>3254</v>
      </c>
      <c r="K392" s="1" t="s">
        <v>1334</v>
      </c>
      <c r="L392" s="1" t="s">
        <v>1335</v>
      </c>
    </row>
    <row r="393" spans="1:12" x14ac:dyDescent="0.25">
      <c r="A393" s="1" t="s">
        <v>3255</v>
      </c>
      <c r="B393" s="1" t="s">
        <v>3235</v>
      </c>
      <c r="C393" s="1" t="s">
        <v>1328</v>
      </c>
      <c r="D393" s="1" t="s">
        <v>1355</v>
      </c>
      <c r="E393" s="1" t="s">
        <v>1355</v>
      </c>
      <c r="F393" s="1" t="s">
        <v>3256</v>
      </c>
      <c r="G393" s="1" t="s">
        <v>3257</v>
      </c>
      <c r="H393" s="1" t="s">
        <v>3258</v>
      </c>
      <c r="I393" s="1" t="s">
        <v>3259</v>
      </c>
      <c r="K393" s="1" t="s">
        <v>1334</v>
      </c>
      <c r="L393" s="1" t="s">
        <v>1335</v>
      </c>
    </row>
    <row r="394" spans="1:12" x14ac:dyDescent="0.25">
      <c r="A394" s="1" t="s">
        <v>3260</v>
      </c>
      <c r="B394" s="1" t="s">
        <v>3235</v>
      </c>
      <c r="C394" s="1" t="s">
        <v>1328</v>
      </c>
      <c r="D394" s="1" t="s">
        <v>1361</v>
      </c>
      <c r="E394" s="1" t="s">
        <v>1361</v>
      </c>
      <c r="F394" s="1" t="s">
        <v>3261</v>
      </c>
      <c r="G394" s="1" t="s">
        <v>3262</v>
      </c>
      <c r="H394" s="1" t="s">
        <v>3263</v>
      </c>
      <c r="I394" s="1" t="s">
        <v>3264</v>
      </c>
      <c r="K394" s="1" t="s">
        <v>1334</v>
      </c>
      <c r="L394" s="1" t="s">
        <v>1335</v>
      </c>
    </row>
    <row r="395" spans="1:12" x14ac:dyDescent="0.25">
      <c r="A395" s="1" t="s">
        <v>3265</v>
      </c>
      <c r="B395" s="1" t="s">
        <v>3235</v>
      </c>
      <c r="C395" s="1" t="s">
        <v>1328</v>
      </c>
      <c r="D395" s="1" t="s">
        <v>1368</v>
      </c>
      <c r="E395" s="1" t="s">
        <v>1368</v>
      </c>
      <c r="F395" s="1" t="s">
        <v>3266</v>
      </c>
      <c r="G395" s="1" t="s">
        <v>3267</v>
      </c>
      <c r="H395" s="1" t="s">
        <v>3268</v>
      </c>
      <c r="I395" s="1" t="s">
        <v>3269</v>
      </c>
      <c r="K395" s="1" t="s">
        <v>1366</v>
      </c>
      <c r="L395" s="1" t="s">
        <v>1335</v>
      </c>
    </row>
    <row r="396" spans="1:12" x14ac:dyDescent="0.25">
      <c r="A396" s="1" t="s">
        <v>3270</v>
      </c>
      <c r="B396" s="1" t="s">
        <v>3235</v>
      </c>
      <c r="C396" s="1" t="s">
        <v>1328</v>
      </c>
      <c r="D396" s="1" t="s">
        <v>1374</v>
      </c>
      <c r="E396" s="1" t="s">
        <v>1374</v>
      </c>
      <c r="F396" s="1" t="s">
        <v>3271</v>
      </c>
      <c r="G396" s="1" t="s">
        <v>3272</v>
      </c>
      <c r="H396" s="1" t="s">
        <v>3273</v>
      </c>
      <c r="I396" s="1" t="s">
        <v>3274</v>
      </c>
      <c r="K396" s="1" t="s">
        <v>1366</v>
      </c>
      <c r="L396" s="1" t="s">
        <v>1335</v>
      </c>
    </row>
    <row r="397" spans="1:12" x14ac:dyDescent="0.25">
      <c r="A397" s="1" t="s">
        <v>3275</v>
      </c>
      <c r="B397" s="1" t="s">
        <v>3235</v>
      </c>
      <c r="C397" s="1" t="s">
        <v>1328</v>
      </c>
      <c r="D397" s="1" t="s">
        <v>1380</v>
      </c>
      <c r="E397" s="1" t="s">
        <v>1380</v>
      </c>
      <c r="F397" s="1" t="s">
        <v>3276</v>
      </c>
      <c r="G397" s="1" t="s">
        <v>3277</v>
      </c>
      <c r="H397" s="1" t="s">
        <v>3278</v>
      </c>
      <c r="I397" s="1" t="s">
        <v>3279</v>
      </c>
      <c r="K397" s="1" t="s">
        <v>1334</v>
      </c>
      <c r="L397" s="1" t="s">
        <v>1335</v>
      </c>
    </row>
    <row r="398" spans="1:12" x14ac:dyDescent="0.25">
      <c r="A398" s="1" t="s">
        <v>3280</v>
      </c>
      <c r="B398" s="1" t="s">
        <v>3235</v>
      </c>
      <c r="C398" s="1" t="s">
        <v>1328</v>
      </c>
      <c r="D398" s="1" t="s">
        <v>1386</v>
      </c>
      <c r="E398" s="1" t="s">
        <v>1386</v>
      </c>
      <c r="F398" s="1" t="s">
        <v>3281</v>
      </c>
      <c r="G398" s="1" t="s">
        <v>3282</v>
      </c>
      <c r="H398" s="1" t="s">
        <v>3283</v>
      </c>
      <c r="I398" s="1" t="s">
        <v>3284</v>
      </c>
      <c r="K398" s="1" t="s">
        <v>1366</v>
      </c>
      <c r="L398" s="1" t="s">
        <v>1335</v>
      </c>
    </row>
    <row r="399" spans="1:12" x14ac:dyDescent="0.25">
      <c r="A399" s="1" t="s">
        <v>3285</v>
      </c>
      <c r="B399" s="1" t="s">
        <v>3235</v>
      </c>
      <c r="C399" s="1" t="s">
        <v>1328</v>
      </c>
      <c r="D399" s="1" t="s">
        <v>1392</v>
      </c>
      <c r="E399" s="1" t="s">
        <v>1392</v>
      </c>
      <c r="F399" s="1" t="s">
        <v>3286</v>
      </c>
      <c r="G399" s="1" t="s">
        <v>3287</v>
      </c>
      <c r="H399" s="1" t="s">
        <v>3288</v>
      </c>
      <c r="I399" s="1" t="s">
        <v>2056</v>
      </c>
      <c r="K399" s="1" t="s">
        <v>1334</v>
      </c>
      <c r="L399" s="1" t="s">
        <v>1335</v>
      </c>
    </row>
    <row r="400" spans="1:12" x14ac:dyDescent="0.25">
      <c r="A400" s="1" t="s">
        <v>3289</v>
      </c>
      <c r="B400" s="1" t="s">
        <v>3235</v>
      </c>
      <c r="C400" s="1" t="s">
        <v>1328</v>
      </c>
      <c r="D400" s="1" t="s">
        <v>1398</v>
      </c>
      <c r="E400" s="1" t="s">
        <v>1398</v>
      </c>
      <c r="F400" s="1" t="s">
        <v>3290</v>
      </c>
      <c r="G400" s="1" t="s">
        <v>3291</v>
      </c>
      <c r="H400" s="1" t="s">
        <v>3292</v>
      </c>
      <c r="I400" s="1" t="s">
        <v>3293</v>
      </c>
      <c r="K400" s="1" t="s">
        <v>1366</v>
      </c>
      <c r="L400" s="1" t="s">
        <v>1335</v>
      </c>
    </row>
    <row r="401" spans="1:12" x14ac:dyDescent="0.25">
      <c r="A401" s="1" t="s">
        <v>3294</v>
      </c>
      <c r="B401" s="1" t="s">
        <v>3235</v>
      </c>
      <c r="C401" s="1" t="s">
        <v>1328</v>
      </c>
      <c r="D401" s="1" t="s">
        <v>1404</v>
      </c>
      <c r="E401" s="1" t="s">
        <v>1404</v>
      </c>
      <c r="F401" s="1" t="s">
        <v>3295</v>
      </c>
      <c r="G401" s="1" t="s">
        <v>3296</v>
      </c>
      <c r="H401" s="1" t="s">
        <v>3297</v>
      </c>
      <c r="I401" s="1" t="s">
        <v>3298</v>
      </c>
      <c r="K401" s="1" t="s">
        <v>1366</v>
      </c>
      <c r="L401" s="1" t="s">
        <v>1335</v>
      </c>
    </row>
    <row r="402" spans="1:12" x14ac:dyDescent="0.25">
      <c r="A402" s="1" t="s">
        <v>3299</v>
      </c>
      <c r="B402" s="1" t="s">
        <v>3235</v>
      </c>
      <c r="C402" s="1" t="s">
        <v>1328</v>
      </c>
      <c r="D402" s="1" t="s">
        <v>1410</v>
      </c>
      <c r="E402" s="1" t="s">
        <v>1410</v>
      </c>
      <c r="F402" s="1" t="s">
        <v>3300</v>
      </c>
      <c r="G402" s="1" t="s">
        <v>3301</v>
      </c>
      <c r="H402" s="1" t="s">
        <v>3302</v>
      </c>
      <c r="I402" s="1" t="s">
        <v>3303</v>
      </c>
      <c r="K402" s="1" t="s">
        <v>1366</v>
      </c>
      <c r="L402" s="1" t="s">
        <v>1335</v>
      </c>
    </row>
    <row r="403" spans="1:12" x14ac:dyDescent="0.25">
      <c r="A403" s="1" t="s">
        <v>3304</v>
      </c>
      <c r="B403" s="1" t="s">
        <v>3235</v>
      </c>
      <c r="C403" s="1" t="s">
        <v>1328</v>
      </c>
      <c r="D403" s="1" t="s">
        <v>1416</v>
      </c>
      <c r="E403" s="1" t="s">
        <v>1416</v>
      </c>
      <c r="F403" s="1" t="s">
        <v>3305</v>
      </c>
      <c r="G403" s="1" t="s">
        <v>3306</v>
      </c>
      <c r="H403" s="1" t="s">
        <v>3307</v>
      </c>
      <c r="I403" s="1" t="s">
        <v>3308</v>
      </c>
      <c r="K403" s="1" t="s">
        <v>1366</v>
      </c>
      <c r="L403" s="1" t="s">
        <v>1335</v>
      </c>
    </row>
    <row r="404" spans="1:12" x14ac:dyDescent="0.25">
      <c r="A404" s="1" t="s">
        <v>3309</v>
      </c>
      <c r="B404" s="1" t="s">
        <v>3235</v>
      </c>
      <c r="C404" s="1" t="s">
        <v>1328</v>
      </c>
      <c r="D404" s="1" t="s">
        <v>1422</v>
      </c>
      <c r="E404" s="1" t="s">
        <v>1422</v>
      </c>
      <c r="F404" s="1" t="s">
        <v>3310</v>
      </c>
      <c r="G404" s="1" t="s">
        <v>3311</v>
      </c>
      <c r="H404" s="1" t="s">
        <v>3312</v>
      </c>
      <c r="I404" s="1" t="s">
        <v>3313</v>
      </c>
      <c r="K404" s="1" t="s">
        <v>1366</v>
      </c>
      <c r="L404" s="1" t="s">
        <v>1335</v>
      </c>
    </row>
    <row r="405" spans="1:12" x14ac:dyDescent="0.25">
      <c r="A405" s="1" t="s">
        <v>3314</v>
      </c>
      <c r="B405" s="1" t="s">
        <v>3235</v>
      </c>
      <c r="C405" s="1" t="s">
        <v>1328</v>
      </c>
      <c r="D405" s="1" t="s">
        <v>1428</v>
      </c>
      <c r="E405" s="1" t="s">
        <v>1428</v>
      </c>
      <c r="F405" s="1" t="s">
        <v>3315</v>
      </c>
      <c r="G405" s="1" t="s">
        <v>3316</v>
      </c>
      <c r="H405" s="1" t="s">
        <v>3317</v>
      </c>
      <c r="I405" s="1" t="s">
        <v>3318</v>
      </c>
      <c r="K405" s="1" t="s">
        <v>1366</v>
      </c>
      <c r="L405" s="1" t="s">
        <v>1335</v>
      </c>
    </row>
    <row r="406" spans="1:12" x14ac:dyDescent="0.25">
      <c r="A406" s="1" t="s">
        <v>3319</v>
      </c>
      <c r="B406" s="1" t="s">
        <v>3235</v>
      </c>
      <c r="C406" s="1" t="s">
        <v>1328</v>
      </c>
      <c r="D406" s="1" t="s">
        <v>1434</v>
      </c>
      <c r="E406" s="1" t="s">
        <v>1434</v>
      </c>
      <c r="F406" s="1" t="s">
        <v>3320</v>
      </c>
      <c r="G406" s="1" t="s">
        <v>3321</v>
      </c>
      <c r="H406" s="1" t="s">
        <v>3322</v>
      </c>
      <c r="I406" s="1" t="s">
        <v>3323</v>
      </c>
      <c r="K406" s="1" t="s">
        <v>1366</v>
      </c>
      <c r="L406" s="1" t="s">
        <v>1335</v>
      </c>
    </row>
    <row r="407" spans="1:12" x14ac:dyDescent="0.25">
      <c r="A407" s="1" t="s">
        <v>3324</v>
      </c>
      <c r="B407" s="1" t="s">
        <v>3235</v>
      </c>
      <c r="C407" s="1" t="s">
        <v>1328</v>
      </c>
      <c r="D407" s="1" t="s">
        <v>1440</v>
      </c>
      <c r="E407" s="1" t="s">
        <v>1440</v>
      </c>
      <c r="F407" s="1" t="s">
        <v>3325</v>
      </c>
      <c r="G407" s="1" t="s">
        <v>3326</v>
      </c>
      <c r="H407" s="1" t="s">
        <v>3327</v>
      </c>
      <c r="I407" s="1" t="s">
        <v>3328</v>
      </c>
      <c r="K407" s="1" t="s">
        <v>1366</v>
      </c>
      <c r="L407" s="1" t="s">
        <v>1335</v>
      </c>
    </row>
    <row r="408" spans="1:12" x14ac:dyDescent="0.25">
      <c r="A408" s="1" t="s">
        <v>3329</v>
      </c>
      <c r="B408" s="1" t="s">
        <v>3235</v>
      </c>
      <c r="C408" s="1" t="s">
        <v>1328</v>
      </c>
      <c r="D408" s="1" t="s">
        <v>1446</v>
      </c>
      <c r="E408" s="1" t="s">
        <v>1446</v>
      </c>
      <c r="F408" s="1" t="s">
        <v>3330</v>
      </c>
      <c r="G408" s="1" t="s">
        <v>3331</v>
      </c>
      <c r="H408" s="1" t="s">
        <v>3332</v>
      </c>
      <c r="I408" s="1" t="s">
        <v>3333</v>
      </c>
      <c r="K408" s="1" t="s">
        <v>1366</v>
      </c>
      <c r="L408" s="1" t="s">
        <v>1335</v>
      </c>
    </row>
    <row r="409" spans="1:12" x14ac:dyDescent="0.25">
      <c r="A409" s="1" t="s">
        <v>3334</v>
      </c>
      <c r="B409" s="1" t="s">
        <v>3235</v>
      </c>
      <c r="C409" s="1" t="s">
        <v>1328</v>
      </c>
      <c r="D409" s="1" t="s">
        <v>1452</v>
      </c>
      <c r="E409" s="1" t="s">
        <v>1452</v>
      </c>
      <c r="F409" s="1" t="s">
        <v>3335</v>
      </c>
      <c r="G409" s="1" t="s">
        <v>3336</v>
      </c>
      <c r="H409" s="1" t="s">
        <v>3337</v>
      </c>
      <c r="I409" s="1" t="s">
        <v>3338</v>
      </c>
      <c r="K409" s="1" t="s">
        <v>1334</v>
      </c>
      <c r="L409" s="1" t="s">
        <v>1335</v>
      </c>
    </row>
    <row r="410" spans="1:12" x14ac:dyDescent="0.25">
      <c r="A410" s="1" t="s">
        <v>3339</v>
      </c>
      <c r="B410" s="1" t="s">
        <v>3235</v>
      </c>
      <c r="C410" s="1" t="s">
        <v>1328</v>
      </c>
      <c r="D410" s="1" t="s">
        <v>1458</v>
      </c>
      <c r="E410" s="1" t="s">
        <v>1458</v>
      </c>
      <c r="F410" s="1" t="s">
        <v>3340</v>
      </c>
      <c r="G410" s="1" t="s">
        <v>3341</v>
      </c>
      <c r="H410" s="1" t="s">
        <v>3342</v>
      </c>
      <c r="I410" s="1" t="s">
        <v>3343</v>
      </c>
      <c r="K410" s="1" t="s">
        <v>1334</v>
      </c>
      <c r="L410" s="1" t="s">
        <v>1335</v>
      </c>
    </row>
    <row r="411" spans="1:12" x14ac:dyDescent="0.25">
      <c r="A411" s="1" t="s">
        <v>3344</v>
      </c>
      <c r="B411" s="1" t="s">
        <v>3235</v>
      </c>
      <c r="C411" s="1" t="s">
        <v>1328</v>
      </c>
      <c r="D411" s="1" t="s">
        <v>1464</v>
      </c>
      <c r="E411" s="1" t="s">
        <v>1464</v>
      </c>
      <c r="F411" s="1" t="s">
        <v>3345</v>
      </c>
      <c r="G411" s="1" t="s">
        <v>3346</v>
      </c>
      <c r="H411" s="1" t="s">
        <v>3347</v>
      </c>
      <c r="I411" s="1" t="s">
        <v>3348</v>
      </c>
      <c r="K411" s="1" t="s">
        <v>1366</v>
      </c>
      <c r="L411" s="1" t="s">
        <v>1335</v>
      </c>
    </row>
    <row r="412" spans="1:12" x14ac:dyDescent="0.25">
      <c r="A412" s="1" t="s">
        <v>3349</v>
      </c>
      <c r="B412" s="1" t="s">
        <v>3235</v>
      </c>
      <c r="C412" s="1" t="s">
        <v>1328</v>
      </c>
      <c r="D412" s="1" t="s">
        <v>1470</v>
      </c>
      <c r="E412" s="1" t="s">
        <v>1470</v>
      </c>
      <c r="F412" s="1" t="s">
        <v>3350</v>
      </c>
      <c r="G412" s="1" t="s">
        <v>3351</v>
      </c>
      <c r="H412" s="1" t="s">
        <v>3352</v>
      </c>
      <c r="I412" s="1" t="s">
        <v>3353</v>
      </c>
      <c r="K412" s="1" t="s">
        <v>1334</v>
      </c>
      <c r="L412" s="1" t="s">
        <v>1335</v>
      </c>
    </row>
    <row r="413" spans="1:12" x14ac:dyDescent="0.25">
      <c r="A413" s="1" t="s">
        <v>3354</v>
      </c>
      <c r="B413" s="1" t="s">
        <v>3235</v>
      </c>
      <c r="C413" s="1" t="s">
        <v>1328</v>
      </c>
      <c r="D413" s="1" t="s">
        <v>1476</v>
      </c>
      <c r="E413" s="1" t="s">
        <v>1476</v>
      </c>
      <c r="F413" s="1" t="s">
        <v>3355</v>
      </c>
      <c r="G413" s="1" t="s">
        <v>3356</v>
      </c>
      <c r="H413" s="1" t="s">
        <v>3357</v>
      </c>
      <c r="I413" s="1" t="s">
        <v>3358</v>
      </c>
      <c r="K413" s="1" t="s">
        <v>1334</v>
      </c>
      <c r="L413" s="1" t="s">
        <v>1335</v>
      </c>
    </row>
    <row r="414" spans="1:12" x14ac:dyDescent="0.25">
      <c r="A414" s="1" t="s">
        <v>3359</v>
      </c>
      <c r="B414" s="1" t="s">
        <v>3235</v>
      </c>
      <c r="C414" s="1" t="s">
        <v>1328</v>
      </c>
      <c r="D414" s="1" t="s">
        <v>1482</v>
      </c>
      <c r="E414" s="1" t="s">
        <v>1482</v>
      </c>
      <c r="F414" s="1" t="s">
        <v>3360</v>
      </c>
      <c r="G414" s="1" t="s">
        <v>3361</v>
      </c>
      <c r="H414" s="1" t="s">
        <v>3362</v>
      </c>
      <c r="I414" s="1" t="s">
        <v>3363</v>
      </c>
      <c r="K414" s="1" t="s">
        <v>1366</v>
      </c>
      <c r="L414" s="1" t="s">
        <v>1335</v>
      </c>
    </row>
    <row r="415" spans="1:12" x14ac:dyDescent="0.25">
      <c r="A415" s="1" t="s">
        <v>3364</v>
      </c>
      <c r="B415" s="1" t="s">
        <v>3235</v>
      </c>
      <c r="C415" s="1" t="s">
        <v>1328</v>
      </c>
      <c r="D415" s="1" t="s">
        <v>1488</v>
      </c>
      <c r="E415" s="1" t="s">
        <v>1488</v>
      </c>
      <c r="F415" s="1" t="s">
        <v>3365</v>
      </c>
      <c r="G415" s="1" t="s">
        <v>3366</v>
      </c>
      <c r="H415" s="1" t="s">
        <v>3367</v>
      </c>
      <c r="I415" s="1" t="s">
        <v>3368</v>
      </c>
      <c r="K415" s="1" t="s">
        <v>1334</v>
      </c>
      <c r="L415" s="1" t="s">
        <v>1335</v>
      </c>
    </row>
    <row r="416" spans="1:12" x14ac:dyDescent="0.25">
      <c r="A416" s="1" t="s">
        <v>3369</v>
      </c>
      <c r="B416" s="1" t="s">
        <v>3235</v>
      </c>
      <c r="C416" s="1" t="s">
        <v>1328</v>
      </c>
      <c r="D416" s="1" t="s">
        <v>1494</v>
      </c>
      <c r="E416" s="1" t="s">
        <v>1494</v>
      </c>
      <c r="F416" s="1" t="s">
        <v>3370</v>
      </c>
      <c r="G416" s="1" t="s">
        <v>3371</v>
      </c>
      <c r="H416" s="1" t="s">
        <v>3372</v>
      </c>
      <c r="I416" s="1" t="s">
        <v>3373</v>
      </c>
      <c r="K416" s="1" t="s">
        <v>1334</v>
      </c>
      <c r="L416" s="1" t="s">
        <v>1335</v>
      </c>
    </row>
    <row r="417" spans="1:12" x14ac:dyDescent="0.25">
      <c r="A417" s="1" t="s">
        <v>3374</v>
      </c>
      <c r="B417" s="1" t="s">
        <v>3235</v>
      </c>
      <c r="C417" s="1" t="s">
        <v>1328</v>
      </c>
      <c r="D417" s="1" t="s">
        <v>1500</v>
      </c>
      <c r="E417" s="1" t="s">
        <v>1500</v>
      </c>
      <c r="F417" s="1" t="s">
        <v>3375</v>
      </c>
      <c r="G417" s="1" t="s">
        <v>3376</v>
      </c>
      <c r="H417" s="1" t="s">
        <v>3377</v>
      </c>
      <c r="I417" s="1" t="s">
        <v>3378</v>
      </c>
      <c r="K417" s="1" t="s">
        <v>1334</v>
      </c>
      <c r="L417" s="1" t="s">
        <v>1335</v>
      </c>
    </row>
    <row r="418" spans="1:12" x14ac:dyDescent="0.25">
      <c r="A418" s="1" t="s">
        <v>3379</v>
      </c>
      <c r="B418" s="1" t="s">
        <v>3235</v>
      </c>
      <c r="C418" s="1" t="s">
        <v>1328</v>
      </c>
      <c r="D418" s="1" t="s">
        <v>1506</v>
      </c>
      <c r="E418" s="1" t="s">
        <v>1506</v>
      </c>
      <c r="F418" s="1" t="s">
        <v>3380</v>
      </c>
      <c r="G418" s="1" t="s">
        <v>3381</v>
      </c>
      <c r="H418" s="1" t="s">
        <v>3382</v>
      </c>
      <c r="I418" s="1" t="s">
        <v>3383</v>
      </c>
      <c r="K418" s="1" t="s">
        <v>1334</v>
      </c>
      <c r="L418" s="1" t="s">
        <v>1335</v>
      </c>
    </row>
    <row r="419" spans="1:12" x14ac:dyDescent="0.25">
      <c r="A419" s="1" t="s">
        <v>3384</v>
      </c>
      <c r="B419" s="1" t="s">
        <v>3235</v>
      </c>
      <c r="C419" s="1" t="s">
        <v>1529</v>
      </c>
      <c r="D419" s="1" t="s">
        <v>1329</v>
      </c>
      <c r="E419" s="1" t="s">
        <v>1329</v>
      </c>
      <c r="F419" s="1" t="s">
        <v>3385</v>
      </c>
      <c r="G419" s="1" t="s">
        <v>3386</v>
      </c>
      <c r="H419" s="1" t="s">
        <v>3387</v>
      </c>
      <c r="I419" s="1" t="s">
        <v>3388</v>
      </c>
      <c r="K419" s="1" t="s">
        <v>1366</v>
      </c>
      <c r="L419" s="1" t="s">
        <v>1335</v>
      </c>
    </row>
    <row r="420" spans="1:12" x14ac:dyDescent="0.25">
      <c r="A420" s="1" t="s">
        <v>3389</v>
      </c>
      <c r="B420" s="1" t="s">
        <v>3235</v>
      </c>
      <c r="C420" s="1" t="s">
        <v>1529</v>
      </c>
      <c r="D420" s="1" t="s">
        <v>1337</v>
      </c>
      <c r="E420" s="1" t="s">
        <v>1337</v>
      </c>
      <c r="F420" s="1" t="s">
        <v>3390</v>
      </c>
      <c r="G420" s="1" t="s">
        <v>3391</v>
      </c>
      <c r="H420" s="1" t="s">
        <v>3392</v>
      </c>
      <c r="I420" s="1" t="s">
        <v>3393</v>
      </c>
      <c r="K420" s="1" t="s">
        <v>1334</v>
      </c>
      <c r="L420" s="1" t="s">
        <v>1335</v>
      </c>
    </row>
    <row r="421" spans="1:12" x14ac:dyDescent="0.25">
      <c r="A421" s="1" t="s">
        <v>3394</v>
      </c>
      <c r="B421" s="1" t="s">
        <v>3235</v>
      </c>
      <c r="C421" s="1" t="s">
        <v>1529</v>
      </c>
      <c r="D421" s="1" t="s">
        <v>1343</v>
      </c>
      <c r="E421" s="1" t="s">
        <v>1343</v>
      </c>
      <c r="F421" s="1" t="s">
        <v>3395</v>
      </c>
      <c r="G421" s="1" t="s">
        <v>3396</v>
      </c>
      <c r="H421" s="1" t="s">
        <v>3397</v>
      </c>
      <c r="I421" s="1" t="s">
        <v>3398</v>
      </c>
      <c r="K421" s="1" t="s">
        <v>1366</v>
      </c>
      <c r="L421" s="1" t="s">
        <v>1335</v>
      </c>
    </row>
    <row r="422" spans="1:12" x14ac:dyDescent="0.25">
      <c r="A422" s="1" t="s">
        <v>3399</v>
      </c>
      <c r="B422" s="1" t="s">
        <v>3235</v>
      </c>
      <c r="C422" s="1" t="s">
        <v>1529</v>
      </c>
      <c r="D422" s="1" t="s">
        <v>1349</v>
      </c>
      <c r="E422" s="1" t="s">
        <v>1349</v>
      </c>
      <c r="F422" s="1" t="s">
        <v>3400</v>
      </c>
      <c r="G422" s="1" t="s">
        <v>3401</v>
      </c>
      <c r="H422" s="1" t="s">
        <v>3402</v>
      </c>
      <c r="I422" s="1" t="s">
        <v>3403</v>
      </c>
      <c r="J422" s="14" t="s">
        <v>1726</v>
      </c>
      <c r="K422" s="1" t="s">
        <v>1334</v>
      </c>
      <c r="L422" s="1" t="s">
        <v>1335</v>
      </c>
    </row>
    <row r="423" spans="1:12" x14ac:dyDescent="0.25">
      <c r="A423" s="1" t="s">
        <v>3404</v>
      </c>
      <c r="B423" s="1" t="s">
        <v>3235</v>
      </c>
      <c r="C423" s="1" t="s">
        <v>1529</v>
      </c>
      <c r="D423" s="1" t="s">
        <v>1355</v>
      </c>
      <c r="E423" s="1" t="s">
        <v>1355</v>
      </c>
      <c r="F423" s="1" t="s">
        <v>3405</v>
      </c>
      <c r="G423" s="1" t="s">
        <v>3406</v>
      </c>
      <c r="H423" s="1" t="s">
        <v>3407</v>
      </c>
      <c r="I423" s="1" t="s">
        <v>3408</v>
      </c>
      <c r="K423" s="1" t="s">
        <v>1334</v>
      </c>
      <c r="L423" s="1" t="s">
        <v>1335</v>
      </c>
    </row>
    <row r="424" spans="1:12" x14ac:dyDescent="0.25">
      <c r="A424" s="1" t="s">
        <v>3409</v>
      </c>
      <c r="B424" s="1" t="s">
        <v>3235</v>
      </c>
      <c r="C424" s="1" t="s">
        <v>1529</v>
      </c>
      <c r="D424" s="1" t="s">
        <v>1361</v>
      </c>
      <c r="E424" s="1" t="s">
        <v>1361</v>
      </c>
      <c r="F424" s="1" t="s">
        <v>3410</v>
      </c>
      <c r="G424" s="1" t="s">
        <v>3411</v>
      </c>
      <c r="H424" s="1" t="s">
        <v>3412</v>
      </c>
      <c r="I424" s="1" t="s">
        <v>3413</v>
      </c>
      <c r="K424" s="1" t="s">
        <v>1334</v>
      </c>
      <c r="L424" s="1" t="s">
        <v>1335</v>
      </c>
    </row>
    <row r="425" spans="1:12" x14ac:dyDescent="0.25">
      <c r="A425" s="1" t="s">
        <v>3414</v>
      </c>
      <c r="B425" s="1" t="s">
        <v>3235</v>
      </c>
      <c r="C425" s="1" t="s">
        <v>1529</v>
      </c>
      <c r="D425" s="1" t="s">
        <v>1368</v>
      </c>
      <c r="E425" s="1" t="s">
        <v>1368</v>
      </c>
      <c r="F425" s="1" t="s">
        <v>3415</v>
      </c>
      <c r="G425" s="1" t="s">
        <v>3416</v>
      </c>
      <c r="H425" s="1" t="s">
        <v>3417</v>
      </c>
      <c r="I425" s="1" t="s">
        <v>3418</v>
      </c>
      <c r="K425" s="1" t="s">
        <v>1334</v>
      </c>
      <c r="L425" s="1" t="s">
        <v>1335</v>
      </c>
    </row>
    <row r="426" spans="1:12" x14ac:dyDescent="0.25">
      <c r="A426" s="1" t="s">
        <v>3419</v>
      </c>
      <c r="B426" s="1" t="s">
        <v>3235</v>
      </c>
      <c r="C426" s="1" t="s">
        <v>1529</v>
      </c>
      <c r="D426" s="1" t="s">
        <v>1374</v>
      </c>
      <c r="E426" s="1" t="s">
        <v>1374</v>
      </c>
      <c r="F426" s="1" t="s">
        <v>3420</v>
      </c>
      <c r="G426" s="1" t="s">
        <v>3421</v>
      </c>
      <c r="H426" s="1" t="s">
        <v>3422</v>
      </c>
      <c r="I426" s="1" t="s">
        <v>3423</v>
      </c>
      <c r="K426" s="1" t="s">
        <v>1334</v>
      </c>
      <c r="L426" s="1" t="s">
        <v>1335</v>
      </c>
    </row>
    <row r="427" spans="1:12" x14ac:dyDescent="0.25">
      <c r="A427" s="1" t="s">
        <v>3424</v>
      </c>
      <c r="B427" s="1" t="s">
        <v>3235</v>
      </c>
      <c r="C427" s="1" t="s">
        <v>1529</v>
      </c>
      <c r="D427" s="1" t="s">
        <v>1380</v>
      </c>
      <c r="E427" s="1" t="s">
        <v>1380</v>
      </c>
      <c r="F427" s="1" t="s">
        <v>3425</v>
      </c>
      <c r="G427" s="1" t="s">
        <v>3426</v>
      </c>
      <c r="H427" s="1" t="s">
        <v>3427</v>
      </c>
      <c r="I427" s="1" t="s">
        <v>3428</v>
      </c>
      <c r="K427" s="1" t="s">
        <v>1366</v>
      </c>
      <c r="L427" s="1" t="s">
        <v>1335</v>
      </c>
    </row>
    <row r="428" spans="1:12" x14ac:dyDescent="0.25">
      <c r="A428" s="1" t="s">
        <v>3429</v>
      </c>
      <c r="B428" s="1" t="s">
        <v>3235</v>
      </c>
      <c r="C428" s="1" t="s">
        <v>1529</v>
      </c>
      <c r="D428" s="1" t="s">
        <v>1386</v>
      </c>
      <c r="E428" s="1" t="s">
        <v>1386</v>
      </c>
      <c r="F428" s="1" t="s">
        <v>3430</v>
      </c>
      <c r="G428" s="1" t="s">
        <v>3431</v>
      </c>
      <c r="H428" s="1" t="s">
        <v>3432</v>
      </c>
      <c r="I428" s="1" t="s">
        <v>3433</v>
      </c>
      <c r="K428" s="1" t="s">
        <v>1366</v>
      </c>
      <c r="L428" s="1" t="s">
        <v>1335</v>
      </c>
    </row>
    <row r="429" spans="1:12" x14ac:dyDescent="0.25">
      <c r="A429" s="1" t="s">
        <v>3434</v>
      </c>
      <c r="B429" s="1" t="s">
        <v>3235</v>
      </c>
      <c r="C429" s="1" t="s">
        <v>1529</v>
      </c>
      <c r="D429" s="1" t="s">
        <v>1392</v>
      </c>
      <c r="E429" s="1" t="s">
        <v>1392</v>
      </c>
      <c r="F429" s="1" t="s">
        <v>3435</v>
      </c>
      <c r="G429" s="1" t="s">
        <v>3436</v>
      </c>
      <c r="H429" s="1" t="s">
        <v>3437</v>
      </c>
      <c r="I429" s="1" t="s">
        <v>3438</v>
      </c>
      <c r="K429" s="1" t="s">
        <v>1366</v>
      </c>
      <c r="L429" s="1" t="s">
        <v>1335</v>
      </c>
    </row>
    <row r="430" spans="1:12" x14ac:dyDescent="0.25">
      <c r="A430" s="1" t="s">
        <v>3439</v>
      </c>
      <c r="B430" s="1" t="s">
        <v>3235</v>
      </c>
      <c r="C430" s="1" t="s">
        <v>1529</v>
      </c>
      <c r="D430" s="1" t="s">
        <v>1398</v>
      </c>
      <c r="E430" s="1" t="s">
        <v>1398</v>
      </c>
      <c r="F430" s="1" t="s">
        <v>3440</v>
      </c>
      <c r="G430" s="1" t="s">
        <v>3441</v>
      </c>
      <c r="H430" s="1" t="s">
        <v>3442</v>
      </c>
      <c r="I430" s="1" t="s">
        <v>3443</v>
      </c>
      <c r="K430" s="1" t="s">
        <v>1334</v>
      </c>
      <c r="L430" s="1" t="s">
        <v>1335</v>
      </c>
    </row>
    <row r="431" spans="1:12" x14ac:dyDescent="0.25">
      <c r="A431" s="1" t="s">
        <v>3444</v>
      </c>
      <c r="B431" s="1" t="s">
        <v>3235</v>
      </c>
      <c r="C431" s="1" t="s">
        <v>1529</v>
      </c>
      <c r="D431" s="1" t="s">
        <v>1404</v>
      </c>
      <c r="E431" s="1" t="s">
        <v>1404</v>
      </c>
      <c r="F431" s="1" t="s">
        <v>3445</v>
      </c>
      <c r="G431" s="1" t="s">
        <v>3446</v>
      </c>
      <c r="H431" s="1" t="s">
        <v>3447</v>
      </c>
      <c r="I431" s="1" t="s">
        <v>3448</v>
      </c>
      <c r="K431" s="1" t="s">
        <v>1334</v>
      </c>
      <c r="L431" s="1" t="s">
        <v>1335</v>
      </c>
    </row>
    <row r="432" spans="1:12" x14ac:dyDescent="0.25">
      <c r="A432" s="1" t="s">
        <v>348</v>
      </c>
      <c r="B432" s="1" t="s">
        <v>3235</v>
      </c>
      <c r="C432" s="1" t="s">
        <v>1529</v>
      </c>
      <c r="D432" s="1" t="s">
        <v>1410</v>
      </c>
      <c r="E432" s="1" t="s">
        <v>1410</v>
      </c>
      <c r="F432" s="1" t="s">
        <v>3449</v>
      </c>
      <c r="G432" s="1" t="s">
        <v>3450</v>
      </c>
      <c r="H432" s="1" t="s">
        <v>3451</v>
      </c>
      <c r="I432" s="1" t="s">
        <v>3452</v>
      </c>
      <c r="K432" s="1" t="s">
        <v>1334</v>
      </c>
      <c r="L432" s="1" t="s">
        <v>1335</v>
      </c>
    </row>
    <row r="433" spans="1:12" x14ac:dyDescent="0.25">
      <c r="A433" s="1" t="s">
        <v>3453</v>
      </c>
      <c r="B433" s="1" t="s">
        <v>3235</v>
      </c>
      <c r="C433" s="1" t="s">
        <v>1529</v>
      </c>
      <c r="D433" s="1" t="s">
        <v>1416</v>
      </c>
      <c r="E433" s="1" t="s">
        <v>1416</v>
      </c>
      <c r="F433" s="1" t="s">
        <v>3454</v>
      </c>
      <c r="G433" s="1" t="s">
        <v>3455</v>
      </c>
      <c r="H433" s="1" t="s">
        <v>3456</v>
      </c>
      <c r="I433" s="1" t="s">
        <v>3457</v>
      </c>
      <c r="K433" s="1" t="s">
        <v>1366</v>
      </c>
      <c r="L433" s="1" t="s">
        <v>1335</v>
      </c>
    </row>
    <row r="434" spans="1:12" x14ac:dyDescent="0.25">
      <c r="A434" s="1" t="s">
        <v>3458</v>
      </c>
      <c r="B434" s="1" t="s">
        <v>3235</v>
      </c>
      <c r="C434" s="1" t="s">
        <v>1529</v>
      </c>
      <c r="D434" s="1" t="s">
        <v>1422</v>
      </c>
      <c r="E434" s="1" t="s">
        <v>1422</v>
      </c>
      <c r="F434" s="1" t="s">
        <v>3459</v>
      </c>
      <c r="G434" s="1" t="s">
        <v>3460</v>
      </c>
      <c r="H434" s="1" t="s">
        <v>3461</v>
      </c>
      <c r="I434" s="1" t="s">
        <v>3462</v>
      </c>
      <c r="K434" s="1" t="s">
        <v>1366</v>
      </c>
      <c r="L434" s="1" t="s">
        <v>1335</v>
      </c>
    </row>
    <row r="435" spans="1:12" x14ac:dyDescent="0.25">
      <c r="A435" s="1" t="s">
        <v>3463</v>
      </c>
      <c r="B435" s="1" t="s">
        <v>3235</v>
      </c>
      <c r="C435" s="1" t="s">
        <v>1529</v>
      </c>
      <c r="D435" s="1" t="s">
        <v>1428</v>
      </c>
      <c r="E435" s="1" t="s">
        <v>1428</v>
      </c>
      <c r="F435" s="1" t="s">
        <v>3464</v>
      </c>
      <c r="G435" s="1" t="s">
        <v>3465</v>
      </c>
      <c r="H435" s="1" t="s">
        <v>3466</v>
      </c>
      <c r="I435" s="1" t="s">
        <v>3467</v>
      </c>
      <c r="K435" s="1" t="s">
        <v>1334</v>
      </c>
      <c r="L435" s="1" t="s">
        <v>1335</v>
      </c>
    </row>
    <row r="436" spans="1:12" x14ac:dyDescent="0.25">
      <c r="A436" s="1" t="s">
        <v>3468</v>
      </c>
      <c r="B436" s="1" t="s">
        <v>3235</v>
      </c>
      <c r="C436" s="1" t="s">
        <v>1529</v>
      </c>
      <c r="D436" s="1" t="s">
        <v>1434</v>
      </c>
      <c r="E436" s="1" t="s">
        <v>1434</v>
      </c>
      <c r="F436" s="1" t="s">
        <v>3469</v>
      </c>
      <c r="G436" s="1" t="s">
        <v>3470</v>
      </c>
      <c r="H436" s="1" t="s">
        <v>3471</v>
      </c>
      <c r="I436" s="1" t="s">
        <v>3472</v>
      </c>
      <c r="K436" s="1" t="s">
        <v>1334</v>
      </c>
      <c r="L436" s="1" t="s">
        <v>1335</v>
      </c>
    </row>
    <row r="437" spans="1:12" x14ac:dyDescent="0.25">
      <c r="A437" s="1" t="s">
        <v>3473</v>
      </c>
      <c r="B437" s="1" t="s">
        <v>3235</v>
      </c>
      <c r="C437" s="1" t="s">
        <v>1529</v>
      </c>
      <c r="D437" s="1" t="s">
        <v>1440</v>
      </c>
      <c r="E437" s="1" t="s">
        <v>1440</v>
      </c>
      <c r="F437" s="1" t="s">
        <v>3474</v>
      </c>
      <c r="G437" s="1" t="s">
        <v>3475</v>
      </c>
      <c r="H437" s="1" t="s">
        <v>3476</v>
      </c>
      <c r="I437" s="1" t="s">
        <v>3477</v>
      </c>
      <c r="K437" s="1" t="s">
        <v>1334</v>
      </c>
      <c r="L437" s="1" t="s">
        <v>1335</v>
      </c>
    </row>
    <row r="438" spans="1:12" x14ac:dyDescent="0.25">
      <c r="A438" s="1" t="s">
        <v>3478</v>
      </c>
      <c r="B438" s="1" t="s">
        <v>3235</v>
      </c>
      <c r="C438" s="1" t="s">
        <v>1529</v>
      </c>
      <c r="D438" s="1" t="s">
        <v>1446</v>
      </c>
      <c r="E438" s="1" t="s">
        <v>1446</v>
      </c>
      <c r="F438" s="1" t="s">
        <v>3479</v>
      </c>
      <c r="G438" s="1" t="s">
        <v>3480</v>
      </c>
      <c r="H438" s="1" t="s">
        <v>3427</v>
      </c>
      <c r="I438" s="1" t="s">
        <v>3481</v>
      </c>
      <c r="K438" s="1" t="s">
        <v>1366</v>
      </c>
      <c r="L438" s="1" t="s">
        <v>1335</v>
      </c>
    </row>
    <row r="439" spans="1:12" x14ac:dyDescent="0.25">
      <c r="A439" s="1" t="s">
        <v>3482</v>
      </c>
      <c r="B439" s="1" t="s">
        <v>3235</v>
      </c>
      <c r="C439" s="1" t="s">
        <v>1529</v>
      </c>
      <c r="D439" s="1" t="s">
        <v>1452</v>
      </c>
      <c r="E439" s="1" t="s">
        <v>1452</v>
      </c>
      <c r="F439" s="1" t="s">
        <v>3483</v>
      </c>
      <c r="G439" s="1" t="s">
        <v>3484</v>
      </c>
      <c r="H439" s="1" t="s">
        <v>3485</v>
      </c>
      <c r="I439" s="1" t="s">
        <v>3486</v>
      </c>
      <c r="K439" s="1" t="s">
        <v>1366</v>
      </c>
      <c r="L439" s="1" t="s">
        <v>1335</v>
      </c>
    </row>
    <row r="440" spans="1:12" x14ac:dyDescent="0.25">
      <c r="A440" s="1" t="s">
        <v>3487</v>
      </c>
      <c r="B440" s="1" t="s">
        <v>3235</v>
      </c>
      <c r="C440" s="1" t="s">
        <v>1529</v>
      </c>
      <c r="D440" s="1" t="s">
        <v>1458</v>
      </c>
      <c r="E440" s="1" t="s">
        <v>1458</v>
      </c>
      <c r="F440" s="1" t="s">
        <v>3488</v>
      </c>
      <c r="G440" s="1" t="s">
        <v>3489</v>
      </c>
      <c r="H440" s="1" t="s">
        <v>3490</v>
      </c>
      <c r="I440" s="1" t="s">
        <v>3491</v>
      </c>
      <c r="K440" s="1" t="s">
        <v>1366</v>
      </c>
      <c r="L440" s="1" t="s">
        <v>1335</v>
      </c>
    </row>
    <row r="441" spans="1:12" x14ac:dyDescent="0.25">
      <c r="A441" s="1" t="s">
        <v>3492</v>
      </c>
      <c r="B441" s="1" t="s">
        <v>3235</v>
      </c>
      <c r="C441" s="1" t="s">
        <v>1529</v>
      </c>
      <c r="D441" s="1" t="s">
        <v>1464</v>
      </c>
      <c r="E441" s="1" t="s">
        <v>1464</v>
      </c>
      <c r="F441" s="1" t="s">
        <v>3493</v>
      </c>
      <c r="G441" s="1" t="s">
        <v>3494</v>
      </c>
      <c r="H441" s="1" t="s">
        <v>3495</v>
      </c>
      <c r="I441" s="1" t="s">
        <v>3496</v>
      </c>
      <c r="K441" s="1" t="s">
        <v>1334</v>
      </c>
      <c r="L441" s="1" t="s">
        <v>1335</v>
      </c>
    </row>
    <row r="442" spans="1:12" x14ac:dyDescent="0.25">
      <c r="A442" s="1" t="s">
        <v>3497</v>
      </c>
      <c r="B442" s="1" t="s">
        <v>3235</v>
      </c>
      <c r="C442" s="1" t="s">
        <v>1529</v>
      </c>
      <c r="D442" s="1" t="s">
        <v>1470</v>
      </c>
      <c r="E442" s="1" t="s">
        <v>1470</v>
      </c>
      <c r="F442" s="1" t="s">
        <v>3498</v>
      </c>
      <c r="G442" s="1" t="s">
        <v>3499</v>
      </c>
      <c r="H442" s="1" t="s">
        <v>3500</v>
      </c>
      <c r="I442" s="1" t="s">
        <v>3501</v>
      </c>
      <c r="K442" s="1" t="s">
        <v>1334</v>
      </c>
      <c r="L442" s="1" t="s">
        <v>1335</v>
      </c>
    </row>
    <row r="443" spans="1:12" x14ac:dyDescent="0.25">
      <c r="A443" s="1" t="s">
        <v>3502</v>
      </c>
      <c r="B443" s="1" t="s">
        <v>3235</v>
      </c>
      <c r="C443" s="1" t="s">
        <v>1529</v>
      </c>
      <c r="D443" s="1" t="s">
        <v>1476</v>
      </c>
      <c r="E443" s="1" t="s">
        <v>1476</v>
      </c>
      <c r="F443" s="1" t="s">
        <v>3503</v>
      </c>
      <c r="G443" s="1" t="s">
        <v>3504</v>
      </c>
      <c r="H443" s="1" t="s">
        <v>3505</v>
      </c>
      <c r="I443" s="1" t="s">
        <v>3506</v>
      </c>
      <c r="K443" s="1" t="s">
        <v>1366</v>
      </c>
      <c r="L443" s="1" t="s">
        <v>1335</v>
      </c>
    </row>
    <row r="444" spans="1:12" x14ac:dyDescent="0.25">
      <c r="A444" s="1" t="s">
        <v>3507</v>
      </c>
      <c r="B444" s="1" t="s">
        <v>3235</v>
      </c>
      <c r="C444" s="1" t="s">
        <v>1529</v>
      </c>
      <c r="D444" s="1" t="s">
        <v>1482</v>
      </c>
      <c r="E444" s="1" t="s">
        <v>1482</v>
      </c>
      <c r="F444" s="1" t="s">
        <v>3508</v>
      </c>
      <c r="G444" s="1" t="s">
        <v>3509</v>
      </c>
      <c r="H444" s="1" t="s">
        <v>3510</v>
      </c>
      <c r="I444" s="1" t="s">
        <v>3511</v>
      </c>
      <c r="K444" s="1" t="s">
        <v>1334</v>
      </c>
      <c r="L444" s="1" t="s">
        <v>1335</v>
      </c>
    </row>
    <row r="445" spans="1:12" x14ac:dyDescent="0.25">
      <c r="A445" s="1" t="s">
        <v>3512</v>
      </c>
      <c r="B445" s="1" t="s">
        <v>3235</v>
      </c>
      <c r="C445" s="1" t="s">
        <v>1529</v>
      </c>
      <c r="D445" s="1" t="s">
        <v>1488</v>
      </c>
      <c r="E445" s="1" t="s">
        <v>1488</v>
      </c>
      <c r="F445" s="1" t="s">
        <v>3513</v>
      </c>
      <c r="G445" s="1" t="s">
        <v>3514</v>
      </c>
      <c r="H445" s="1" t="s">
        <v>3515</v>
      </c>
      <c r="I445" s="1" t="s">
        <v>3516</v>
      </c>
      <c r="K445" s="1" t="s">
        <v>1334</v>
      </c>
      <c r="L445" s="1" t="s">
        <v>1335</v>
      </c>
    </row>
    <row r="446" spans="1:12" x14ac:dyDescent="0.25">
      <c r="A446" s="1" t="s">
        <v>3517</v>
      </c>
      <c r="B446" s="1" t="s">
        <v>3235</v>
      </c>
      <c r="C446" s="1" t="s">
        <v>1529</v>
      </c>
      <c r="D446" s="1" t="s">
        <v>1494</v>
      </c>
      <c r="E446" s="1" t="s">
        <v>1494</v>
      </c>
      <c r="F446" s="1" t="s">
        <v>3518</v>
      </c>
      <c r="G446" s="1" t="s">
        <v>3519</v>
      </c>
      <c r="H446" s="1" t="s">
        <v>3520</v>
      </c>
      <c r="I446" s="1" t="s">
        <v>3521</v>
      </c>
      <c r="K446" s="1" t="s">
        <v>1366</v>
      </c>
      <c r="L446" s="1" t="s">
        <v>1335</v>
      </c>
    </row>
    <row r="447" spans="1:12" x14ac:dyDescent="0.25">
      <c r="A447" s="1" t="s">
        <v>3522</v>
      </c>
      <c r="B447" s="1" t="s">
        <v>3235</v>
      </c>
      <c r="C447" s="1" t="s">
        <v>1529</v>
      </c>
      <c r="D447" s="1" t="s">
        <v>1500</v>
      </c>
      <c r="E447" s="1" t="s">
        <v>1500</v>
      </c>
      <c r="F447" s="1" t="s">
        <v>3523</v>
      </c>
      <c r="G447" s="1" t="s">
        <v>3524</v>
      </c>
      <c r="H447" s="1" t="s">
        <v>3525</v>
      </c>
      <c r="I447" s="1" t="s">
        <v>3526</v>
      </c>
      <c r="K447" s="1" t="s">
        <v>1366</v>
      </c>
      <c r="L447" s="1" t="s">
        <v>1335</v>
      </c>
    </row>
    <row r="448" spans="1:12" x14ac:dyDescent="0.25">
      <c r="A448" s="1" t="s">
        <v>3527</v>
      </c>
      <c r="B448" s="1" t="s">
        <v>3235</v>
      </c>
      <c r="C448" s="1" t="s">
        <v>1529</v>
      </c>
      <c r="D448" s="1" t="s">
        <v>1506</v>
      </c>
      <c r="E448" s="1" t="s">
        <v>1506</v>
      </c>
      <c r="F448" s="1" t="s">
        <v>3528</v>
      </c>
      <c r="G448" s="1" t="s">
        <v>3529</v>
      </c>
      <c r="H448" s="1" t="s">
        <v>3530</v>
      </c>
      <c r="I448" s="1" t="s">
        <v>3531</v>
      </c>
      <c r="K448" s="1" t="s">
        <v>1334</v>
      </c>
      <c r="L448" s="1" t="s">
        <v>1335</v>
      </c>
    </row>
    <row r="449" spans="1:12" x14ac:dyDescent="0.25">
      <c r="A449" s="1" t="s">
        <v>3532</v>
      </c>
      <c r="B449" s="1" t="s">
        <v>3235</v>
      </c>
      <c r="C449" s="1" t="s">
        <v>1686</v>
      </c>
      <c r="D449" s="1" t="s">
        <v>1329</v>
      </c>
      <c r="E449" s="1" t="s">
        <v>1329</v>
      </c>
      <c r="F449" s="1" t="s">
        <v>3533</v>
      </c>
      <c r="G449" s="1" t="s">
        <v>3534</v>
      </c>
      <c r="H449" s="1" t="s">
        <v>3432</v>
      </c>
      <c r="I449" s="1" t="s">
        <v>3535</v>
      </c>
      <c r="K449" s="1" t="s">
        <v>1334</v>
      </c>
      <c r="L449" s="1" t="s">
        <v>1335</v>
      </c>
    </row>
    <row r="450" spans="1:12" x14ac:dyDescent="0.25">
      <c r="A450" s="1" t="s">
        <v>3536</v>
      </c>
      <c r="B450" s="1" t="s">
        <v>3235</v>
      </c>
      <c r="C450" s="1" t="s">
        <v>1686</v>
      </c>
      <c r="D450" s="1" t="s">
        <v>1337</v>
      </c>
      <c r="E450" s="1" t="s">
        <v>1337</v>
      </c>
      <c r="F450" s="1" t="s">
        <v>3537</v>
      </c>
      <c r="G450" s="1" t="s">
        <v>3538</v>
      </c>
      <c r="H450" s="1" t="s">
        <v>3539</v>
      </c>
      <c r="I450" s="1" t="s">
        <v>3540</v>
      </c>
      <c r="K450" s="1" t="s">
        <v>1366</v>
      </c>
      <c r="L450" s="1" t="s">
        <v>1335</v>
      </c>
    </row>
    <row r="451" spans="1:12" x14ac:dyDescent="0.25">
      <c r="A451" s="1" t="s">
        <v>3541</v>
      </c>
      <c r="B451" s="1" t="s">
        <v>3235</v>
      </c>
      <c r="C451" s="1" t="s">
        <v>1686</v>
      </c>
      <c r="D451" s="1" t="s">
        <v>1343</v>
      </c>
      <c r="E451" s="1" t="s">
        <v>1343</v>
      </c>
      <c r="F451" s="1" t="s">
        <v>3542</v>
      </c>
      <c r="G451" s="1" t="s">
        <v>3543</v>
      </c>
      <c r="H451" s="1" t="s">
        <v>3544</v>
      </c>
      <c r="I451" s="1" t="s">
        <v>3545</v>
      </c>
      <c r="K451" s="1" t="s">
        <v>1334</v>
      </c>
      <c r="L451" s="1" t="s">
        <v>1335</v>
      </c>
    </row>
    <row r="452" spans="1:12" x14ac:dyDescent="0.25">
      <c r="A452" s="1" t="s">
        <v>3546</v>
      </c>
      <c r="B452" s="1" t="s">
        <v>3235</v>
      </c>
      <c r="C452" s="1" t="s">
        <v>1686</v>
      </c>
      <c r="D452" s="1" t="s">
        <v>1349</v>
      </c>
      <c r="E452" s="1" t="s">
        <v>1349</v>
      </c>
      <c r="F452" s="1" t="s">
        <v>3547</v>
      </c>
      <c r="G452" s="1" t="s">
        <v>3548</v>
      </c>
      <c r="H452" s="1" t="s">
        <v>3549</v>
      </c>
      <c r="I452" s="1" t="s">
        <v>3550</v>
      </c>
      <c r="K452" s="1" t="s">
        <v>1366</v>
      </c>
      <c r="L452" s="1" t="s">
        <v>1335</v>
      </c>
    </row>
    <row r="453" spans="1:12" x14ac:dyDescent="0.25">
      <c r="A453" s="1" t="s">
        <v>3551</v>
      </c>
      <c r="B453" s="1" t="s">
        <v>3235</v>
      </c>
      <c r="C453" s="1" t="s">
        <v>1686</v>
      </c>
      <c r="D453" s="1" t="s">
        <v>1355</v>
      </c>
      <c r="E453" s="1" t="s">
        <v>1355</v>
      </c>
      <c r="F453" s="1" t="s">
        <v>3552</v>
      </c>
      <c r="G453" s="1" t="s">
        <v>3553</v>
      </c>
      <c r="H453" s="1" t="s">
        <v>3347</v>
      </c>
      <c r="I453" s="1" t="s">
        <v>3554</v>
      </c>
      <c r="K453" s="1" t="s">
        <v>1334</v>
      </c>
      <c r="L453" s="1" t="s">
        <v>1335</v>
      </c>
    </row>
    <row r="454" spans="1:12" x14ac:dyDescent="0.25">
      <c r="A454" s="1" t="s">
        <v>3555</v>
      </c>
      <c r="B454" s="1" t="s">
        <v>3235</v>
      </c>
      <c r="C454" s="1" t="s">
        <v>1686</v>
      </c>
      <c r="D454" s="1" t="s">
        <v>1361</v>
      </c>
      <c r="E454" s="1" t="s">
        <v>1361</v>
      </c>
      <c r="F454" s="1" t="s">
        <v>3556</v>
      </c>
      <c r="G454" s="1" t="s">
        <v>3557</v>
      </c>
      <c r="H454" s="1" t="s">
        <v>3558</v>
      </c>
      <c r="I454" s="1" t="s">
        <v>3559</v>
      </c>
      <c r="K454" s="1" t="s">
        <v>1366</v>
      </c>
      <c r="L454" s="1" t="s">
        <v>1335</v>
      </c>
    </row>
    <row r="455" spans="1:12" x14ac:dyDescent="0.25">
      <c r="A455" s="1" t="s">
        <v>3560</v>
      </c>
      <c r="B455" s="1" t="s">
        <v>3235</v>
      </c>
      <c r="C455" s="1" t="s">
        <v>1686</v>
      </c>
      <c r="D455" s="1" t="s">
        <v>1368</v>
      </c>
      <c r="E455" s="1" t="s">
        <v>1368</v>
      </c>
      <c r="F455" s="1" t="s">
        <v>3561</v>
      </c>
      <c r="G455" s="1" t="s">
        <v>3562</v>
      </c>
      <c r="H455" s="1" t="s">
        <v>3563</v>
      </c>
      <c r="I455" s="1" t="s">
        <v>3564</v>
      </c>
      <c r="K455" s="1" t="s">
        <v>1334</v>
      </c>
      <c r="L455" s="1" t="s">
        <v>1335</v>
      </c>
    </row>
    <row r="456" spans="1:12" x14ac:dyDescent="0.25">
      <c r="A456" s="1" t="s">
        <v>3565</v>
      </c>
      <c r="B456" s="1" t="s">
        <v>3235</v>
      </c>
      <c r="C456" s="1" t="s">
        <v>1686</v>
      </c>
      <c r="D456" s="1" t="s">
        <v>1374</v>
      </c>
      <c r="E456" s="1" t="s">
        <v>1374</v>
      </c>
      <c r="F456" s="1" t="s">
        <v>3566</v>
      </c>
      <c r="G456" s="1" t="s">
        <v>3567</v>
      </c>
      <c r="H456" s="1" t="s">
        <v>3568</v>
      </c>
      <c r="I456" s="1" t="s">
        <v>3569</v>
      </c>
      <c r="K456" s="1" t="s">
        <v>1334</v>
      </c>
      <c r="L456" s="1" t="s">
        <v>1335</v>
      </c>
    </row>
    <row r="457" spans="1:12" x14ac:dyDescent="0.25">
      <c r="A457" s="1" t="s">
        <v>3570</v>
      </c>
      <c r="B457" s="1" t="s">
        <v>3235</v>
      </c>
      <c r="C457" s="1" t="s">
        <v>1686</v>
      </c>
      <c r="D457" s="1" t="s">
        <v>1380</v>
      </c>
      <c r="E457" s="1" t="s">
        <v>1380</v>
      </c>
      <c r="F457" s="1" t="s">
        <v>3571</v>
      </c>
      <c r="G457" s="1" t="s">
        <v>3572</v>
      </c>
      <c r="H457" s="1" t="s">
        <v>3312</v>
      </c>
      <c r="I457" s="1" t="s">
        <v>3573</v>
      </c>
      <c r="K457" s="1" t="s">
        <v>1334</v>
      </c>
      <c r="L457" s="1" t="s">
        <v>1335</v>
      </c>
    </row>
    <row r="458" spans="1:12" x14ac:dyDescent="0.25">
      <c r="A458" s="1" t="s">
        <v>3574</v>
      </c>
      <c r="B458" s="1" t="s">
        <v>3235</v>
      </c>
      <c r="C458" s="1" t="s">
        <v>1686</v>
      </c>
      <c r="D458" s="1" t="s">
        <v>1386</v>
      </c>
      <c r="E458" s="1" t="s">
        <v>1386</v>
      </c>
      <c r="F458" s="1" t="s">
        <v>3575</v>
      </c>
      <c r="G458" s="1" t="s">
        <v>3576</v>
      </c>
      <c r="H458" s="1" t="s">
        <v>3577</v>
      </c>
      <c r="I458" s="1" t="s">
        <v>3578</v>
      </c>
      <c r="K458" s="1" t="s">
        <v>1366</v>
      </c>
      <c r="L458" s="1" t="s">
        <v>1335</v>
      </c>
    </row>
    <row r="459" spans="1:12" x14ac:dyDescent="0.25">
      <c r="A459" s="1" t="s">
        <v>3579</v>
      </c>
      <c r="B459" s="1" t="s">
        <v>3235</v>
      </c>
      <c r="C459" s="1" t="s">
        <v>1686</v>
      </c>
      <c r="D459" s="1" t="s">
        <v>1392</v>
      </c>
      <c r="E459" s="1" t="s">
        <v>1392</v>
      </c>
      <c r="F459" s="1" t="s">
        <v>3580</v>
      </c>
      <c r="G459" s="1" t="s">
        <v>3581</v>
      </c>
      <c r="H459" s="1" t="s">
        <v>3582</v>
      </c>
      <c r="I459" s="1" t="s">
        <v>3583</v>
      </c>
      <c r="K459" s="1" t="s">
        <v>1366</v>
      </c>
      <c r="L459" s="1" t="s">
        <v>1335</v>
      </c>
    </row>
    <row r="460" spans="1:12" x14ac:dyDescent="0.25">
      <c r="A460" s="1" t="s">
        <v>3584</v>
      </c>
      <c r="B460" s="1" t="s">
        <v>3235</v>
      </c>
      <c r="C460" s="1" t="s">
        <v>1686</v>
      </c>
      <c r="D460" s="1" t="s">
        <v>1398</v>
      </c>
      <c r="E460" s="1" t="s">
        <v>1398</v>
      </c>
      <c r="F460" s="1" t="s">
        <v>3585</v>
      </c>
      <c r="G460" s="1" t="s">
        <v>3586</v>
      </c>
      <c r="H460" s="1" t="s">
        <v>3587</v>
      </c>
      <c r="I460" s="1" t="s">
        <v>3588</v>
      </c>
      <c r="K460" s="1" t="s">
        <v>1366</v>
      </c>
      <c r="L460" s="1" t="s">
        <v>1335</v>
      </c>
    </row>
    <row r="461" spans="1:12" x14ac:dyDescent="0.25">
      <c r="A461" s="1" t="s">
        <v>351</v>
      </c>
      <c r="B461" s="1" t="s">
        <v>3235</v>
      </c>
      <c r="C461" s="1" t="s">
        <v>1686</v>
      </c>
      <c r="D461" s="1" t="s">
        <v>1404</v>
      </c>
      <c r="E461" s="1" t="s">
        <v>1404</v>
      </c>
      <c r="F461" s="1" t="s">
        <v>3589</v>
      </c>
      <c r="G461" s="1" t="s">
        <v>3590</v>
      </c>
      <c r="H461" s="1" t="s">
        <v>3591</v>
      </c>
      <c r="I461" s="1" t="s">
        <v>3592</v>
      </c>
      <c r="K461" s="1" t="s">
        <v>1334</v>
      </c>
      <c r="L461" s="1" t="s">
        <v>1335</v>
      </c>
    </row>
    <row r="462" spans="1:12" x14ac:dyDescent="0.25">
      <c r="A462" s="1" t="s">
        <v>3593</v>
      </c>
      <c r="B462" s="1" t="s">
        <v>3235</v>
      </c>
      <c r="C462" s="1" t="s">
        <v>1686</v>
      </c>
      <c r="D462" s="1" t="s">
        <v>1410</v>
      </c>
      <c r="E462" s="1" t="s">
        <v>1410</v>
      </c>
      <c r="F462" s="1" t="s">
        <v>3594</v>
      </c>
      <c r="G462" s="1" t="s">
        <v>3595</v>
      </c>
      <c r="H462" s="1" t="s">
        <v>3466</v>
      </c>
      <c r="I462" s="1" t="s">
        <v>3596</v>
      </c>
      <c r="K462" s="1" t="s">
        <v>1334</v>
      </c>
      <c r="L462" s="1" t="s">
        <v>1335</v>
      </c>
    </row>
    <row r="463" spans="1:12" x14ac:dyDescent="0.25">
      <c r="A463" s="1" t="s">
        <v>3597</v>
      </c>
      <c r="B463" s="1" t="s">
        <v>3235</v>
      </c>
      <c r="C463" s="1" t="s">
        <v>1686</v>
      </c>
      <c r="D463" s="1" t="s">
        <v>1416</v>
      </c>
      <c r="E463" s="1" t="s">
        <v>1416</v>
      </c>
      <c r="F463" s="1" t="s">
        <v>3598</v>
      </c>
      <c r="G463" s="1" t="s">
        <v>3599</v>
      </c>
      <c r="H463" s="1" t="s">
        <v>3600</v>
      </c>
      <c r="I463" s="1" t="s">
        <v>3601</v>
      </c>
      <c r="K463" s="1" t="s">
        <v>1334</v>
      </c>
      <c r="L463" s="1" t="s">
        <v>1335</v>
      </c>
    </row>
    <row r="464" spans="1:12" x14ac:dyDescent="0.25">
      <c r="A464" s="1" t="s">
        <v>3602</v>
      </c>
      <c r="B464" s="1" t="s">
        <v>3235</v>
      </c>
      <c r="C464" s="1" t="s">
        <v>1686</v>
      </c>
      <c r="D464" s="1" t="s">
        <v>1422</v>
      </c>
      <c r="E464" s="1" t="s">
        <v>1422</v>
      </c>
      <c r="F464" s="1" t="s">
        <v>3603</v>
      </c>
      <c r="G464" s="1" t="s">
        <v>3604</v>
      </c>
      <c r="H464" s="1" t="s">
        <v>3605</v>
      </c>
      <c r="I464" s="1" t="s">
        <v>3606</v>
      </c>
      <c r="K464" s="1" t="s">
        <v>1334</v>
      </c>
      <c r="L464" s="1" t="s">
        <v>1335</v>
      </c>
    </row>
    <row r="465" spans="1:12" x14ac:dyDescent="0.25">
      <c r="A465" s="1" t="s">
        <v>3607</v>
      </c>
      <c r="B465" s="1" t="s">
        <v>3235</v>
      </c>
      <c r="C465" s="1" t="s">
        <v>1686</v>
      </c>
      <c r="D465" s="1" t="s">
        <v>1428</v>
      </c>
      <c r="E465" s="1" t="s">
        <v>1428</v>
      </c>
      <c r="F465" s="1" t="s">
        <v>3608</v>
      </c>
      <c r="G465" s="1" t="s">
        <v>3609</v>
      </c>
      <c r="H465" s="1" t="s">
        <v>3610</v>
      </c>
      <c r="I465" s="1" t="s">
        <v>3611</v>
      </c>
      <c r="K465" s="1" t="s">
        <v>1366</v>
      </c>
      <c r="L465" s="1" t="s">
        <v>1335</v>
      </c>
    </row>
    <row r="466" spans="1:12" x14ac:dyDescent="0.25">
      <c r="A466" s="1" t="s">
        <v>3612</v>
      </c>
      <c r="B466" s="1" t="s">
        <v>3235</v>
      </c>
      <c r="C466" s="1" t="s">
        <v>1686</v>
      </c>
      <c r="D466" s="1" t="s">
        <v>1434</v>
      </c>
      <c r="E466" s="1" t="s">
        <v>1434</v>
      </c>
      <c r="F466" s="1" t="s">
        <v>3613</v>
      </c>
      <c r="G466" s="1" t="s">
        <v>3614</v>
      </c>
      <c r="H466" s="1" t="s">
        <v>3615</v>
      </c>
      <c r="I466" s="1" t="s">
        <v>3616</v>
      </c>
      <c r="K466" s="1" t="s">
        <v>1366</v>
      </c>
      <c r="L466" s="1" t="s">
        <v>1335</v>
      </c>
    </row>
    <row r="467" spans="1:12" x14ac:dyDescent="0.25">
      <c r="A467" s="1" t="s">
        <v>3617</v>
      </c>
      <c r="B467" s="1" t="s">
        <v>3235</v>
      </c>
      <c r="C467" s="1" t="s">
        <v>1686</v>
      </c>
      <c r="D467" s="1" t="s">
        <v>1440</v>
      </c>
      <c r="E467" s="1" t="s">
        <v>1440</v>
      </c>
      <c r="F467" s="1" t="s">
        <v>3618</v>
      </c>
      <c r="G467" s="1" t="s">
        <v>3619</v>
      </c>
      <c r="H467" s="1" t="s">
        <v>3620</v>
      </c>
      <c r="I467" s="1" t="s">
        <v>3621</v>
      </c>
      <c r="K467" s="1" t="s">
        <v>1334</v>
      </c>
      <c r="L467" s="1" t="s">
        <v>1335</v>
      </c>
    </row>
    <row r="468" spans="1:12" x14ac:dyDescent="0.25">
      <c r="A468" s="1" t="s">
        <v>3622</v>
      </c>
      <c r="B468" s="1" t="s">
        <v>3235</v>
      </c>
      <c r="C468" s="1" t="s">
        <v>1686</v>
      </c>
      <c r="D468" s="1" t="s">
        <v>1446</v>
      </c>
      <c r="E468" s="1" t="s">
        <v>1446</v>
      </c>
      <c r="F468" s="1" t="s">
        <v>3623</v>
      </c>
      <c r="G468" s="1" t="s">
        <v>3624</v>
      </c>
      <c r="H468" s="1" t="s">
        <v>3625</v>
      </c>
      <c r="I468" s="1" t="s">
        <v>3626</v>
      </c>
      <c r="K468" s="1" t="s">
        <v>1366</v>
      </c>
      <c r="L468" s="1" t="s">
        <v>1335</v>
      </c>
    </row>
    <row r="469" spans="1:12" x14ac:dyDescent="0.25">
      <c r="A469" s="1" t="s">
        <v>3627</v>
      </c>
      <c r="B469" s="1" t="s">
        <v>3235</v>
      </c>
      <c r="C469" s="1" t="s">
        <v>1686</v>
      </c>
      <c r="D469" s="1" t="s">
        <v>1452</v>
      </c>
      <c r="E469" s="1" t="s">
        <v>1452</v>
      </c>
      <c r="F469" s="1" t="s">
        <v>3628</v>
      </c>
      <c r="G469" s="1" t="s">
        <v>3629</v>
      </c>
      <c r="H469" s="1" t="s">
        <v>3630</v>
      </c>
      <c r="I469" s="1" t="s">
        <v>3631</v>
      </c>
      <c r="K469" s="1" t="s">
        <v>1334</v>
      </c>
      <c r="L469" s="1" t="s">
        <v>1335</v>
      </c>
    </row>
    <row r="470" spans="1:12" x14ac:dyDescent="0.25">
      <c r="A470" s="1" t="s">
        <v>3632</v>
      </c>
      <c r="B470" s="1" t="s">
        <v>3235</v>
      </c>
      <c r="C470" s="1" t="s">
        <v>1686</v>
      </c>
      <c r="D470" s="1" t="s">
        <v>1458</v>
      </c>
      <c r="E470" s="1" t="s">
        <v>1458</v>
      </c>
      <c r="F470" s="1" t="s">
        <v>3633</v>
      </c>
      <c r="G470" s="1" t="s">
        <v>3634</v>
      </c>
      <c r="H470" s="1" t="s">
        <v>3362</v>
      </c>
      <c r="I470" s="1" t="s">
        <v>3635</v>
      </c>
      <c r="K470" s="1" t="s">
        <v>1366</v>
      </c>
      <c r="L470" s="1" t="s">
        <v>1335</v>
      </c>
    </row>
    <row r="471" spans="1:12" x14ac:dyDescent="0.25">
      <c r="A471" s="1" t="s">
        <v>3636</v>
      </c>
      <c r="B471" s="1" t="s">
        <v>3235</v>
      </c>
      <c r="C471" s="1" t="s">
        <v>1686</v>
      </c>
      <c r="D471" s="1" t="s">
        <v>1464</v>
      </c>
      <c r="E471" s="1" t="s">
        <v>1464</v>
      </c>
      <c r="F471" s="1" t="s">
        <v>3637</v>
      </c>
      <c r="G471" s="1" t="s">
        <v>3638</v>
      </c>
      <c r="H471" s="1" t="s">
        <v>3639</v>
      </c>
      <c r="I471" s="1" t="s">
        <v>3640</v>
      </c>
      <c r="K471" s="1" t="s">
        <v>1366</v>
      </c>
      <c r="L471" s="1" t="s">
        <v>1335</v>
      </c>
    </row>
    <row r="472" spans="1:12" x14ac:dyDescent="0.25">
      <c r="A472" s="1" t="s">
        <v>3641</v>
      </c>
      <c r="B472" s="1" t="s">
        <v>3235</v>
      </c>
      <c r="C472" s="1" t="s">
        <v>1686</v>
      </c>
      <c r="D472" s="1" t="s">
        <v>1470</v>
      </c>
      <c r="E472" s="1" t="s">
        <v>1470</v>
      </c>
      <c r="F472" s="1" t="s">
        <v>3642</v>
      </c>
      <c r="G472" s="1" t="s">
        <v>3643</v>
      </c>
      <c r="H472" s="1" t="s">
        <v>3605</v>
      </c>
      <c r="I472" s="1" t="s">
        <v>3644</v>
      </c>
      <c r="K472" s="1" t="s">
        <v>1334</v>
      </c>
      <c r="L472" s="1" t="s">
        <v>1335</v>
      </c>
    </row>
    <row r="473" spans="1:12" x14ac:dyDescent="0.25">
      <c r="A473" s="1" t="s">
        <v>3645</v>
      </c>
      <c r="B473" s="1" t="s">
        <v>3235</v>
      </c>
      <c r="C473" s="1" t="s">
        <v>1686</v>
      </c>
      <c r="D473" s="1" t="s">
        <v>1476</v>
      </c>
      <c r="E473" s="1" t="s">
        <v>1476</v>
      </c>
      <c r="F473" s="1" t="s">
        <v>3646</v>
      </c>
      <c r="G473" s="1" t="s">
        <v>3647</v>
      </c>
      <c r="H473" s="1" t="s">
        <v>3648</v>
      </c>
      <c r="I473" s="1" t="s">
        <v>3649</v>
      </c>
      <c r="K473" s="1" t="s">
        <v>1366</v>
      </c>
      <c r="L473" s="1" t="s">
        <v>1335</v>
      </c>
    </row>
    <row r="474" spans="1:12" x14ac:dyDescent="0.25">
      <c r="A474" s="1" t="s">
        <v>3650</v>
      </c>
      <c r="B474" s="1" t="s">
        <v>3235</v>
      </c>
      <c r="C474" s="1" t="s">
        <v>1686</v>
      </c>
      <c r="D474" s="1" t="s">
        <v>1482</v>
      </c>
      <c r="E474" s="1" t="s">
        <v>1482</v>
      </c>
      <c r="F474" s="1" t="s">
        <v>3651</v>
      </c>
      <c r="G474" s="1" t="s">
        <v>3652</v>
      </c>
      <c r="H474" s="1" t="s">
        <v>3505</v>
      </c>
      <c r="I474" s="1" t="s">
        <v>3653</v>
      </c>
      <c r="K474" s="1" t="s">
        <v>1366</v>
      </c>
      <c r="L474" s="1" t="s">
        <v>1335</v>
      </c>
    </row>
    <row r="475" spans="1:12" x14ac:dyDescent="0.25">
      <c r="A475" s="1" t="s">
        <v>3654</v>
      </c>
      <c r="B475" s="1" t="s">
        <v>3235</v>
      </c>
      <c r="C475" s="1" t="s">
        <v>1686</v>
      </c>
      <c r="D475" s="1" t="s">
        <v>1488</v>
      </c>
      <c r="E475" s="1" t="s">
        <v>1488</v>
      </c>
      <c r="F475" s="1" t="s">
        <v>3655</v>
      </c>
      <c r="G475" s="1" t="s">
        <v>3656</v>
      </c>
      <c r="H475" s="1" t="s">
        <v>3657</v>
      </c>
      <c r="I475" s="1" t="s">
        <v>3658</v>
      </c>
      <c r="K475" s="1" t="s">
        <v>1366</v>
      </c>
      <c r="L475" s="1" t="s">
        <v>1335</v>
      </c>
    </row>
    <row r="476" spans="1:12" x14ac:dyDescent="0.25">
      <c r="A476" s="1" t="s">
        <v>3659</v>
      </c>
      <c r="B476" s="1" t="s">
        <v>3235</v>
      </c>
      <c r="C476" s="1" t="s">
        <v>1686</v>
      </c>
      <c r="D476" s="1" t="s">
        <v>1494</v>
      </c>
      <c r="E476" s="1" t="s">
        <v>1494</v>
      </c>
      <c r="F476" s="1" t="s">
        <v>3660</v>
      </c>
      <c r="G476" s="1" t="s">
        <v>3661</v>
      </c>
      <c r="H476" s="1" t="s">
        <v>3662</v>
      </c>
      <c r="I476" s="1" t="s">
        <v>3663</v>
      </c>
      <c r="K476" s="1" t="s">
        <v>1366</v>
      </c>
      <c r="L476" s="1" t="s">
        <v>1335</v>
      </c>
    </row>
    <row r="477" spans="1:12" x14ac:dyDescent="0.25">
      <c r="A477" s="1" t="s">
        <v>741</v>
      </c>
      <c r="B477" s="1" t="s">
        <v>3235</v>
      </c>
      <c r="C477" s="1" t="s">
        <v>1686</v>
      </c>
      <c r="D477" s="1" t="s">
        <v>1500</v>
      </c>
      <c r="E477" s="1" t="s">
        <v>1500</v>
      </c>
      <c r="F477" s="1" t="s">
        <v>3664</v>
      </c>
      <c r="G477" s="1" t="s">
        <v>3665</v>
      </c>
      <c r="H477" s="1" t="s">
        <v>3666</v>
      </c>
      <c r="I477" s="1" t="s">
        <v>3667</v>
      </c>
      <c r="K477" s="1" t="s">
        <v>1334</v>
      </c>
      <c r="L477" s="1" t="s">
        <v>1335</v>
      </c>
    </row>
    <row r="478" spans="1:12" x14ac:dyDescent="0.25">
      <c r="A478" s="1" t="s">
        <v>3668</v>
      </c>
      <c r="B478" s="1" t="s">
        <v>3235</v>
      </c>
      <c r="C478" s="1" t="s">
        <v>1843</v>
      </c>
      <c r="D478" s="1" t="s">
        <v>1329</v>
      </c>
      <c r="E478" s="1" t="s">
        <v>1329</v>
      </c>
      <c r="F478" s="1" t="s">
        <v>3669</v>
      </c>
      <c r="G478" s="1" t="s">
        <v>3670</v>
      </c>
      <c r="H478" s="1" t="s">
        <v>3605</v>
      </c>
      <c r="I478" s="1" t="s">
        <v>3671</v>
      </c>
      <c r="K478" s="1" t="s">
        <v>1334</v>
      </c>
      <c r="L478" s="1" t="s">
        <v>1335</v>
      </c>
    </row>
    <row r="479" spans="1:12" x14ac:dyDescent="0.25">
      <c r="A479" s="1" t="s">
        <v>3672</v>
      </c>
      <c r="B479" s="1" t="s">
        <v>3235</v>
      </c>
      <c r="C479" s="1" t="s">
        <v>1843</v>
      </c>
      <c r="D479" s="1" t="s">
        <v>1337</v>
      </c>
      <c r="E479" s="1" t="s">
        <v>1337</v>
      </c>
      <c r="F479" s="1" t="s">
        <v>3673</v>
      </c>
      <c r="G479" s="1" t="s">
        <v>3674</v>
      </c>
      <c r="H479" s="1" t="s">
        <v>3675</v>
      </c>
      <c r="I479" s="1" t="s">
        <v>3676</v>
      </c>
      <c r="K479" s="1" t="s">
        <v>1366</v>
      </c>
      <c r="L479" s="1" t="s">
        <v>1335</v>
      </c>
    </row>
    <row r="480" spans="1:12" x14ac:dyDescent="0.25">
      <c r="A480" s="1" t="s">
        <v>3677</v>
      </c>
      <c r="B480" s="1" t="s">
        <v>3235</v>
      </c>
      <c r="C480" s="1" t="s">
        <v>1843</v>
      </c>
      <c r="D480" s="1" t="s">
        <v>1343</v>
      </c>
      <c r="E480" s="1" t="s">
        <v>1343</v>
      </c>
      <c r="F480" s="1" t="s">
        <v>3678</v>
      </c>
      <c r="G480" s="1" t="s">
        <v>3679</v>
      </c>
      <c r="H480" s="1" t="s">
        <v>3680</v>
      </c>
      <c r="I480" s="1" t="s">
        <v>3681</v>
      </c>
      <c r="K480" s="1" t="s">
        <v>1366</v>
      </c>
      <c r="L480" s="1" t="s">
        <v>1335</v>
      </c>
    </row>
    <row r="481" spans="1:12" x14ac:dyDescent="0.25">
      <c r="A481" s="1" t="s">
        <v>3682</v>
      </c>
      <c r="B481" s="1" t="s">
        <v>3235</v>
      </c>
      <c r="C481" s="1" t="s">
        <v>1843</v>
      </c>
      <c r="D481" s="1" t="s">
        <v>1349</v>
      </c>
      <c r="E481" s="1" t="s">
        <v>1349</v>
      </c>
      <c r="F481" s="1" t="s">
        <v>3683</v>
      </c>
      <c r="G481" s="1" t="s">
        <v>3684</v>
      </c>
      <c r="H481" s="1" t="s">
        <v>3685</v>
      </c>
      <c r="I481" s="1" t="s">
        <v>3686</v>
      </c>
      <c r="K481" s="1" t="s">
        <v>1366</v>
      </c>
      <c r="L481" s="1" t="s">
        <v>1335</v>
      </c>
    </row>
    <row r="482" spans="1:12" x14ac:dyDescent="0.25">
      <c r="A482" s="1" t="s">
        <v>3687</v>
      </c>
      <c r="B482" s="1" t="s">
        <v>3235</v>
      </c>
      <c r="C482" s="1" t="s">
        <v>1843</v>
      </c>
      <c r="D482" s="1" t="s">
        <v>1355</v>
      </c>
      <c r="E482" s="1" t="s">
        <v>1355</v>
      </c>
      <c r="F482" s="1" t="s">
        <v>3688</v>
      </c>
      <c r="G482" s="1" t="s">
        <v>3689</v>
      </c>
      <c r="H482" s="1" t="s">
        <v>3412</v>
      </c>
      <c r="I482" s="1" t="s">
        <v>2006</v>
      </c>
      <c r="K482" s="1" t="s">
        <v>1334</v>
      </c>
      <c r="L482" s="1" t="s">
        <v>1335</v>
      </c>
    </row>
    <row r="483" spans="1:12" x14ac:dyDescent="0.25">
      <c r="A483" s="1" t="s">
        <v>3690</v>
      </c>
      <c r="B483" s="1" t="s">
        <v>3235</v>
      </c>
      <c r="C483" s="1" t="s">
        <v>1843</v>
      </c>
      <c r="D483" s="1" t="s">
        <v>1361</v>
      </c>
      <c r="E483" s="1" t="s">
        <v>1361</v>
      </c>
      <c r="F483" s="1" t="s">
        <v>3691</v>
      </c>
      <c r="G483" s="1" t="s">
        <v>3692</v>
      </c>
      <c r="H483" s="1" t="s">
        <v>3693</v>
      </c>
      <c r="I483" s="1" t="s">
        <v>3694</v>
      </c>
      <c r="K483" s="1" t="s">
        <v>1366</v>
      </c>
      <c r="L483" s="1" t="s">
        <v>1335</v>
      </c>
    </row>
    <row r="484" spans="1:12" x14ac:dyDescent="0.25">
      <c r="A484" s="1" t="s">
        <v>3695</v>
      </c>
      <c r="B484" s="1" t="s">
        <v>3235</v>
      </c>
      <c r="C484" s="1" t="s">
        <v>1843</v>
      </c>
      <c r="D484" s="1" t="s">
        <v>1368</v>
      </c>
      <c r="E484" s="1" t="s">
        <v>1368</v>
      </c>
      <c r="F484" s="1" t="s">
        <v>3696</v>
      </c>
      <c r="G484" s="1" t="s">
        <v>3697</v>
      </c>
      <c r="H484" s="1" t="s">
        <v>3698</v>
      </c>
      <c r="I484" s="1" t="s">
        <v>3699</v>
      </c>
      <c r="K484" s="1" t="s">
        <v>1334</v>
      </c>
      <c r="L484" s="1" t="s">
        <v>1335</v>
      </c>
    </row>
    <row r="485" spans="1:12" x14ac:dyDescent="0.25">
      <c r="A485" s="1" t="s">
        <v>3700</v>
      </c>
      <c r="B485" s="1" t="s">
        <v>3235</v>
      </c>
      <c r="C485" s="1" t="s">
        <v>1843</v>
      </c>
      <c r="D485" s="1" t="s">
        <v>1374</v>
      </c>
      <c r="E485" s="1" t="s">
        <v>1374</v>
      </c>
      <c r="F485" s="1" t="s">
        <v>3701</v>
      </c>
      <c r="G485" s="1" t="s">
        <v>3702</v>
      </c>
      <c r="H485" s="1" t="s">
        <v>3600</v>
      </c>
      <c r="I485" s="1" t="s">
        <v>3703</v>
      </c>
      <c r="K485" s="1" t="s">
        <v>1334</v>
      </c>
      <c r="L485" s="1" t="s">
        <v>1335</v>
      </c>
    </row>
    <row r="486" spans="1:12" x14ac:dyDescent="0.25">
      <c r="A486" s="1" t="s">
        <v>3704</v>
      </c>
      <c r="B486" s="1" t="s">
        <v>3235</v>
      </c>
      <c r="C486" s="1" t="s">
        <v>1843</v>
      </c>
      <c r="D486" s="1" t="s">
        <v>1380</v>
      </c>
      <c r="E486" s="1" t="s">
        <v>1380</v>
      </c>
      <c r="F486" s="1" t="s">
        <v>3705</v>
      </c>
      <c r="G486" s="1" t="s">
        <v>3706</v>
      </c>
      <c r="H486" s="1" t="s">
        <v>3707</v>
      </c>
      <c r="I486" s="1" t="s">
        <v>3708</v>
      </c>
      <c r="K486" s="1" t="s">
        <v>1366</v>
      </c>
      <c r="L486" s="1" t="s">
        <v>1335</v>
      </c>
    </row>
    <row r="487" spans="1:12" x14ac:dyDescent="0.25">
      <c r="A487" s="1" t="s">
        <v>3709</v>
      </c>
      <c r="B487" s="1" t="s">
        <v>3235</v>
      </c>
      <c r="C487" s="1" t="s">
        <v>1843</v>
      </c>
      <c r="D487" s="1" t="s">
        <v>1386</v>
      </c>
      <c r="E487" s="1" t="s">
        <v>1386</v>
      </c>
      <c r="F487" s="1" t="s">
        <v>3710</v>
      </c>
      <c r="G487" s="1" t="s">
        <v>3711</v>
      </c>
      <c r="H487" s="1" t="s">
        <v>3712</v>
      </c>
      <c r="I487" s="1" t="s">
        <v>3713</v>
      </c>
      <c r="K487" s="1" t="s">
        <v>1334</v>
      </c>
      <c r="L487" s="1" t="s">
        <v>1335</v>
      </c>
    </row>
    <row r="488" spans="1:12" x14ac:dyDescent="0.25">
      <c r="A488" s="1" t="s">
        <v>3714</v>
      </c>
      <c r="B488" s="1" t="s">
        <v>3235</v>
      </c>
      <c r="C488" s="1" t="s">
        <v>1843</v>
      </c>
      <c r="D488" s="1" t="s">
        <v>1392</v>
      </c>
      <c r="E488" s="1" t="s">
        <v>1392</v>
      </c>
      <c r="F488" s="1" t="s">
        <v>3715</v>
      </c>
      <c r="G488" s="1" t="s">
        <v>3716</v>
      </c>
      <c r="H488" s="1" t="s">
        <v>3717</v>
      </c>
      <c r="I488" s="1" t="s">
        <v>3718</v>
      </c>
      <c r="K488" s="1" t="s">
        <v>1334</v>
      </c>
      <c r="L488" s="1" t="s">
        <v>1335</v>
      </c>
    </row>
    <row r="489" spans="1:12" x14ac:dyDescent="0.25">
      <c r="A489" s="1" t="s">
        <v>3719</v>
      </c>
      <c r="B489" s="1" t="s">
        <v>3235</v>
      </c>
      <c r="C489" s="1" t="s">
        <v>1843</v>
      </c>
      <c r="D489" s="1" t="s">
        <v>1398</v>
      </c>
      <c r="E489" s="1" t="s">
        <v>1398</v>
      </c>
      <c r="F489" s="1" t="s">
        <v>3720</v>
      </c>
      <c r="G489" s="1" t="s">
        <v>3721</v>
      </c>
      <c r="H489" s="1" t="s">
        <v>3722</v>
      </c>
      <c r="I489" s="1" t="s">
        <v>3723</v>
      </c>
      <c r="K489" s="1" t="s">
        <v>1366</v>
      </c>
      <c r="L489" s="1" t="s">
        <v>1335</v>
      </c>
    </row>
    <row r="490" spans="1:12" x14ac:dyDescent="0.25">
      <c r="A490" s="1" t="s">
        <v>3724</v>
      </c>
      <c r="B490" s="1" t="s">
        <v>3235</v>
      </c>
      <c r="C490" s="1" t="s">
        <v>1843</v>
      </c>
      <c r="D490" s="1" t="s">
        <v>1404</v>
      </c>
      <c r="E490" s="1" t="s">
        <v>1404</v>
      </c>
      <c r="F490" s="1" t="s">
        <v>3725</v>
      </c>
      <c r="G490" s="1" t="s">
        <v>3726</v>
      </c>
      <c r="H490" s="1" t="s">
        <v>3727</v>
      </c>
      <c r="I490" s="1" t="s">
        <v>3728</v>
      </c>
      <c r="K490" s="1" t="s">
        <v>1366</v>
      </c>
      <c r="L490" s="1" t="s">
        <v>1335</v>
      </c>
    </row>
    <row r="491" spans="1:12" x14ac:dyDescent="0.25">
      <c r="A491" s="1" t="s">
        <v>3729</v>
      </c>
      <c r="B491" s="1" t="s">
        <v>3235</v>
      </c>
      <c r="C491" s="1" t="s">
        <v>1843</v>
      </c>
      <c r="D491" s="1" t="s">
        <v>1410</v>
      </c>
      <c r="E491" s="1" t="s">
        <v>1410</v>
      </c>
      <c r="F491" s="1" t="s">
        <v>3730</v>
      </c>
      <c r="G491" s="1" t="s">
        <v>3731</v>
      </c>
      <c r="H491" s="1" t="s">
        <v>3490</v>
      </c>
      <c r="I491" s="1" t="s">
        <v>3732</v>
      </c>
      <c r="K491" s="1" t="s">
        <v>1366</v>
      </c>
      <c r="L491" s="1" t="s">
        <v>1335</v>
      </c>
    </row>
    <row r="492" spans="1:12" x14ac:dyDescent="0.25">
      <c r="A492" s="1" t="s">
        <v>3733</v>
      </c>
      <c r="B492" s="1" t="s">
        <v>3235</v>
      </c>
      <c r="C492" s="1" t="s">
        <v>1843</v>
      </c>
      <c r="D492" s="1" t="s">
        <v>1416</v>
      </c>
      <c r="E492" s="1" t="s">
        <v>1416</v>
      </c>
      <c r="F492" s="1" t="s">
        <v>3734</v>
      </c>
      <c r="G492" s="1" t="s">
        <v>3735</v>
      </c>
      <c r="H492" s="1" t="s">
        <v>3736</v>
      </c>
      <c r="I492" s="1" t="s">
        <v>3737</v>
      </c>
      <c r="K492" s="1" t="s">
        <v>1366</v>
      </c>
      <c r="L492" s="1" t="s">
        <v>1335</v>
      </c>
    </row>
    <row r="493" spans="1:12" x14ac:dyDescent="0.25">
      <c r="A493" s="1" t="s">
        <v>3738</v>
      </c>
      <c r="B493" s="1" t="s">
        <v>3235</v>
      </c>
      <c r="C493" s="1" t="s">
        <v>1843</v>
      </c>
      <c r="D493" s="1" t="s">
        <v>1422</v>
      </c>
      <c r="E493" s="1" t="s">
        <v>1422</v>
      </c>
      <c r="F493" s="1" t="s">
        <v>3739</v>
      </c>
      <c r="G493" s="1" t="s">
        <v>3740</v>
      </c>
      <c r="H493" s="1" t="s">
        <v>3332</v>
      </c>
      <c r="I493" s="1" t="s">
        <v>3741</v>
      </c>
      <c r="K493" s="1" t="s">
        <v>1366</v>
      </c>
      <c r="L493" s="1" t="s">
        <v>1335</v>
      </c>
    </row>
    <row r="494" spans="1:12" x14ac:dyDescent="0.25">
      <c r="A494" s="1" t="s">
        <v>3742</v>
      </c>
      <c r="B494" s="1" t="s">
        <v>3235</v>
      </c>
      <c r="C494" s="1" t="s">
        <v>1843</v>
      </c>
      <c r="D494" s="1" t="s">
        <v>1428</v>
      </c>
      <c r="E494" s="1" t="s">
        <v>1428</v>
      </c>
      <c r="F494" s="1" t="s">
        <v>3743</v>
      </c>
      <c r="G494" s="1" t="s">
        <v>3744</v>
      </c>
      <c r="H494" s="1" t="s">
        <v>3745</v>
      </c>
      <c r="I494" s="1" t="s">
        <v>3746</v>
      </c>
      <c r="J494" s="14" t="s">
        <v>1726</v>
      </c>
      <c r="K494" s="1" t="s">
        <v>1334</v>
      </c>
      <c r="L494" s="1" t="s">
        <v>1335</v>
      </c>
    </row>
    <row r="495" spans="1:12" x14ac:dyDescent="0.25">
      <c r="A495" s="1" t="s">
        <v>3747</v>
      </c>
      <c r="B495" s="1" t="s">
        <v>3235</v>
      </c>
      <c r="C495" s="1" t="s">
        <v>1843</v>
      </c>
      <c r="D495" s="1" t="s">
        <v>1434</v>
      </c>
      <c r="E495" s="1" t="s">
        <v>1434</v>
      </c>
      <c r="F495" s="1" t="s">
        <v>3748</v>
      </c>
      <c r="G495" s="1" t="s">
        <v>3749</v>
      </c>
      <c r="H495" s="1" t="s">
        <v>3750</v>
      </c>
      <c r="I495" s="1" t="s">
        <v>3751</v>
      </c>
      <c r="K495" s="1" t="s">
        <v>1366</v>
      </c>
      <c r="L495" s="1" t="s">
        <v>1335</v>
      </c>
    </row>
    <row r="496" spans="1:12" x14ac:dyDescent="0.25">
      <c r="A496" s="1" t="s">
        <v>3752</v>
      </c>
      <c r="B496" s="1" t="s">
        <v>3235</v>
      </c>
      <c r="C496" s="1" t="s">
        <v>1843</v>
      </c>
      <c r="D496" s="1" t="s">
        <v>1440</v>
      </c>
      <c r="E496" s="1" t="s">
        <v>1440</v>
      </c>
      <c r="F496" s="1" t="s">
        <v>3753</v>
      </c>
      <c r="G496" s="1" t="s">
        <v>3754</v>
      </c>
      <c r="H496" s="1" t="s">
        <v>3755</v>
      </c>
      <c r="I496" s="1" t="s">
        <v>3756</v>
      </c>
      <c r="K496" s="1" t="s">
        <v>1334</v>
      </c>
      <c r="L496" s="1" t="s">
        <v>1335</v>
      </c>
    </row>
    <row r="497" spans="1:12" x14ac:dyDescent="0.25">
      <c r="A497" s="1" t="s">
        <v>3757</v>
      </c>
      <c r="B497" s="1" t="s">
        <v>3235</v>
      </c>
      <c r="C497" s="1" t="s">
        <v>1843</v>
      </c>
      <c r="D497" s="1" t="s">
        <v>1446</v>
      </c>
      <c r="E497" s="1" t="s">
        <v>1446</v>
      </c>
      <c r="F497" s="1" t="s">
        <v>3758</v>
      </c>
      <c r="G497" s="1" t="s">
        <v>3759</v>
      </c>
      <c r="H497" s="1" t="s">
        <v>3760</v>
      </c>
      <c r="I497" s="1" t="s">
        <v>3761</v>
      </c>
      <c r="K497" s="1" t="s">
        <v>1366</v>
      </c>
      <c r="L497" s="1" t="s">
        <v>1335</v>
      </c>
    </row>
    <row r="498" spans="1:12" x14ac:dyDescent="0.25">
      <c r="A498" s="1" t="s">
        <v>3762</v>
      </c>
      <c r="B498" s="1" t="s">
        <v>3235</v>
      </c>
      <c r="C498" s="1" t="s">
        <v>1843</v>
      </c>
      <c r="D498" s="1" t="s">
        <v>1452</v>
      </c>
      <c r="E498" s="1" t="s">
        <v>1452</v>
      </c>
      <c r="F498" s="1" t="s">
        <v>3763</v>
      </c>
      <c r="G498" s="1" t="s">
        <v>3764</v>
      </c>
      <c r="H498" s="1" t="s">
        <v>3765</v>
      </c>
      <c r="I498" s="1" t="s">
        <v>3766</v>
      </c>
      <c r="K498" s="1" t="s">
        <v>1334</v>
      </c>
      <c r="L498" s="1" t="s">
        <v>1335</v>
      </c>
    </row>
    <row r="499" spans="1:12" x14ac:dyDescent="0.25">
      <c r="A499" s="1" t="s">
        <v>3767</v>
      </c>
      <c r="B499" s="1" t="s">
        <v>3235</v>
      </c>
      <c r="C499" s="1" t="s">
        <v>1843</v>
      </c>
      <c r="D499" s="1" t="s">
        <v>1458</v>
      </c>
      <c r="E499" s="1" t="s">
        <v>1458</v>
      </c>
      <c r="F499" s="1" t="s">
        <v>3768</v>
      </c>
      <c r="G499" s="1" t="s">
        <v>3769</v>
      </c>
      <c r="H499" s="1" t="s">
        <v>3770</v>
      </c>
      <c r="I499" s="1" t="s">
        <v>3771</v>
      </c>
      <c r="K499" s="1" t="s">
        <v>1334</v>
      </c>
      <c r="L499" s="1" t="s">
        <v>1335</v>
      </c>
    </row>
    <row r="500" spans="1:12" x14ac:dyDescent="0.25">
      <c r="A500" s="1" t="s">
        <v>3772</v>
      </c>
      <c r="B500" s="1" t="s">
        <v>3235</v>
      </c>
      <c r="C500" s="1" t="s">
        <v>1843</v>
      </c>
      <c r="D500" s="1" t="s">
        <v>1464</v>
      </c>
      <c r="E500" s="1" t="s">
        <v>1464</v>
      </c>
      <c r="F500" s="1" t="s">
        <v>3773</v>
      </c>
      <c r="G500" s="1" t="s">
        <v>3774</v>
      </c>
      <c r="H500" s="1" t="s">
        <v>3775</v>
      </c>
      <c r="I500" s="1" t="s">
        <v>3776</v>
      </c>
      <c r="K500" s="1" t="s">
        <v>1334</v>
      </c>
      <c r="L500" s="1" t="s">
        <v>1335</v>
      </c>
    </row>
    <row r="501" spans="1:12" x14ac:dyDescent="0.25">
      <c r="A501" s="1" t="s">
        <v>3777</v>
      </c>
      <c r="B501" s="1" t="s">
        <v>3235</v>
      </c>
      <c r="C501" s="1" t="s">
        <v>1843</v>
      </c>
      <c r="D501" s="1" t="s">
        <v>1470</v>
      </c>
      <c r="E501" s="1" t="s">
        <v>1470</v>
      </c>
      <c r="F501" s="1" t="s">
        <v>3778</v>
      </c>
      <c r="G501" s="1" t="s">
        <v>3779</v>
      </c>
      <c r="H501" s="1" t="s">
        <v>3600</v>
      </c>
      <c r="I501" s="1" t="s">
        <v>3780</v>
      </c>
      <c r="K501" s="1" t="s">
        <v>1334</v>
      </c>
      <c r="L501" s="1" t="s">
        <v>1335</v>
      </c>
    </row>
    <row r="502" spans="1:12" x14ac:dyDescent="0.25">
      <c r="A502" s="1" t="s">
        <v>3781</v>
      </c>
      <c r="B502" s="1" t="s">
        <v>3235</v>
      </c>
      <c r="C502" s="1" t="s">
        <v>1843</v>
      </c>
      <c r="D502" s="1" t="s">
        <v>1476</v>
      </c>
      <c r="E502" s="1" t="s">
        <v>1476</v>
      </c>
      <c r="F502" s="1" t="s">
        <v>3782</v>
      </c>
      <c r="G502" s="1" t="s">
        <v>3783</v>
      </c>
      <c r="H502" s="1" t="s">
        <v>3784</v>
      </c>
      <c r="I502" s="1" t="s">
        <v>3785</v>
      </c>
      <c r="K502" s="1" t="s">
        <v>1334</v>
      </c>
      <c r="L502" s="1" t="s">
        <v>1335</v>
      </c>
    </row>
    <row r="503" spans="1:12" x14ac:dyDescent="0.25">
      <c r="A503" s="1" t="s">
        <v>3786</v>
      </c>
      <c r="B503" s="1" t="s">
        <v>3235</v>
      </c>
      <c r="C503" s="1" t="s">
        <v>1843</v>
      </c>
      <c r="D503" s="1" t="s">
        <v>1482</v>
      </c>
      <c r="E503" s="1" t="s">
        <v>1482</v>
      </c>
      <c r="F503" s="1" t="s">
        <v>3787</v>
      </c>
      <c r="G503" s="1" t="s">
        <v>3788</v>
      </c>
      <c r="H503" s="1" t="s">
        <v>3789</v>
      </c>
      <c r="I503" s="1" t="s">
        <v>3790</v>
      </c>
      <c r="K503" s="1" t="s">
        <v>1366</v>
      </c>
      <c r="L503" s="1" t="s">
        <v>1335</v>
      </c>
    </row>
    <row r="504" spans="1:12" x14ac:dyDescent="0.25">
      <c r="A504" s="1" t="s">
        <v>3791</v>
      </c>
      <c r="B504" s="1" t="s">
        <v>3235</v>
      </c>
      <c r="C504" s="1" t="s">
        <v>1843</v>
      </c>
      <c r="D504" s="1" t="s">
        <v>1488</v>
      </c>
      <c r="E504" s="1" t="s">
        <v>1488</v>
      </c>
      <c r="F504" s="1" t="s">
        <v>3792</v>
      </c>
      <c r="G504" s="1" t="s">
        <v>3793</v>
      </c>
      <c r="H504" s="1" t="s">
        <v>3794</v>
      </c>
      <c r="I504" s="1" t="s">
        <v>3795</v>
      </c>
      <c r="K504" s="1" t="s">
        <v>1366</v>
      </c>
      <c r="L504" s="1" t="s">
        <v>1335</v>
      </c>
    </row>
    <row r="505" spans="1:12" x14ac:dyDescent="0.25">
      <c r="A505" s="1" t="s">
        <v>3796</v>
      </c>
      <c r="B505" s="1" t="s">
        <v>3235</v>
      </c>
      <c r="C505" s="1" t="s">
        <v>1843</v>
      </c>
      <c r="D505" s="1" t="s">
        <v>1494</v>
      </c>
      <c r="E505" s="1" t="s">
        <v>1494</v>
      </c>
      <c r="F505" s="1" t="s">
        <v>3797</v>
      </c>
      <c r="G505" s="1" t="s">
        <v>3798</v>
      </c>
      <c r="H505" s="1" t="s">
        <v>2675</v>
      </c>
      <c r="I505" s="1" t="s">
        <v>3799</v>
      </c>
      <c r="K505" s="1" t="s">
        <v>1334</v>
      </c>
      <c r="L505" s="1" t="s">
        <v>1335</v>
      </c>
    </row>
    <row r="506" spans="1:12" x14ac:dyDescent="0.25">
      <c r="A506" s="1" t="s">
        <v>3800</v>
      </c>
      <c r="B506" s="1" t="s">
        <v>3235</v>
      </c>
      <c r="C506" s="1" t="s">
        <v>1843</v>
      </c>
      <c r="D506" s="1" t="s">
        <v>1500</v>
      </c>
      <c r="E506" s="1" t="s">
        <v>1500</v>
      </c>
      <c r="F506" s="1" t="s">
        <v>3801</v>
      </c>
      <c r="G506" s="1" t="s">
        <v>3802</v>
      </c>
      <c r="H506" s="1" t="s">
        <v>3803</v>
      </c>
      <c r="I506" s="1" t="s">
        <v>3804</v>
      </c>
      <c r="K506" s="1" t="s">
        <v>1334</v>
      </c>
      <c r="L506" s="1" t="s">
        <v>1335</v>
      </c>
    </row>
    <row r="507" spans="1:12" x14ac:dyDescent="0.25">
      <c r="A507" s="1" t="s">
        <v>3805</v>
      </c>
      <c r="B507" s="1" t="s">
        <v>3235</v>
      </c>
      <c r="C507" s="1" t="s">
        <v>1843</v>
      </c>
      <c r="D507" s="1" t="s">
        <v>1506</v>
      </c>
      <c r="E507" s="1" t="s">
        <v>1506</v>
      </c>
      <c r="F507" s="1" t="s">
        <v>3806</v>
      </c>
      <c r="G507" s="1" t="s">
        <v>3807</v>
      </c>
      <c r="H507" s="1" t="s">
        <v>3808</v>
      </c>
      <c r="I507" s="1" t="s">
        <v>3809</v>
      </c>
      <c r="K507" s="1" t="s">
        <v>1366</v>
      </c>
      <c r="L507" s="1" t="s">
        <v>1335</v>
      </c>
    </row>
    <row r="508" spans="1:12" x14ac:dyDescent="0.25">
      <c r="A508" s="1" t="s">
        <v>3810</v>
      </c>
      <c r="B508" s="1" t="s">
        <v>3235</v>
      </c>
      <c r="C508" s="1" t="s">
        <v>1843</v>
      </c>
      <c r="D508" s="1" t="s">
        <v>1512</v>
      </c>
      <c r="E508" s="1" t="s">
        <v>1512</v>
      </c>
      <c r="F508" s="1" t="s">
        <v>3811</v>
      </c>
      <c r="G508" s="1" t="s">
        <v>3812</v>
      </c>
      <c r="H508" s="1" t="s">
        <v>3813</v>
      </c>
      <c r="I508" s="1" t="s">
        <v>3814</v>
      </c>
      <c r="K508" s="1" t="s">
        <v>1366</v>
      </c>
      <c r="L508" s="1" t="s">
        <v>1335</v>
      </c>
    </row>
    <row r="509" spans="1:12" x14ac:dyDescent="0.25">
      <c r="A509" s="1" t="s">
        <v>3815</v>
      </c>
      <c r="B509" s="1" t="s">
        <v>3235</v>
      </c>
      <c r="C509" s="1" t="s">
        <v>2002</v>
      </c>
      <c r="D509" s="1" t="s">
        <v>1329</v>
      </c>
      <c r="E509" s="1" t="s">
        <v>1329</v>
      </c>
      <c r="F509" s="1" t="s">
        <v>3816</v>
      </c>
      <c r="G509" s="1" t="s">
        <v>3817</v>
      </c>
      <c r="H509" s="1" t="s">
        <v>3352</v>
      </c>
      <c r="I509" s="1" t="s">
        <v>3818</v>
      </c>
      <c r="K509" s="1" t="s">
        <v>1366</v>
      </c>
      <c r="L509" s="1" t="s">
        <v>1335</v>
      </c>
    </row>
    <row r="510" spans="1:12" x14ac:dyDescent="0.25">
      <c r="A510" s="1" t="s">
        <v>3819</v>
      </c>
      <c r="B510" s="1" t="s">
        <v>3235</v>
      </c>
      <c r="C510" s="1" t="s">
        <v>2002</v>
      </c>
      <c r="D510" s="1" t="s">
        <v>1337</v>
      </c>
      <c r="E510" s="1" t="s">
        <v>1337</v>
      </c>
      <c r="F510" s="1" t="s">
        <v>3820</v>
      </c>
      <c r="G510" s="1" t="s">
        <v>3821</v>
      </c>
      <c r="H510" s="1" t="s">
        <v>3698</v>
      </c>
      <c r="I510" s="1" t="s">
        <v>3822</v>
      </c>
      <c r="K510" s="1" t="s">
        <v>1366</v>
      </c>
      <c r="L510" s="1" t="s">
        <v>1335</v>
      </c>
    </row>
    <row r="511" spans="1:12" x14ac:dyDescent="0.25">
      <c r="A511" s="1" t="s">
        <v>3823</v>
      </c>
      <c r="B511" s="1" t="s">
        <v>3235</v>
      </c>
      <c r="C511" s="1" t="s">
        <v>2002</v>
      </c>
      <c r="D511" s="1" t="s">
        <v>1343</v>
      </c>
      <c r="E511" s="1" t="s">
        <v>1343</v>
      </c>
      <c r="F511" s="1" t="s">
        <v>3824</v>
      </c>
      <c r="G511" s="1" t="s">
        <v>3825</v>
      </c>
      <c r="H511" s="1" t="s">
        <v>3826</v>
      </c>
      <c r="I511" s="1" t="s">
        <v>3827</v>
      </c>
      <c r="K511" s="1" t="s">
        <v>1366</v>
      </c>
      <c r="L511" s="1" t="s">
        <v>1335</v>
      </c>
    </row>
    <row r="512" spans="1:12" x14ac:dyDescent="0.25">
      <c r="A512" s="1" t="s">
        <v>3828</v>
      </c>
      <c r="B512" s="1" t="s">
        <v>3235</v>
      </c>
      <c r="C512" s="1" t="s">
        <v>2002</v>
      </c>
      <c r="D512" s="1" t="s">
        <v>1349</v>
      </c>
      <c r="E512" s="1" t="s">
        <v>1349</v>
      </c>
      <c r="F512" s="1" t="s">
        <v>3829</v>
      </c>
      <c r="G512" s="1" t="s">
        <v>3830</v>
      </c>
      <c r="H512" s="1" t="s">
        <v>3831</v>
      </c>
      <c r="I512" s="1" t="s">
        <v>3832</v>
      </c>
      <c r="K512" s="1" t="s">
        <v>1366</v>
      </c>
      <c r="L512" s="1" t="s">
        <v>1335</v>
      </c>
    </row>
    <row r="513" spans="1:12" x14ac:dyDescent="0.25">
      <c r="A513" s="1" t="s">
        <v>3833</v>
      </c>
      <c r="B513" s="1" t="s">
        <v>3235</v>
      </c>
      <c r="C513" s="1" t="s">
        <v>2002</v>
      </c>
      <c r="D513" s="1" t="s">
        <v>1355</v>
      </c>
      <c r="E513" s="1" t="s">
        <v>1355</v>
      </c>
      <c r="F513" s="1" t="s">
        <v>3834</v>
      </c>
      <c r="G513" s="1" t="s">
        <v>3835</v>
      </c>
      <c r="H513" s="1" t="s">
        <v>3836</v>
      </c>
      <c r="I513" s="1" t="s">
        <v>3837</v>
      </c>
      <c r="K513" s="1" t="s">
        <v>1334</v>
      </c>
      <c r="L513" s="1" t="s">
        <v>1335</v>
      </c>
    </row>
    <row r="514" spans="1:12" x14ac:dyDescent="0.25">
      <c r="A514" s="1" t="s">
        <v>3838</v>
      </c>
      <c r="B514" s="1" t="s">
        <v>3235</v>
      </c>
      <c r="C514" s="1" t="s">
        <v>2002</v>
      </c>
      <c r="D514" s="1" t="s">
        <v>1361</v>
      </c>
      <c r="E514" s="1" t="s">
        <v>1361</v>
      </c>
      <c r="F514" s="1" t="s">
        <v>3839</v>
      </c>
      <c r="G514" s="1" t="s">
        <v>3840</v>
      </c>
      <c r="H514" s="1" t="s">
        <v>3238</v>
      </c>
      <c r="I514" s="1" t="s">
        <v>3841</v>
      </c>
      <c r="K514" s="1" t="s">
        <v>1366</v>
      </c>
      <c r="L514" s="1" t="s">
        <v>1335</v>
      </c>
    </row>
    <row r="515" spans="1:12" x14ac:dyDescent="0.25">
      <c r="A515" s="1" t="s">
        <v>3842</v>
      </c>
      <c r="B515" s="1" t="s">
        <v>3235</v>
      </c>
      <c r="C515" s="1" t="s">
        <v>2002</v>
      </c>
      <c r="D515" s="1" t="s">
        <v>1368</v>
      </c>
      <c r="E515" s="1" t="s">
        <v>1368</v>
      </c>
      <c r="F515" s="1" t="s">
        <v>3843</v>
      </c>
      <c r="G515" s="1" t="s">
        <v>3844</v>
      </c>
      <c r="H515" s="1" t="s">
        <v>3845</v>
      </c>
      <c r="I515" s="1" t="s">
        <v>3846</v>
      </c>
      <c r="K515" s="1" t="s">
        <v>1334</v>
      </c>
      <c r="L515" s="1" t="s">
        <v>1335</v>
      </c>
    </row>
    <row r="516" spans="1:12" x14ac:dyDescent="0.25">
      <c r="A516" s="1" t="s">
        <v>3847</v>
      </c>
      <c r="B516" s="1" t="s">
        <v>3235</v>
      </c>
      <c r="C516" s="1" t="s">
        <v>2002</v>
      </c>
      <c r="D516" s="1" t="s">
        <v>1374</v>
      </c>
      <c r="E516" s="1" t="s">
        <v>1374</v>
      </c>
      <c r="F516" s="1" t="s">
        <v>3848</v>
      </c>
      <c r="G516" s="1" t="s">
        <v>3849</v>
      </c>
      <c r="H516" s="1" t="s">
        <v>3288</v>
      </c>
      <c r="I516" s="1" t="s">
        <v>3850</v>
      </c>
      <c r="K516" s="1" t="s">
        <v>1366</v>
      </c>
      <c r="L516" s="1" t="s">
        <v>1335</v>
      </c>
    </row>
    <row r="517" spans="1:12" x14ac:dyDescent="0.25">
      <c r="A517" s="1" t="s">
        <v>3851</v>
      </c>
      <c r="B517" s="1" t="s">
        <v>3235</v>
      </c>
      <c r="C517" s="1" t="s">
        <v>2002</v>
      </c>
      <c r="D517" s="1" t="s">
        <v>1380</v>
      </c>
      <c r="E517" s="1" t="s">
        <v>1380</v>
      </c>
      <c r="F517" s="1" t="s">
        <v>3852</v>
      </c>
      <c r="G517" s="1" t="s">
        <v>3853</v>
      </c>
      <c r="H517" s="1" t="s">
        <v>3854</v>
      </c>
      <c r="I517" s="1" t="s">
        <v>3855</v>
      </c>
      <c r="K517" s="1" t="s">
        <v>1366</v>
      </c>
      <c r="L517" s="1" t="s">
        <v>1335</v>
      </c>
    </row>
    <row r="518" spans="1:12" x14ac:dyDescent="0.25">
      <c r="A518" s="1" t="s">
        <v>3856</v>
      </c>
      <c r="B518" s="1" t="s">
        <v>3235</v>
      </c>
      <c r="C518" s="1" t="s">
        <v>2002</v>
      </c>
      <c r="D518" s="1" t="s">
        <v>1386</v>
      </c>
      <c r="E518" s="1" t="s">
        <v>1386</v>
      </c>
      <c r="F518" s="1" t="s">
        <v>3857</v>
      </c>
      <c r="G518" s="1" t="s">
        <v>3858</v>
      </c>
      <c r="H518" s="1" t="s">
        <v>3859</v>
      </c>
      <c r="I518" s="1" t="s">
        <v>3860</v>
      </c>
      <c r="K518" s="1" t="s">
        <v>1366</v>
      </c>
      <c r="L518" s="1" t="s">
        <v>1335</v>
      </c>
    </row>
    <row r="519" spans="1:12" x14ac:dyDescent="0.25">
      <c r="A519" s="1" t="s">
        <v>3280</v>
      </c>
      <c r="B519" s="1" t="s">
        <v>3235</v>
      </c>
      <c r="C519" s="1" t="s">
        <v>2002</v>
      </c>
      <c r="D519" s="1" t="s">
        <v>1392</v>
      </c>
      <c r="E519" s="1" t="s">
        <v>1392</v>
      </c>
      <c r="F519" s="1" t="s">
        <v>3861</v>
      </c>
      <c r="G519" s="1" t="s">
        <v>3862</v>
      </c>
      <c r="H519" s="1" t="s">
        <v>3863</v>
      </c>
      <c r="I519" s="1" t="s">
        <v>3284</v>
      </c>
      <c r="K519" s="1" t="s">
        <v>1366</v>
      </c>
      <c r="L519" s="1" t="s">
        <v>1335</v>
      </c>
    </row>
    <row r="520" spans="1:12" x14ac:dyDescent="0.25">
      <c r="A520" s="1" t="s">
        <v>3864</v>
      </c>
      <c r="B520" s="1" t="s">
        <v>3235</v>
      </c>
      <c r="C520" s="1" t="s">
        <v>2002</v>
      </c>
      <c r="D520" s="1" t="s">
        <v>1398</v>
      </c>
      <c r="E520" s="1" t="s">
        <v>1398</v>
      </c>
      <c r="F520" s="1" t="s">
        <v>3865</v>
      </c>
      <c r="G520" s="1" t="s">
        <v>3866</v>
      </c>
      <c r="H520" s="1" t="s">
        <v>3867</v>
      </c>
      <c r="I520" s="1" t="s">
        <v>3868</v>
      </c>
      <c r="K520" s="1" t="s">
        <v>1334</v>
      </c>
      <c r="L520" s="1" t="s">
        <v>1335</v>
      </c>
    </row>
    <row r="521" spans="1:12" x14ac:dyDescent="0.25">
      <c r="A521" s="1" t="s">
        <v>3869</v>
      </c>
      <c r="B521" s="1" t="s">
        <v>3235</v>
      </c>
      <c r="C521" s="1" t="s">
        <v>2002</v>
      </c>
      <c r="D521" s="1" t="s">
        <v>1404</v>
      </c>
      <c r="E521" s="1" t="s">
        <v>1404</v>
      </c>
      <c r="F521" s="1" t="s">
        <v>3870</v>
      </c>
      <c r="G521" s="1" t="s">
        <v>3871</v>
      </c>
      <c r="H521" s="1" t="s">
        <v>3872</v>
      </c>
      <c r="I521" s="1" t="s">
        <v>3873</v>
      </c>
      <c r="K521" s="1" t="s">
        <v>1334</v>
      </c>
      <c r="L521" s="1" t="s">
        <v>1335</v>
      </c>
    </row>
    <row r="522" spans="1:12" x14ac:dyDescent="0.25">
      <c r="A522" s="1" t="s">
        <v>3874</v>
      </c>
      <c r="B522" s="1" t="s">
        <v>3235</v>
      </c>
      <c r="C522" s="1" t="s">
        <v>2002</v>
      </c>
      <c r="D522" s="1" t="s">
        <v>1410</v>
      </c>
      <c r="E522" s="1" t="s">
        <v>1410</v>
      </c>
      <c r="F522" s="1" t="s">
        <v>3875</v>
      </c>
      <c r="G522" s="1" t="s">
        <v>3876</v>
      </c>
      <c r="H522" s="1" t="s">
        <v>3877</v>
      </c>
      <c r="I522" s="1" t="s">
        <v>3878</v>
      </c>
      <c r="K522" s="1" t="s">
        <v>1334</v>
      </c>
      <c r="L522" s="1" t="s">
        <v>1335</v>
      </c>
    </row>
    <row r="523" spans="1:12" x14ac:dyDescent="0.25">
      <c r="A523" s="1" t="s">
        <v>3879</v>
      </c>
      <c r="B523" s="1" t="s">
        <v>3235</v>
      </c>
      <c r="C523" s="1" t="s">
        <v>2002</v>
      </c>
      <c r="D523" s="1" t="s">
        <v>1416</v>
      </c>
      <c r="E523" s="1" t="s">
        <v>1416</v>
      </c>
      <c r="F523" s="1" t="s">
        <v>3880</v>
      </c>
      <c r="G523" s="1" t="s">
        <v>3881</v>
      </c>
      <c r="H523" s="1" t="s">
        <v>3539</v>
      </c>
      <c r="I523" s="1" t="s">
        <v>3882</v>
      </c>
      <c r="K523" s="1" t="s">
        <v>1366</v>
      </c>
      <c r="L523" s="1" t="s">
        <v>1335</v>
      </c>
    </row>
    <row r="524" spans="1:12" x14ac:dyDescent="0.25">
      <c r="A524" s="1" t="s">
        <v>3883</v>
      </c>
      <c r="B524" s="1" t="s">
        <v>3235</v>
      </c>
      <c r="C524" s="1" t="s">
        <v>2002</v>
      </c>
      <c r="D524" s="1" t="s">
        <v>1422</v>
      </c>
      <c r="E524" s="1" t="s">
        <v>1422</v>
      </c>
      <c r="F524" s="1" t="s">
        <v>3884</v>
      </c>
      <c r="G524" s="1" t="s">
        <v>3885</v>
      </c>
      <c r="H524" s="1" t="s">
        <v>3886</v>
      </c>
      <c r="I524" s="1" t="s">
        <v>3887</v>
      </c>
      <c r="K524" s="1" t="s">
        <v>1334</v>
      </c>
      <c r="L524" s="1" t="s">
        <v>1335</v>
      </c>
    </row>
    <row r="525" spans="1:12" x14ac:dyDescent="0.25">
      <c r="A525" s="1" t="s">
        <v>3888</v>
      </c>
      <c r="B525" s="1" t="s">
        <v>3235</v>
      </c>
      <c r="C525" s="1" t="s">
        <v>2002</v>
      </c>
      <c r="D525" s="1" t="s">
        <v>1428</v>
      </c>
      <c r="E525" s="1" t="s">
        <v>1428</v>
      </c>
      <c r="F525" s="1" t="s">
        <v>3889</v>
      </c>
      <c r="G525" s="1" t="s">
        <v>3890</v>
      </c>
      <c r="H525" s="1" t="s">
        <v>3891</v>
      </c>
      <c r="I525" s="1" t="s">
        <v>3892</v>
      </c>
      <c r="K525" s="1" t="s">
        <v>1334</v>
      </c>
      <c r="L525" s="1" t="s">
        <v>1335</v>
      </c>
    </row>
    <row r="526" spans="1:12" x14ac:dyDescent="0.25">
      <c r="A526" s="1" t="s">
        <v>3893</v>
      </c>
      <c r="B526" s="1" t="s">
        <v>3235</v>
      </c>
      <c r="C526" s="1" t="s">
        <v>2002</v>
      </c>
      <c r="D526" s="1" t="s">
        <v>1434</v>
      </c>
      <c r="E526" s="1" t="s">
        <v>1434</v>
      </c>
      <c r="F526" s="1" t="s">
        <v>3894</v>
      </c>
      <c r="G526" s="1" t="s">
        <v>3895</v>
      </c>
      <c r="H526" s="1" t="s">
        <v>3896</v>
      </c>
      <c r="I526" s="1" t="s">
        <v>3897</v>
      </c>
      <c r="K526" s="1" t="s">
        <v>1334</v>
      </c>
      <c r="L526" s="1" t="s">
        <v>1335</v>
      </c>
    </row>
    <row r="527" spans="1:12" x14ac:dyDescent="0.25">
      <c r="A527" s="1" t="s">
        <v>3898</v>
      </c>
      <c r="B527" s="1" t="s">
        <v>3235</v>
      </c>
      <c r="C527" s="1" t="s">
        <v>2002</v>
      </c>
      <c r="D527" s="1" t="s">
        <v>1440</v>
      </c>
      <c r="E527" s="1" t="s">
        <v>1440</v>
      </c>
      <c r="F527" s="1" t="s">
        <v>3899</v>
      </c>
      <c r="G527" s="1" t="s">
        <v>3900</v>
      </c>
      <c r="H527" s="1" t="s">
        <v>3901</v>
      </c>
      <c r="I527" s="1" t="s">
        <v>3902</v>
      </c>
      <c r="K527" s="1" t="s">
        <v>1366</v>
      </c>
      <c r="L527" s="1" t="s">
        <v>1335</v>
      </c>
    </row>
    <row r="528" spans="1:12" x14ac:dyDescent="0.25">
      <c r="A528" s="1" t="s">
        <v>3903</v>
      </c>
      <c r="B528" s="1" t="s">
        <v>3235</v>
      </c>
      <c r="C528" s="1" t="s">
        <v>2002</v>
      </c>
      <c r="D528" s="1" t="s">
        <v>1446</v>
      </c>
      <c r="E528" s="1" t="s">
        <v>1446</v>
      </c>
      <c r="F528" s="1" t="s">
        <v>3904</v>
      </c>
      <c r="G528" s="1" t="s">
        <v>3905</v>
      </c>
      <c r="H528" s="1" t="s">
        <v>3906</v>
      </c>
      <c r="I528" s="1" t="s">
        <v>3907</v>
      </c>
      <c r="K528" s="1" t="s">
        <v>1334</v>
      </c>
      <c r="L528" s="1" t="s">
        <v>1335</v>
      </c>
    </row>
    <row r="529" spans="1:12" x14ac:dyDescent="0.25">
      <c r="A529" s="1" t="s">
        <v>3908</v>
      </c>
      <c r="B529" s="1" t="s">
        <v>3235</v>
      </c>
      <c r="C529" s="1" t="s">
        <v>2002</v>
      </c>
      <c r="D529" s="1" t="s">
        <v>1452</v>
      </c>
      <c r="E529" s="1" t="s">
        <v>1452</v>
      </c>
      <c r="F529" s="1" t="s">
        <v>3909</v>
      </c>
      <c r="G529" s="1" t="s">
        <v>3910</v>
      </c>
      <c r="H529" s="1" t="s">
        <v>3911</v>
      </c>
      <c r="I529" s="1" t="s">
        <v>3912</v>
      </c>
      <c r="K529" s="1" t="s">
        <v>1334</v>
      </c>
      <c r="L529" s="1" t="s">
        <v>1335</v>
      </c>
    </row>
    <row r="530" spans="1:12" x14ac:dyDescent="0.25">
      <c r="A530" s="1" t="s">
        <v>3913</v>
      </c>
      <c r="B530" s="1" t="s">
        <v>3235</v>
      </c>
      <c r="C530" s="1" t="s">
        <v>2002</v>
      </c>
      <c r="D530" s="1" t="s">
        <v>1458</v>
      </c>
      <c r="E530" s="1" t="s">
        <v>1458</v>
      </c>
      <c r="F530" s="1" t="s">
        <v>3914</v>
      </c>
      <c r="G530" s="1" t="s">
        <v>3915</v>
      </c>
      <c r="H530" s="1" t="s">
        <v>3297</v>
      </c>
      <c r="I530" s="1" t="s">
        <v>3916</v>
      </c>
      <c r="K530" s="1" t="s">
        <v>1334</v>
      </c>
      <c r="L530" s="1" t="s">
        <v>1335</v>
      </c>
    </row>
    <row r="531" spans="1:12" x14ac:dyDescent="0.25">
      <c r="A531" s="1" t="s">
        <v>3917</v>
      </c>
      <c r="B531" s="1" t="s">
        <v>3235</v>
      </c>
      <c r="C531" s="1" t="s">
        <v>2002</v>
      </c>
      <c r="D531" s="1" t="s">
        <v>1464</v>
      </c>
      <c r="E531" s="1" t="s">
        <v>1464</v>
      </c>
      <c r="F531" s="1" t="s">
        <v>3918</v>
      </c>
      <c r="G531" s="1" t="s">
        <v>3919</v>
      </c>
      <c r="H531" s="1" t="s">
        <v>3920</v>
      </c>
      <c r="I531" s="1" t="s">
        <v>3921</v>
      </c>
      <c r="K531" s="1" t="s">
        <v>1334</v>
      </c>
      <c r="L531" s="1" t="s">
        <v>1335</v>
      </c>
    </row>
    <row r="532" spans="1:12" x14ac:dyDescent="0.25">
      <c r="A532" s="1" t="s">
        <v>3922</v>
      </c>
      <c r="B532" s="1" t="s">
        <v>3235</v>
      </c>
      <c r="C532" s="1" t="s">
        <v>2002</v>
      </c>
      <c r="D532" s="1" t="s">
        <v>1470</v>
      </c>
      <c r="E532" s="1" t="s">
        <v>1470</v>
      </c>
      <c r="F532" s="1" t="s">
        <v>3923</v>
      </c>
      <c r="G532" s="1" t="s">
        <v>3924</v>
      </c>
      <c r="H532" s="1" t="s">
        <v>3471</v>
      </c>
      <c r="I532" s="1" t="s">
        <v>3925</v>
      </c>
      <c r="K532" s="1" t="s">
        <v>1366</v>
      </c>
      <c r="L532" s="1" t="s">
        <v>1335</v>
      </c>
    </row>
    <row r="533" spans="1:12" x14ac:dyDescent="0.25">
      <c r="A533" s="1" t="s">
        <v>3926</v>
      </c>
      <c r="B533" s="1" t="s">
        <v>3235</v>
      </c>
      <c r="C533" s="1" t="s">
        <v>2002</v>
      </c>
      <c r="D533" s="1" t="s">
        <v>1476</v>
      </c>
      <c r="E533" s="1" t="s">
        <v>1476</v>
      </c>
      <c r="F533" s="1" t="s">
        <v>3927</v>
      </c>
      <c r="G533" s="1" t="s">
        <v>3928</v>
      </c>
      <c r="H533" s="1" t="s">
        <v>3558</v>
      </c>
      <c r="I533" s="1" t="s">
        <v>3929</v>
      </c>
      <c r="K533" s="1" t="s">
        <v>1334</v>
      </c>
      <c r="L533" s="1" t="s">
        <v>1335</v>
      </c>
    </row>
    <row r="534" spans="1:12" x14ac:dyDescent="0.25">
      <c r="A534" s="1" t="s">
        <v>3930</v>
      </c>
      <c r="B534" s="1" t="s">
        <v>3235</v>
      </c>
      <c r="C534" s="1" t="s">
        <v>2002</v>
      </c>
      <c r="D534" s="1" t="s">
        <v>1482</v>
      </c>
      <c r="E534" s="1" t="s">
        <v>1482</v>
      </c>
      <c r="F534" s="1" t="s">
        <v>3931</v>
      </c>
      <c r="G534" s="1" t="s">
        <v>3932</v>
      </c>
      <c r="H534" s="1" t="s">
        <v>3933</v>
      </c>
      <c r="I534" s="1" t="s">
        <v>3934</v>
      </c>
      <c r="K534" s="1" t="s">
        <v>1366</v>
      </c>
      <c r="L534" s="1" t="s">
        <v>1335</v>
      </c>
    </row>
    <row r="535" spans="1:12" x14ac:dyDescent="0.25">
      <c r="A535" s="1" t="s">
        <v>3935</v>
      </c>
      <c r="B535" s="1" t="s">
        <v>3235</v>
      </c>
      <c r="C535" s="1" t="s">
        <v>2002</v>
      </c>
      <c r="D535" s="1" t="s">
        <v>1488</v>
      </c>
      <c r="E535" s="1" t="s">
        <v>1488</v>
      </c>
      <c r="F535" s="1" t="s">
        <v>3936</v>
      </c>
      <c r="G535" s="1" t="s">
        <v>3937</v>
      </c>
      <c r="H535" s="1" t="s">
        <v>3854</v>
      </c>
      <c r="I535" s="1" t="s">
        <v>3938</v>
      </c>
      <c r="K535" s="1" t="s">
        <v>1334</v>
      </c>
      <c r="L535" s="1" t="s">
        <v>1335</v>
      </c>
    </row>
    <row r="536" spans="1:12" x14ac:dyDescent="0.25">
      <c r="A536" s="1" t="s">
        <v>3939</v>
      </c>
      <c r="B536" s="1" t="s">
        <v>3235</v>
      </c>
      <c r="C536" s="1" t="s">
        <v>2002</v>
      </c>
      <c r="D536" s="1" t="s">
        <v>1494</v>
      </c>
      <c r="E536" s="1" t="s">
        <v>1494</v>
      </c>
      <c r="F536" s="1" t="s">
        <v>3940</v>
      </c>
      <c r="G536" s="1" t="s">
        <v>3941</v>
      </c>
      <c r="H536" s="1" t="s">
        <v>3942</v>
      </c>
      <c r="I536" s="1" t="s">
        <v>3943</v>
      </c>
      <c r="K536" s="1" t="s">
        <v>1334</v>
      </c>
      <c r="L536" s="1" t="s">
        <v>1335</v>
      </c>
    </row>
    <row r="537" spans="1:12" x14ac:dyDescent="0.25">
      <c r="A537" s="1" t="s">
        <v>3944</v>
      </c>
      <c r="B537" s="1" t="s">
        <v>3235</v>
      </c>
      <c r="C537" s="1" t="s">
        <v>2002</v>
      </c>
      <c r="D537" s="1" t="s">
        <v>1500</v>
      </c>
      <c r="E537" s="1" t="s">
        <v>1500</v>
      </c>
      <c r="F537" s="1" t="s">
        <v>3945</v>
      </c>
      <c r="G537" s="1" t="s">
        <v>3946</v>
      </c>
      <c r="H537" s="1" t="s">
        <v>3947</v>
      </c>
      <c r="I537" s="1" t="s">
        <v>3948</v>
      </c>
      <c r="K537" s="1" t="s">
        <v>1366</v>
      </c>
      <c r="L537" s="1" t="s">
        <v>1335</v>
      </c>
    </row>
    <row r="538" spans="1:12" x14ac:dyDescent="0.25">
      <c r="A538" s="1" t="s">
        <v>3949</v>
      </c>
      <c r="B538" s="1" t="s">
        <v>3235</v>
      </c>
      <c r="C538" s="1" t="s">
        <v>2002</v>
      </c>
      <c r="D538" s="1" t="s">
        <v>1506</v>
      </c>
      <c r="E538" s="1" t="s">
        <v>1506</v>
      </c>
      <c r="F538" s="1" t="s">
        <v>3950</v>
      </c>
      <c r="G538" s="1" t="s">
        <v>3951</v>
      </c>
      <c r="H538" s="1" t="s">
        <v>3952</v>
      </c>
      <c r="I538" s="1" t="s">
        <v>3953</v>
      </c>
      <c r="K538" s="1" t="s">
        <v>1366</v>
      </c>
      <c r="L538" s="1" t="s">
        <v>1335</v>
      </c>
    </row>
    <row r="539" spans="1:12" x14ac:dyDescent="0.25">
      <c r="A539" s="1" t="s">
        <v>3954</v>
      </c>
      <c r="B539" s="1" t="s">
        <v>3235</v>
      </c>
      <c r="C539" s="1" t="s">
        <v>1334</v>
      </c>
      <c r="D539" s="1" t="s">
        <v>1329</v>
      </c>
      <c r="E539" s="1" t="s">
        <v>1329</v>
      </c>
      <c r="F539" s="1" t="s">
        <v>3955</v>
      </c>
      <c r="G539" s="1" t="s">
        <v>3956</v>
      </c>
      <c r="H539" s="1" t="s">
        <v>3957</v>
      </c>
      <c r="I539" s="1" t="s">
        <v>3958</v>
      </c>
      <c r="K539" s="1" t="s">
        <v>1334</v>
      </c>
      <c r="L539" s="1" t="s">
        <v>1335</v>
      </c>
    </row>
    <row r="540" spans="1:12" x14ac:dyDescent="0.25">
      <c r="A540" s="1" t="s">
        <v>3959</v>
      </c>
      <c r="B540" s="1" t="s">
        <v>3235</v>
      </c>
      <c r="C540" s="1" t="s">
        <v>1334</v>
      </c>
      <c r="D540" s="1" t="s">
        <v>1337</v>
      </c>
      <c r="E540" s="1" t="s">
        <v>1337</v>
      </c>
      <c r="F540" s="1" t="s">
        <v>3960</v>
      </c>
      <c r="G540" s="1" t="s">
        <v>3961</v>
      </c>
      <c r="H540" s="1" t="s">
        <v>3962</v>
      </c>
      <c r="I540" s="1" t="s">
        <v>3963</v>
      </c>
      <c r="K540" s="1" t="s">
        <v>1334</v>
      </c>
      <c r="L540" s="1" t="s">
        <v>1335</v>
      </c>
    </row>
    <row r="541" spans="1:12" x14ac:dyDescent="0.25">
      <c r="A541" s="1" t="s">
        <v>968</v>
      </c>
      <c r="B541" s="1" t="s">
        <v>3235</v>
      </c>
      <c r="C541" s="1" t="s">
        <v>1334</v>
      </c>
      <c r="D541" s="1" t="s">
        <v>1343</v>
      </c>
      <c r="E541" s="1" t="s">
        <v>1343</v>
      </c>
      <c r="F541" s="1" t="s">
        <v>3964</v>
      </c>
      <c r="G541" s="1" t="s">
        <v>3965</v>
      </c>
      <c r="H541" s="1" t="s">
        <v>3896</v>
      </c>
      <c r="I541" s="1" t="s">
        <v>3966</v>
      </c>
      <c r="K541" s="1" t="s">
        <v>1366</v>
      </c>
      <c r="L541" s="1" t="s">
        <v>1335</v>
      </c>
    </row>
    <row r="542" spans="1:12" x14ac:dyDescent="0.25">
      <c r="A542" s="1" t="s">
        <v>3967</v>
      </c>
      <c r="B542" s="1" t="s">
        <v>3235</v>
      </c>
      <c r="C542" s="1" t="s">
        <v>1334</v>
      </c>
      <c r="D542" s="1" t="s">
        <v>1349</v>
      </c>
      <c r="E542" s="1" t="s">
        <v>1349</v>
      </c>
      <c r="F542" s="1" t="s">
        <v>3968</v>
      </c>
      <c r="G542" s="1" t="s">
        <v>3969</v>
      </c>
      <c r="H542" s="1" t="s">
        <v>3970</v>
      </c>
      <c r="I542" s="1" t="s">
        <v>3971</v>
      </c>
      <c r="K542" s="1" t="s">
        <v>1366</v>
      </c>
      <c r="L542" s="1" t="s">
        <v>1335</v>
      </c>
    </row>
    <row r="543" spans="1:12" x14ac:dyDescent="0.25">
      <c r="A543" s="1" t="s">
        <v>3972</v>
      </c>
      <c r="B543" s="1" t="s">
        <v>3235</v>
      </c>
      <c r="C543" s="1" t="s">
        <v>1334</v>
      </c>
      <c r="D543" s="1" t="s">
        <v>1355</v>
      </c>
      <c r="E543" s="1" t="s">
        <v>1355</v>
      </c>
      <c r="F543" s="1" t="s">
        <v>3973</v>
      </c>
      <c r="G543" s="1" t="s">
        <v>3974</v>
      </c>
      <c r="H543" s="1" t="s">
        <v>3577</v>
      </c>
      <c r="I543" s="1" t="s">
        <v>3975</v>
      </c>
      <c r="K543" s="1" t="s">
        <v>1366</v>
      </c>
      <c r="L543" s="1" t="s">
        <v>1335</v>
      </c>
    </row>
    <row r="544" spans="1:12" x14ac:dyDescent="0.25">
      <c r="A544" s="1" t="s">
        <v>3976</v>
      </c>
      <c r="B544" s="1" t="s">
        <v>3235</v>
      </c>
      <c r="C544" s="1" t="s">
        <v>1334</v>
      </c>
      <c r="D544" s="1" t="s">
        <v>1361</v>
      </c>
      <c r="E544" s="1" t="s">
        <v>1361</v>
      </c>
      <c r="F544" s="1" t="s">
        <v>3977</v>
      </c>
      <c r="G544" s="1" t="s">
        <v>3978</v>
      </c>
      <c r="H544" s="1" t="s">
        <v>3979</v>
      </c>
      <c r="I544" s="1" t="s">
        <v>3980</v>
      </c>
      <c r="K544" s="1" t="s">
        <v>1366</v>
      </c>
      <c r="L544" s="1" t="s">
        <v>1335</v>
      </c>
    </row>
    <row r="545" spans="1:12" x14ac:dyDescent="0.25">
      <c r="A545" s="1" t="s">
        <v>3981</v>
      </c>
      <c r="B545" s="1" t="s">
        <v>3235</v>
      </c>
      <c r="C545" s="1" t="s">
        <v>1334</v>
      </c>
      <c r="D545" s="1" t="s">
        <v>1368</v>
      </c>
      <c r="E545" s="1" t="s">
        <v>1368</v>
      </c>
      <c r="F545" s="1" t="s">
        <v>3982</v>
      </c>
      <c r="G545" s="1" t="s">
        <v>3983</v>
      </c>
      <c r="H545" s="1" t="s">
        <v>3984</v>
      </c>
      <c r="I545" s="1" t="s">
        <v>3985</v>
      </c>
      <c r="K545" s="1" t="s">
        <v>1366</v>
      </c>
      <c r="L545" s="1" t="s">
        <v>1335</v>
      </c>
    </row>
    <row r="546" spans="1:12" x14ac:dyDescent="0.25">
      <c r="A546" s="1" t="s">
        <v>3986</v>
      </c>
      <c r="B546" s="1" t="s">
        <v>3235</v>
      </c>
      <c r="C546" s="1" t="s">
        <v>1334</v>
      </c>
      <c r="D546" s="1" t="s">
        <v>1374</v>
      </c>
      <c r="E546" s="1" t="s">
        <v>1374</v>
      </c>
      <c r="F546" s="1" t="s">
        <v>3987</v>
      </c>
      <c r="G546" s="1" t="s">
        <v>3988</v>
      </c>
      <c r="H546" s="1" t="s">
        <v>3989</v>
      </c>
      <c r="I546" s="1" t="s">
        <v>3990</v>
      </c>
      <c r="K546" s="1" t="s">
        <v>1366</v>
      </c>
      <c r="L546" s="1" t="s">
        <v>1335</v>
      </c>
    </row>
    <row r="547" spans="1:12" x14ac:dyDescent="0.25">
      <c r="A547" s="1" t="s">
        <v>3991</v>
      </c>
      <c r="B547" s="1" t="s">
        <v>3235</v>
      </c>
      <c r="C547" s="1" t="s">
        <v>1334</v>
      </c>
      <c r="D547" s="1" t="s">
        <v>1380</v>
      </c>
      <c r="E547" s="1" t="s">
        <v>1380</v>
      </c>
      <c r="F547" s="1" t="s">
        <v>3992</v>
      </c>
      <c r="G547" s="1" t="s">
        <v>3993</v>
      </c>
      <c r="H547" s="1" t="s">
        <v>3442</v>
      </c>
      <c r="I547" s="1" t="s">
        <v>3994</v>
      </c>
      <c r="K547" s="1" t="s">
        <v>1366</v>
      </c>
      <c r="L547" s="1" t="s">
        <v>1335</v>
      </c>
    </row>
    <row r="548" spans="1:12" x14ac:dyDescent="0.25">
      <c r="A548" s="1" t="s">
        <v>3995</v>
      </c>
      <c r="B548" s="1" t="s">
        <v>3235</v>
      </c>
      <c r="C548" s="1" t="s">
        <v>1334</v>
      </c>
      <c r="D548" s="1" t="s">
        <v>2353</v>
      </c>
      <c r="E548" s="1" t="s">
        <v>2353</v>
      </c>
      <c r="F548" s="1" t="s">
        <v>3996</v>
      </c>
      <c r="G548" s="1" t="s">
        <v>3997</v>
      </c>
      <c r="H548" s="1" t="s">
        <v>3432</v>
      </c>
      <c r="I548" s="1" t="s">
        <v>3998</v>
      </c>
      <c r="K548" s="1" t="s">
        <v>1334</v>
      </c>
      <c r="L548" s="1" t="s">
        <v>1335</v>
      </c>
    </row>
    <row r="549" spans="1:12" x14ac:dyDescent="0.25">
      <c r="A549" s="1" t="s">
        <v>3999</v>
      </c>
      <c r="B549" s="1" t="s">
        <v>3235</v>
      </c>
      <c r="C549" s="1" t="s">
        <v>1334</v>
      </c>
      <c r="D549" s="1" t="s">
        <v>2359</v>
      </c>
      <c r="E549" s="1" t="s">
        <v>2359</v>
      </c>
      <c r="F549" s="1" t="s">
        <v>4000</v>
      </c>
      <c r="G549" s="1" t="s">
        <v>4001</v>
      </c>
      <c r="H549" s="1" t="s">
        <v>4002</v>
      </c>
      <c r="I549" s="1" t="s">
        <v>4003</v>
      </c>
      <c r="K549" s="1" t="s">
        <v>1366</v>
      </c>
      <c r="L549" s="1" t="s">
        <v>1335</v>
      </c>
    </row>
    <row r="550" spans="1:12" x14ac:dyDescent="0.25">
      <c r="A550" s="1" t="s">
        <v>4004</v>
      </c>
      <c r="B550" s="1" t="s">
        <v>3235</v>
      </c>
      <c r="C550" s="1" t="s">
        <v>1334</v>
      </c>
      <c r="D550" s="1" t="s">
        <v>2365</v>
      </c>
      <c r="E550" s="1" t="s">
        <v>2365</v>
      </c>
      <c r="F550" s="1" t="s">
        <v>4005</v>
      </c>
      <c r="G550" s="1" t="s">
        <v>4006</v>
      </c>
      <c r="H550" s="1" t="s">
        <v>3906</v>
      </c>
      <c r="I550" s="1" t="s">
        <v>4007</v>
      </c>
      <c r="K550" s="1" t="s">
        <v>1366</v>
      </c>
      <c r="L550" s="1" t="s">
        <v>1335</v>
      </c>
    </row>
    <row r="551" spans="1:12" x14ac:dyDescent="0.25">
      <c r="A551" s="1" t="s">
        <v>4008</v>
      </c>
      <c r="B551" s="1" t="s">
        <v>3235</v>
      </c>
      <c r="C551" s="1" t="s">
        <v>1334</v>
      </c>
      <c r="D551" s="1" t="s">
        <v>2371</v>
      </c>
      <c r="E551" s="1" t="s">
        <v>2371</v>
      </c>
      <c r="F551" s="1" t="s">
        <v>4009</v>
      </c>
      <c r="G551" s="1" t="s">
        <v>4010</v>
      </c>
      <c r="H551" s="1" t="s">
        <v>4011</v>
      </c>
      <c r="I551" s="1" t="s">
        <v>4012</v>
      </c>
      <c r="K551" s="1" t="s">
        <v>1334</v>
      </c>
      <c r="L551" s="1" t="s">
        <v>1335</v>
      </c>
    </row>
    <row r="552" spans="1:12" x14ac:dyDescent="0.25">
      <c r="A552" s="1" t="s">
        <v>4013</v>
      </c>
      <c r="B552" s="1" t="s">
        <v>3235</v>
      </c>
      <c r="C552" s="1" t="s">
        <v>1334</v>
      </c>
      <c r="D552" s="1" t="s">
        <v>2377</v>
      </c>
      <c r="E552" s="1" t="s">
        <v>2377</v>
      </c>
      <c r="F552" s="1" t="s">
        <v>4014</v>
      </c>
      <c r="G552" s="1" t="s">
        <v>4015</v>
      </c>
      <c r="H552" s="1" t="s">
        <v>4016</v>
      </c>
      <c r="I552" s="1" t="s">
        <v>4017</v>
      </c>
      <c r="K552" s="1" t="s">
        <v>1334</v>
      </c>
      <c r="L552" s="1" t="s">
        <v>1335</v>
      </c>
    </row>
    <row r="553" spans="1:12" x14ac:dyDescent="0.25">
      <c r="A553" s="1" t="s">
        <v>4018</v>
      </c>
      <c r="B553" s="1" t="s">
        <v>3235</v>
      </c>
      <c r="C553" s="1" t="s">
        <v>1334</v>
      </c>
      <c r="D553" s="1" t="s">
        <v>2383</v>
      </c>
      <c r="E553" s="1" t="s">
        <v>2383</v>
      </c>
      <c r="F553" s="1" t="s">
        <v>4019</v>
      </c>
      <c r="G553" s="1" t="s">
        <v>4020</v>
      </c>
      <c r="H553" s="1" t="s">
        <v>3591</v>
      </c>
      <c r="I553" s="1" t="s">
        <v>4021</v>
      </c>
      <c r="K553" s="1" t="s">
        <v>1366</v>
      </c>
      <c r="L553" s="1" t="s">
        <v>1335</v>
      </c>
    </row>
    <row r="554" spans="1:12" x14ac:dyDescent="0.25">
      <c r="A554" s="1" t="s">
        <v>4022</v>
      </c>
      <c r="B554" s="1" t="s">
        <v>3235</v>
      </c>
      <c r="C554" s="1" t="s">
        <v>1334</v>
      </c>
      <c r="D554" s="1" t="s">
        <v>2389</v>
      </c>
      <c r="E554" s="1" t="s">
        <v>2389</v>
      </c>
      <c r="F554" s="1" t="s">
        <v>4023</v>
      </c>
      <c r="G554" s="1" t="s">
        <v>4024</v>
      </c>
      <c r="H554" s="1" t="s">
        <v>4025</v>
      </c>
      <c r="I554" s="1" t="s">
        <v>4026</v>
      </c>
      <c r="K554" s="1" t="s">
        <v>1334</v>
      </c>
      <c r="L554" s="1" t="s">
        <v>1335</v>
      </c>
    </row>
    <row r="555" spans="1:12" x14ac:dyDescent="0.25">
      <c r="A555" s="1" t="s">
        <v>4027</v>
      </c>
      <c r="B555" s="1" t="s">
        <v>3235</v>
      </c>
      <c r="C555" s="1" t="s">
        <v>1334</v>
      </c>
      <c r="D555" s="1" t="s">
        <v>2395</v>
      </c>
      <c r="E555" s="1" t="s">
        <v>2395</v>
      </c>
      <c r="F555" s="1" t="s">
        <v>4028</v>
      </c>
      <c r="G555" s="1" t="s">
        <v>4029</v>
      </c>
      <c r="H555" s="1" t="s">
        <v>4030</v>
      </c>
      <c r="I555" s="1" t="s">
        <v>4031</v>
      </c>
      <c r="K555" s="1" t="s">
        <v>1366</v>
      </c>
      <c r="L555" s="1" t="s">
        <v>1335</v>
      </c>
    </row>
    <row r="556" spans="1:12" x14ac:dyDescent="0.25">
      <c r="A556" s="1" t="s">
        <v>4032</v>
      </c>
      <c r="B556" s="1" t="s">
        <v>3235</v>
      </c>
      <c r="C556" s="1" t="s">
        <v>1334</v>
      </c>
      <c r="D556" s="1" t="s">
        <v>2401</v>
      </c>
      <c r="E556" s="1" t="s">
        <v>2401</v>
      </c>
      <c r="F556" s="1" t="s">
        <v>4033</v>
      </c>
      <c r="G556" s="1" t="s">
        <v>4034</v>
      </c>
      <c r="H556" s="1" t="s">
        <v>4035</v>
      </c>
      <c r="I556" s="1" t="s">
        <v>4036</v>
      </c>
      <c r="K556" s="1" t="s">
        <v>1334</v>
      </c>
      <c r="L556" s="1" t="s">
        <v>1335</v>
      </c>
    </row>
    <row r="557" spans="1:12" x14ac:dyDescent="0.25">
      <c r="A557" s="1" t="s">
        <v>4037</v>
      </c>
      <c r="B557" s="1" t="s">
        <v>3235</v>
      </c>
      <c r="C557" s="1" t="s">
        <v>1334</v>
      </c>
      <c r="D557" s="1" t="s">
        <v>2407</v>
      </c>
      <c r="E557" s="1" t="s">
        <v>2407</v>
      </c>
      <c r="F557" s="1" t="s">
        <v>4038</v>
      </c>
      <c r="G557" s="1" t="s">
        <v>4039</v>
      </c>
      <c r="H557" s="1" t="s">
        <v>4040</v>
      </c>
      <c r="I557" s="1" t="s">
        <v>4041</v>
      </c>
      <c r="K557" s="1" t="s">
        <v>1334</v>
      </c>
      <c r="L557" s="1" t="s">
        <v>1335</v>
      </c>
    </row>
    <row r="558" spans="1:12" x14ac:dyDescent="0.25">
      <c r="A558" s="1" t="s">
        <v>4042</v>
      </c>
      <c r="B558" s="1" t="s">
        <v>3235</v>
      </c>
      <c r="C558" s="1" t="s">
        <v>1334</v>
      </c>
      <c r="D558" s="1" t="s">
        <v>2413</v>
      </c>
      <c r="E558" s="1" t="s">
        <v>2413</v>
      </c>
      <c r="F558" s="1" t="s">
        <v>4043</v>
      </c>
      <c r="G558" s="1" t="s">
        <v>4044</v>
      </c>
      <c r="H558" s="1" t="s">
        <v>4045</v>
      </c>
      <c r="I558" s="1" t="s">
        <v>4046</v>
      </c>
      <c r="K558" s="1" t="s">
        <v>1366</v>
      </c>
      <c r="L558" s="1" t="s">
        <v>1335</v>
      </c>
    </row>
    <row r="559" spans="1:12" x14ac:dyDescent="0.25">
      <c r="A559" s="1" t="s">
        <v>4047</v>
      </c>
      <c r="B559" s="1" t="s">
        <v>3235</v>
      </c>
      <c r="C559" s="1" t="s">
        <v>1334</v>
      </c>
      <c r="D559" s="1" t="s">
        <v>2419</v>
      </c>
      <c r="E559" s="1" t="s">
        <v>2419</v>
      </c>
      <c r="F559" s="1" t="s">
        <v>4048</v>
      </c>
      <c r="G559" s="1" t="s">
        <v>4049</v>
      </c>
      <c r="H559" s="1" t="s">
        <v>4050</v>
      </c>
      <c r="I559" s="1" t="s">
        <v>4051</v>
      </c>
      <c r="K559" s="1" t="s">
        <v>1334</v>
      </c>
      <c r="L559" s="1" t="s">
        <v>1335</v>
      </c>
    </row>
    <row r="560" spans="1:12" x14ac:dyDescent="0.25">
      <c r="A560" s="1" t="s">
        <v>4052</v>
      </c>
      <c r="B560" s="1" t="s">
        <v>3235</v>
      </c>
      <c r="C560" s="1" t="s">
        <v>1334</v>
      </c>
      <c r="D560" s="1" t="s">
        <v>2425</v>
      </c>
      <c r="E560" s="1" t="s">
        <v>2425</v>
      </c>
      <c r="F560" s="1" t="s">
        <v>4053</v>
      </c>
      <c r="G560" s="1" t="s">
        <v>4054</v>
      </c>
      <c r="H560" s="1" t="s">
        <v>4055</v>
      </c>
      <c r="I560" s="1" t="s">
        <v>4056</v>
      </c>
      <c r="K560" s="1" t="s">
        <v>1334</v>
      </c>
      <c r="L560" s="1" t="s">
        <v>1335</v>
      </c>
    </row>
    <row r="561" spans="1:12" x14ac:dyDescent="0.25">
      <c r="A561" s="1" t="s">
        <v>4057</v>
      </c>
      <c r="B561" s="1" t="s">
        <v>3235</v>
      </c>
      <c r="C561" s="1" t="s">
        <v>1334</v>
      </c>
      <c r="D561" s="1" t="s">
        <v>2431</v>
      </c>
      <c r="E561" s="1" t="s">
        <v>2431</v>
      </c>
      <c r="F561" s="1" t="s">
        <v>4058</v>
      </c>
      <c r="G561" s="1" t="s">
        <v>4059</v>
      </c>
      <c r="H561" s="1" t="s">
        <v>3322</v>
      </c>
      <c r="I561" s="1" t="s">
        <v>4060</v>
      </c>
      <c r="K561" s="1" t="s">
        <v>1334</v>
      </c>
      <c r="L561" s="1" t="s">
        <v>1335</v>
      </c>
    </row>
    <row r="562" spans="1:12" x14ac:dyDescent="0.25">
      <c r="A562" s="1" t="s">
        <v>4061</v>
      </c>
      <c r="B562" s="1" t="s">
        <v>3235</v>
      </c>
      <c r="C562" s="1" t="s">
        <v>1334</v>
      </c>
      <c r="D562" s="1" t="s">
        <v>2437</v>
      </c>
      <c r="E562" s="1" t="s">
        <v>2437</v>
      </c>
      <c r="F562" s="1" t="s">
        <v>4062</v>
      </c>
      <c r="G562" s="1" t="s">
        <v>4063</v>
      </c>
      <c r="H562" s="1" t="s">
        <v>3808</v>
      </c>
      <c r="I562" s="1" t="s">
        <v>4064</v>
      </c>
      <c r="K562" s="1" t="s">
        <v>1334</v>
      </c>
      <c r="L562" s="1" t="s">
        <v>1335</v>
      </c>
    </row>
    <row r="563" spans="1:12" x14ac:dyDescent="0.25">
      <c r="A563" s="1" t="s">
        <v>4065</v>
      </c>
      <c r="B563" s="1" t="s">
        <v>3235</v>
      </c>
      <c r="C563" s="1" t="s">
        <v>1334</v>
      </c>
      <c r="D563" s="1" t="s">
        <v>2442</v>
      </c>
      <c r="E563" s="1" t="s">
        <v>2442</v>
      </c>
      <c r="F563" s="1" t="s">
        <v>4066</v>
      </c>
      <c r="G563" s="1" t="s">
        <v>4067</v>
      </c>
      <c r="H563" s="1" t="s">
        <v>3886</v>
      </c>
      <c r="I563" s="1" t="s">
        <v>4068</v>
      </c>
      <c r="K563" s="1" t="s">
        <v>1334</v>
      </c>
      <c r="L563" s="1" t="s">
        <v>1335</v>
      </c>
    </row>
    <row r="564" spans="1:12" x14ac:dyDescent="0.25">
      <c r="A564" s="1" t="s">
        <v>4069</v>
      </c>
      <c r="B564" s="1" t="s">
        <v>3235</v>
      </c>
      <c r="C564" s="1" t="s">
        <v>1334</v>
      </c>
      <c r="D564" s="1" t="s">
        <v>2448</v>
      </c>
      <c r="E564" s="1" t="s">
        <v>2448</v>
      </c>
      <c r="F564" s="1" t="s">
        <v>4070</v>
      </c>
      <c r="G564" s="1" t="s">
        <v>4071</v>
      </c>
      <c r="H564" s="1" t="s">
        <v>3712</v>
      </c>
      <c r="I564" s="1" t="s">
        <v>4072</v>
      </c>
      <c r="K564" s="1" t="s">
        <v>1334</v>
      </c>
      <c r="L564" s="1" t="s">
        <v>1335</v>
      </c>
    </row>
    <row r="565" spans="1:12" x14ac:dyDescent="0.25">
      <c r="A565" s="1" t="s">
        <v>4073</v>
      </c>
      <c r="B565" s="1" t="s">
        <v>3235</v>
      </c>
      <c r="C565" s="1" t="s">
        <v>1334</v>
      </c>
      <c r="D565" s="1" t="s">
        <v>2454</v>
      </c>
      <c r="E565" s="1" t="s">
        <v>2454</v>
      </c>
      <c r="F565" s="1" t="s">
        <v>4074</v>
      </c>
      <c r="G565" s="1" t="s">
        <v>4075</v>
      </c>
      <c r="H565" s="1" t="s">
        <v>3382</v>
      </c>
      <c r="I565" s="1" t="s">
        <v>2629</v>
      </c>
      <c r="K565" s="1" t="s">
        <v>1334</v>
      </c>
      <c r="L565" s="1" t="s">
        <v>1335</v>
      </c>
    </row>
    <row r="566" spans="1:12" x14ac:dyDescent="0.25">
      <c r="A566" s="1" t="s">
        <v>4076</v>
      </c>
      <c r="B566" s="1" t="s">
        <v>3235</v>
      </c>
      <c r="C566" s="1" t="s">
        <v>1334</v>
      </c>
      <c r="D566" s="1" t="s">
        <v>2460</v>
      </c>
      <c r="E566" s="1" t="s">
        <v>2460</v>
      </c>
      <c r="F566" s="1" t="s">
        <v>4077</v>
      </c>
      <c r="G566" s="1" t="s">
        <v>4078</v>
      </c>
      <c r="H566" s="1" t="s">
        <v>4079</v>
      </c>
      <c r="I566" s="1" t="s">
        <v>4080</v>
      </c>
      <c r="K566" s="1" t="s">
        <v>1366</v>
      </c>
      <c r="L566" s="1" t="s">
        <v>1335</v>
      </c>
    </row>
    <row r="567" spans="1:12" x14ac:dyDescent="0.25">
      <c r="A567" s="1" t="s">
        <v>4081</v>
      </c>
      <c r="B567" s="1" t="s">
        <v>3235</v>
      </c>
      <c r="C567" s="1" t="s">
        <v>1334</v>
      </c>
      <c r="D567" s="1" t="s">
        <v>2466</v>
      </c>
      <c r="E567" s="1" t="s">
        <v>2466</v>
      </c>
      <c r="F567" s="1" t="s">
        <v>4082</v>
      </c>
      <c r="G567" s="1" t="s">
        <v>4083</v>
      </c>
      <c r="H567" s="1" t="s">
        <v>3387</v>
      </c>
      <c r="I567" s="1" t="s">
        <v>4084</v>
      </c>
      <c r="K567" s="1" t="s">
        <v>1334</v>
      </c>
      <c r="L567" s="1" t="s">
        <v>1335</v>
      </c>
    </row>
    <row r="568" spans="1:12" x14ac:dyDescent="0.25">
      <c r="A568" s="1" t="s">
        <v>4085</v>
      </c>
      <c r="B568" s="1" t="s">
        <v>3235</v>
      </c>
      <c r="C568" s="1" t="s">
        <v>1334</v>
      </c>
      <c r="D568" s="1" t="s">
        <v>2472</v>
      </c>
      <c r="E568" s="1" t="s">
        <v>2472</v>
      </c>
      <c r="F568" s="1" t="s">
        <v>4086</v>
      </c>
      <c r="G568" s="1" t="s">
        <v>4087</v>
      </c>
      <c r="H568" s="1" t="s">
        <v>3520</v>
      </c>
      <c r="I568" s="1" t="s">
        <v>4088</v>
      </c>
      <c r="K568" s="1" t="s">
        <v>1366</v>
      </c>
      <c r="L568" s="1" t="s">
        <v>1335</v>
      </c>
    </row>
    <row r="569" spans="1:12" x14ac:dyDescent="0.25">
      <c r="A569" s="1" t="s">
        <v>4089</v>
      </c>
      <c r="B569" s="1" t="s">
        <v>4090</v>
      </c>
      <c r="C569" s="1" t="s">
        <v>1328</v>
      </c>
      <c r="D569" s="1" t="s">
        <v>1329</v>
      </c>
      <c r="E569" s="1" t="s">
        <v>1329</v>
      </c>
      <c r="F569" s="1" t="s">
        <v>4091</v>
      </c>
      <c r="G569" s="1" t="s">
        <v>4092</v>
      </c>
      <c r="H569" s="1" t="s">
        <v>4093</v>
      </c>
      <c r="I569" s="1" t="s">
        <v>4094</v>
      </c>
      <c r="K569" s="1" t="s">
        <v>1334</v>
      </c>
      <c r="L569" s="1" t="s">
        <v>1335</v>
      </c>
    </row>
    <row r="570" spans="1:12" x14ac:dyDescent="0.25">
      <c r="A570" s="1" t="s">
        <v>4095</v>
      </c>
      <c r="B570" s="1" t="s">
        <v>4090</v>
      </c>
      <c r="C570" s="1" t="s">
        <v>1328</v>
      </c>
      <c r="D570" s="1" t="s">
        <v>1337</v>
      </c>
      <c r="E570" s="1" t="s">
        <v>1337</v>
      </c>
      <c r="F570" s="1" t="s">
        <v>4096</v>
      </c>
      <c r="G570" s="1" t="s">
        <v>4097</v>
      </c>
      <c r="H570" s="1" t="s">
        <v>4098</v>
      </c>
      <c r="I570" s="1" t="s">
        <v>4099</v>
      </c>
      <c r="K570" s="1" t="s">
        <v>1366</v>
      </c>
      <c r="L570" s="1" t="s">
        <v>1335</v>
      </c>
    </row>
    <row r="571" spans="1:12" x14ac:dyDescent="0.25">
      <c r="A571" s="1" t="s">
        <v>4100</v>
      </c>
      <c r="B571" s="1" t="s">
        <v>4090</v>
      </c>
      <c r="C571" s="1" t="s">
        <v>1328</v>
      </c>
      <c r="D571" s="1" t="s">
        <v>1343</v>
      </c>
      <c r="E571" s="1" t="s">
        <v>1343</v>
      </c>
      <c r="F571" s="1" t="s">
        <v>4101</v>
      </c>
      <c r="G571" s="1" t="s">
        <v>4102</v>
      </c>
      <c r="H571" s="1" t="s">
        <v>4103</v>
      </c>
      <c r="I571" s="1" t="s">
        <v>4104</v>
      </c>
      <c r="K571" s="1" t="s">
        <v>1334</v>
      </c>
      <c r="L571" s="1" t="s">
        <v>1335</v>
      </c>
    </row>
    <row r="572" spans="1:12" x14ac:dyDescent="0.25">
      <c r="A572" s="1" t="s">
        <v>4105</v>
      </c>
      <c r="B572" s="1" t="s">
        <v>4090</v>
      </c>
      <c r="C572" s="1" t="s">
        <v>1328</v>
      </c>
      <c r="D572" s="1" t="s">
        <v>1349</v>
      </c>
      <c r="E572" s="1" t="s">
        <v>1349</v>
      </c>
      <c r="F572" s="1" t="s">
        <v>4106</v>
      </c>
      <c r="G572" s="1" t="s">
        <v>4107</v>
      </c>
      <c r="H572" s="1" t="s">
        <v>4108</v>
      </c>
      <c r="I572" s="1" t="s">
        <v>4109</v>
      </c>
      <c r="K572" s="1" t="s">
        <v>1334</v>
      </c>
      <c r="L572" s="1" t="s">
        <v>1335</v>
      </c>
    </row>
    <row r="573" spans="1:12" x14ac:dyDescent="0.25">
      <c r="A573" s="1" t="s">
        <v>4110</v>
      </c>
      <c r="B573" s="1" t="s">
        <v>4090</v>
      </c>
      <c r="C573" s="1" t="s">
        <v>1328</v>
      </c>
      <c r="D573" s="1" t="s">
        <v>1355</v>
      </c>
      <c r="E573" s="1" t="s">
        <v>1355</v>
      </c>
      <c r="F573" s="1" t="s">
        <v>4111</v>
      </c>
      <c r="G573" s="1" t="s">
        <v>4112</v>
      </c>
      <c r="H573" s="1" t="s">
        <v>4113</v>
      </c>
      <c r="I573" s="1" t="s">
        <v>4114</v>
      </c>
      <c r="K573" s="1" t="s">
        <v>1334</v>
      </c>
      <c r="L573" s="1" t="s">
        <v>1335</v>
      </c>
    </row>
    <row r="574" spans="1:12" x14ac:dyDescent="0.25">
      <c r="A574" s="1" t="s">
        <v>4115</v>
      </c>
      <c r="B574" s="1" t="s">
        <v>4090</v>
      </c>
      <c r="C574" s="1" t="s">
        <v>1328</v>
      </c>
      <c r="D574" s="16" t="s">
        <v>1361</v>
      </c>
      <c r="E574" s="16" t="s">
        <v>1361</v>
      </c>
      <c r="F574" s="1" t="s">
        <v>4116</v>
      </c>
      <c r="G574" s="1" t="s">
        <v>4117</v>
      </c>
      <c r="H574" s="1" t="s">
        <v>4113</v>
      </c>
      <c r="I574" s="1" t="s">
        <v>4118</v>
      </c>
      <c r="K574" s="1" t="s">
        <v>1366</v>
      </c>
      <c r="L574" s="1" t="s">
        <v>1335</v>
      </c>
    </row>
    <row r="575" spans="1:12" x14ac:dyDescent="0.25">
      <c r="A575" s="1" t="s">
        <v>4119</v>
      </c>
      <c r="B575" s="1" t="s">
        <v>4090</v>
      </c>
      <c r="C575" s="1" t="s">
        <v>1328</v>
      </c>
      <c r="D575" s="16" t="s">
        <v>1374</v>
      </c>
      <c r="E575" s="16" t="s">
        <v>1374</v>
      </c>
      <c r="F575" s="1" t="s">
        <v>4120</v>
      </c>
      <c r="G575" s="1" t="s">
        <v>4121</v>
      </c>
      <c r="H575" s="1" t="s">
        <v>4122</v>
      </c>
      <c r="I575" s="1" t="s">
        <v>4123</v>
      </c>
      <c r="K575" s="1" t="s">
        <v>1334</v>
      </c>
      <c r="L575" s="1" t="s">
        <v>1335</v>
      </c>
    </row>
    <row r="576" spans="1:12" x14ac:dyDescent="0.25">
      <c r="A576" s="1" t="s">
        <v>951</v>
      </c>
      <c r="B576" s="1" t="s">
        <v>4090</v>
      </c>
      <c r="C576" s="1" t="s">
        <v>1328</v>
      </c>
      <c r="D576" s="1" t="s">
        <v>1380</v>
      </c>
      <c r="E576" s="1" t="s">
        <v>1380</v>
      </c>
      <c r="F576" s="1" t="s">
        <v>4124</v>
      </c>
      <c r="G576" s="1" t="s">
        <v>4125</v>
      </c>
      <c r="H576" s="1" t="s">
        <v>4126</v>
      </c>
      <c r="I576" s="1" t="s">
        <v>3601</v>
      </c>
      <c r="K576" s="1" t="s">
        <v>1334</v>
      </c>
      <c r="L576" s="1" t="s">
        <v>1335</v>
      </c>
    </row>
    <row r="577" spans="1:12" x14ac:dyDescent="0.25">
      <c r="A577" s="1" t="s">
        <v>4127</v>
      </c>
      <c r="B577" s="1" t="s">
        <v>4090</v>
      </c>
      <c r="C577" s="1" t="s">
        <v>1328</v>
      </c>
      <c r="D577" s="1" t="s">
        <v>1386</v>
      </c>
      <c r="E577" s="1" t="s">
        <v>1386</v>
      </c>
      <c r="F577" s="1" t="s">
        <v>4128</v>
      </c>
      <c r="G577" s="1" t="s">
        <v>4129</v>
      </c>
      <c r="H577" s="1" t="s">
        <v>4130</v>
      </c>
      <c r="I577" s="1" t="s">
        <v>4131</v>
      </c>
      <c r="K577" s="1" t="s">
        <v>1334</v>
      </c>
      <c r="L577" s="1" t="s">
        <v>1335</v>
      </c>
    </row>
    <row r="578" spans="1:12" x14ac:dyDescent="0.25">
      <c r="A578" s="1" t="s">
        <v>4132</v>
      </c>
      <c r="B578" s="1" t="s">
        <v>4090</v>
      </c>
      <c r="C578" s="1" t="s">
        <v>1328</v>
      </c>
      <c r="D578" s="1" t="s">
        <v>1392</v>
      </c>
      <c r="E578" s="1" t="s">
        <v>1392</v>
      </c>
      <c r="F578" s="1" t="s">
        <v>4133</v>
      </c>
      <c r="G578" s="1" t="s">
        <v>4134</v>
      </c>
      <c r="H578" s="1" t="s">
        <v>4135</v>
      </c>
      <c r="I578" s="1" t="s">
        <v>4136</v>
      </c>
      <c r="K578" s="1" t="s">
        <v>1366</v>
      </c>
      <c r="L578" s="1" t="s">
        <v>1335</v>
      </c>
    </row>
    <row r="579" spans="1:12" x14ac:dyDescent="0.25">
      <c r="A579" s="1" t="s">
        <v>4137</v>
      </c>
      <c r="B579" s="1" t="s">
        <v>4090</v>
      </c>
      <c r="C579" s="1" t="s">
        <v>1328</v>
      </c>
      <c r="D579" s="1" t="s">
        <v>1398</v>
      </c>
      <c r="E579" s="1" t="s">
        <v>1398</v>
      </c>
      <c r="F579" s="1" t="s">
        <v>4138</v>
      </c>
      <c r="G579" s="1" t="s">
        <v>4139</v>
      </c>
      <c r="H579" s="1" t="s">
        <v>4140</v>
      </c>
      <c r="I579" s="1" t="s">
        <v>4141</v>
      </c>
      <c r="K579" s="1" t="s">
        <v>1366</v>
      </c>
      <c r="L579" s="1" t="s">
        <v>1335</v>
      </c>
    </row>
    <row r="580" spans="1:12" x14ac:dyDescent="0.25">
      <c r="A580" s="1" t="s">
        <v>4142</v>
      </c>
      <c r="B580" s="1" t="s">
        <v>4090</v>
      </c>
      <c r="C580" s="1" t="s">
        <v>1328</v>
      </c>
      <c r="D580" s="1" t="s">
        <v>1404</v>
      </c>
      <c r="E580" s="1" t="s">
        <v>1404</v>
      </c>
      <c r="F580" s="1" t="s">
        <v>4143</v>
      </c>
      <c r="G580" s="1" t="s">
        <v>4144</v>
      </c>
      <c r="H580" s="1" t="s">
        <v>4145</v>
      </c>
      <c r="I580" s="1" t="s">
        <v>4146</v>
      </c>
      <c r="K580" s="1" t="s">
        <v>1334</v>
      </c>
      <c r="L580" s="1" t="s">
        <v>1335</v>
      </c>
    </row>
    <row r="581" spans="1:12" x14ac:dyDescent="0.25">
      <c r="A581" s="1" t="s">
        <v>4147</v>
      </c>
      <c r="B581" s="1" t="s">
        <v>4090</v>
      </c>
      <c r="C581" s="1" t="s">
        <v>1328</v>
      </c>
      <c r="D581" s="1" t="s">
        <v>1410</v>
      </c>
      <c r="E581" s="1" t="s">
        <v>1410</v>
      </c>
      <c r="F581" s="1" t="s">
        <v>4148</v>
      </c>
      <c r="G581" s="1" t="s">
        <v>4149</v>
      </c>
      <c r="H581" s="1" t="s">
        <v>4150</v>
      </c>
      <c r="I581" s="1" t="s">
        <v>4151</v>
      </c>
      <c r="K581" s="1" t="s">
        <v>1334</v>
      </c>
      <c r="L581" s="1" t="s">
        <v>1335</v>
      </c>
    </row>
    <row r="582" spans="1:12" x14ac:dyDescent="0.25">
      <c r="A582" s="1" t="s">
        <v>4152</v>
      </c>
      <c r="B582" s="1" t="s">
        <v>4090</v>
      </c>
      <c r="C582" s="1" t="s">
        <v>1328</v>
      </c>
      <c r="D582" s="1" t="s">
        <v>1416</v>
      </c>
      <c r="E582" s="1" t="s">
        <v>1416</v>
      </c>
      <c r="F582" s="1" t="s">
        <v>4153</v>
      </c>
      <c r="G582" s="1" t="s">
        <v>4154</v>
      </c>
      <c r="H582" s="1" t="s">
        <v>4155</v>
      </c>
      <c r="I582" s="1" t="s">
        <v>4156</v>
      </c>
      <c r="K582" s="1" t="s">
        <v>1334</v>
      </c>
      <c r="L582" s="1" t="s">
        <v>1335</v>
      </c>
    </row>
    <row r="583" spans="1:12" x14ac:dyDescent="0.25">
      <c r="A583" s="1" t="s">
        <v>4157</v>
      </c>
      <c r="B583" s="1" t="s">
        <v>4090</v>
      </c>
      <c r="C583" s="1" t="s">
        <v>1328</v>
      </c>
      <c r="D583" s="1" t="s">
        <v>1422</v>
      </c>
      <c r="E583" s="1" t="s">
        <v>1422</v>
      </c>
      <c r="F583" s="1" t="s">
        <v>4158</v>
      </c>
      <c r="G583" s="1" t="s">
        <v>4159</v>
      </c>
      <c r="H583" s="1" t="s">
        <v>4160</v>
      </c>
      <c r="I583" s="1" t="s">
        <v>4161</v>
      </c>
      <c r="K583" s="1" t="s">
        <v>1366</v>
      </c>
      <c r="L583" s="1" t="s">
        <v>1335</v>
      </c>
    </row>
    <row r="584" spans="1:12" x14ac:dyDescent="0.25">
      <c r="A584" s="1" t="s">
        <v>4162</v>
      </c>
      <c r="B584" s="1" t="s">
        <v>4090</v>
      </c>
      <c r="C584" s="1" t="s">
        <v>1328</v>
      </c>
      <c r="D584" s="1" t="s">
        <v>1428</v>
      </c>
      <c r="E584" s="1" t="s">
        <v>1428</v>
      </c>
      <c r="F584" s="1" t="s">
        <v>4163</v>
      </c>
      <c r="G584" s="1" t="s">
        <v>4164</v>
      </c>
      <c r="H584" s="1" t="s">
        <v>4165</v>
      </c>
      <c r="I584" s="1" t="s">
        <v>4166</v>
      </c>
      <c r="K584" s="1" t="s">
        <v>1366</v>
      </c>
      <c r="L584" s="1" t="s">
        <v>1335</v>
      </c>
    </row>
    <row r="585" spans="1:12" x14ac:dyDescent="0.25">
      <c r="A585" s="1" t="s">
        <v>4167</v>
      </c>
      <c r="B585" s="1" t="s">
        <v>4090</v>
      </c>
      <c r="C585" s="1" t="s">
        <v>1328</v>
      </c>
      <c r="D585" s="1" t="s">
        <v>1434</v>
      </c>
      <c r="E585" s="1" t="s">
        <v>1434</v>
      </c>
      <c r="F585" s="1" t="s">
        <v>4168</v>
      </c>
      <c r="G585" s="1" t="s">
        <v>4169</v>
      </c>
      <c r="H585" s="1" t="s">
        <v>4170</v>
      </c>
      <c r="I585" s="1" t="s">
        <v>4171</v>
      </c>
      <c r="K585" s="1" t="s">
        <v>1366</v>
      </c>
      <c r="L585" s="1" t="s">
        <v>1335</v>
      </c>
    </row>
    <row r="586" spans="1:12" x14ac:dyDescent="0.25">
      <c r="A586" s="1" t="s">
        <v>4172</v>
      </c>
      <c r="B586" s="1" t="s">
        <v>4090</v>
      </c>
      <c r="C586" s="1" t="s">
        <v>1328</v>
      </c>
      <c r="D586" s="1" t="s">
        <v>1440</v>
      </c>
      <c r="E586" s="1" t="s">
        <v>1440</v>
      </c>
      <c r="F586" s="1" t="s">
        <v>4173</v>
      </c>
      <c r="G586" s="1" t="s">
        <v>4174</v>
      </c>
      <c r="H586" s="1" t="s">
        <v>4175</v>
      </c>
      <c r="I586" s="1" t="s">
        <v>4176</v>
      </c>
      <c r="K586" s="1" t="s">
        <v>1366</v>
      </c>
      <c r="L586" s="1" t="s">
        <v>1335</v>
      </c>
    </row>
    <row r="587" spans="1:12" x14ac:dyDescent="0.25">
      <c r="A587" s="1" t="s">
        <v>4177</v>
      </c>
      <c r="B587" s="1" t="s">
        <v>4090</v>
      </c>
      <c r="C587" s="1" t="s">
        <v>1328</v>
      </c>
      <c r="D587" s="1" t="s">
        <v>1446</v>
      </c>
      <c r="E587" s="1" t="s">
        <v>1446</v>
      </c>
      <c r="F587" s="1" t="s">
        <v>4178</v>
      </c>
      <c r="G587" s="1" t="s">
        <v>4179</v>
      </c>
      <c r="H587" s="1" t="s">
        <v>4180</v>
      </c>
      <c r="I587" s="1" t="s">
        <v>4181</v>
      </c>
      <c r="K587" s="1" t="s">
        <v>1334</v>
      </c>
      <c r="L587" s="1" t="s">
        <v>1335</v>
      </c>
    </row>
    <row r="588" spans="1:12" x14ac:dyDescent="0.25">
      <c r="A588" s="1" t="s">
        <v>4182</v>
      </c>
      <c r="B588" s="1" t="s">
        <v>4090</v>
      </c>
      <c r="C588" s="1" t="s">
        <v>1328</v>
      </c>
      <c r="D588" s="1" t="s">
        <v>1452</v>
      </c>
      <c r="E588" s="1" t="s">
        <v>1452</v>
      </c>
      <c r="F588" s="1" t="s">
        <v>4183</v>
      </c>
      <c r="G588" s="1" t="s">
        <v>4184</v>
      </c>
      <c r="H588" s="1" t="s">
        <v>4185</v>
      </c>
      <c r="I588" s="1" t="s">
        <v>4186</v>
      </c>
      <c r="K588" s="1" t="s">
        <v>1366</v>
      </c>
      <c r="L588" s="1" t="s">
        <v>1335</v>
      </c>
    </row>
    <row r="589" spans="1:12" x14ac:dyDescent="0.25">
      <c r="A589" s="1" t="s">
        <v>4187</v>
      </c>
      <c r="B589" s="1" t="s">
        <v>4090</v>
      </c>
      <c r="C589" s="1" t="s">
        <v>1328</v>
      </c>
      <c r="D589" s="1" t="s">
        <v>1458</v>
      </c>
      <c r="E589" s="1" t="s">
        <v>1458</v>
      </c>
      <c r="F589" s="1" t="s">
        <v>4188</v>
      </c>
      <c r="G589" s="1" t="s">
        <v>4189</v>
      </c>
      <c r="H589" s="1" t="s">
        <v>4190</v>
      </c>
      <c r="I589" s="1" t="s">
        <v>4191</v>
      </c>
      <c r="K589" s="1" t="s">
        <v>1334</v>
      </c>
      <c r="L589" s="1" t="s">
        <v>1335</v>
      </c>
    </row>
    <row r="590" spans="1:12" x14ac:dyDescent="0.25">
      <c r="A590" s="1" t="s">
        <v>4192</v>
      </c>
      <c r="B590" s="1" t="s">
        <v>4090</v>
      </c>
      <c r="C590" s="1" t="s">
        <v>1328</v>
      </c>
      <c r="D590" s="1" t="s">
        <v>1464</v>
      </c>
      <c r="E590" s="1" t="s">
        <v>1464</v>
      </c>
      <c r="F590" s="1" t="s">
        <v>4193</v>
      </c>
      <c r="G590" s="1" t="s">
        <v>4194</v>
      </c>
      <c r="H590" s="1" t="s">
        <v>4195</v>
      </c>
      <c r="I590" s="1" t="s">
        <v>4196</v>
      </c>
      <c r="K590" s="1" t="s">
        <v>1366</v>
      </c>
      <c r="L590" s="1" t="s">
        <v>1335</v>
      </c>
    </row>
    <row r="591" spans="1:12" x14ac:dyDescent="0.25">
      <c r="A591" s="1" t="s">
        <v>4197</v>
      </c>
      <c r="B591" s="1" t="s">
        <v>4090</v>
      </c>
      <c r="C591" s="1" t="s">
        <v>1328</v>
      </c>
      <c r="D591" s="1" t="s">
        <v>1470</v>
      </c>
      <c r="E591" s="1" t="s">
        <v>1470</v>
      </c>
      <c r="F591" s="1" t="s">
        <v>4198</v>
      </c>
      <c r="G591" s="1" t="s">
        <v>4199</v>
      </c>
      <c r="H591" s="1" t="s">
        <v>4200</v>
      </c>
      <c r="I591" s="1" t="s">
        <v>4201</v>
      </c>
      <c r="K591" s="1" t="s">
        <v>1366</v>
      </c>
      <c r="L591" s="1" t="s">
        <v>1335</v>
      </c>
    </row>
    <row r="592" spans="1:12" x14ac:dyDescent="0.25">
      <c r="A592" s="1" t="s">
        <v>4202</v>
      </c>
      <c r="B592" s="1" t="s">
        <v>4090</v>
      </c>
      <c r="C592" s="1" t="s">
        <v>1328</v>
      </c>
      <c r="D592" s="1" t="s">
        <v>1476</v>
      </c>
      <c r="E592" s="1" t="s">
        <v>1476</v>
      </c>
      <c r="F592" s="1" t="s">
        <v>4203</v>
      </c>
      <c r="G592" s="1" t="s">
        <v>4204</v>
      </c>
      <c r="H592" s="1" t="s">
        <v>4205</v>
      </c>
      <c r="I592" s="1" t="s">
        <v>4206</v>
      </c>
      <c r="K592" s="1" t="s">
        <v>1366</v>
      </c>
      <c r="L592" s="1" t="s">
        <v>1335</v>
      </c>
    </row>
    <row r="593" spans="1:12" x14ac:dyDescent="0.25">
      <c r="A593" s="1" t="s">
        <v>4207</v>
      </c>
      <c r="B593" s="1" t="s">
        <v>4090</v>
      </c>
      <c r="C593" s="1" t="s">
        <v>1328</v>
      </c>
      <c r="D593" s="1" t="s">
        <v>1482</v>
      </c>
      <c r="E593" s="1" t="s">
        <v>1482</v>
      </c>
      <c r="F593" s="1" t="s">
        <v>4208</v>
      </c>
      <c r="G593" s="1" t="s">
        <v>4209</v>
      </c>
      <c r="H593" s="1" t="s">
        <v>4210</v>
      </c>
      <c r="I593" s="1" t="s">
        <v>4211</v>
      </c>
      <c r="K593" s="1" t="s">
        <v>1366</v>
      </c>
      <c r="L593" s="1" t="s">
        <v>1335</v>
      </c>
    </row>
    <row r="594" spans="1:12" x14ac:dyDescent="0.25">
      <c r="A594" s="1" t="s">
        <v>4212</v>
      </c>
      <c r="B594" s="1" t="s">
        <v>4090</v>
      </c>
      <c r="C594" s="1" t="s">
        <v>1328</v>
      </c>
      <c r="D594" s="1" t="s">
        <v>1488</v>
      </c>
      <c r="E594" s="1" t="s">
        <v>1488</v>
      </c>
      <c r="F594" s="1" t="s">
        <v>4213</v>
      </c>
      <c r="G594" s="1" t="s">
        <v>4214</v>
      </c>
      <c r="H594" s="1" t="s">
        <v>4215</v>
      </c>
      <c r="I594" s="1" t="s">
        <v>4216</v>
      </c>
      <c r="K594" s="1" t="s">
        <v>1334</v>
      </c>
      <c r="L594" s="1" t="s">
        <v>1335</v>
      </c>
    </row>
    <row r="595" spans="1:12" x14ac:dyDescent="0.25">
      <c r="A595" s="1" t="s">
        <v>4217</v>
      </c>
      <c r="B595" s="1" t="s">
        <v>4090</v>
      </c>
      <c r="C595" s="1" t="s">
        <v>1328</v>
      </c>
      <c r="D595" s="1" t="s">
        <v>1494</v>
      </c>
      <c r="E595" s="1" t="s">
        <v>1494</v>
      </c>
      <c r="F595" s="1" t="s">
        <v>4218</v>
      </c>
      <c r="G595" s="1" t="s">
        <v>4219</v>
      </c>
      <c r="H595" s="1" t="s">
        <v>4220</v>
      </c>
      <c r="I595" s="1" t="s">
        <v>4221</v>
      </c>
      <c r="K595" s="1" t="s">
        <v>1366</v>
      </c>
      <c r="L595" s="1" t="s">
        <v>1335</v>
      </c>
    </row>
    <row r="596" spans="1:12" x14ac:dyDescent="0.25">
      <c r="A596" s="1" t="s">
        <v>4222</v>
      </c>
      <c r="B596" s="1" t="s">
        <v>4090</v>
      </c>
      <c r="C596" s="1" t="s">
        <v>1328</v>
      </c>
      <c r="D596" s="1" t="s">
        <v>1500</v>
      </c>
      <c r="E596" s="1" t="s">
        <v>1500</v>
      </c>
      <c r="F596" s="1" t="s">
        <v>4223</v>
      </c>
      <c r="G596" s="1" t="s">
        <v>4224</v>
      </c>
      <c r="H596" s="1" t="s">
        <v>4225</v>
      </c>
      <c r="I596" s="1" t="s">
        <v>4226</v>
      </c>
      <c r="K596" s="1" t="s">
        <v>1334</v>
      </c>
      <c r="L596" s="1" t="s">
        <v>1335</v>
      </c>
    </row>
    <row r="597" spans="1:12" x14ac:dyDescent="0.25">
      <c r="A597" s="1" t="s">
        <v>4227</v>
      </c>
      <c r="B597" s="1" t="s">
        <v>4090</v>
      </c>
      <c r="C597" s="1" t="s">
        <v>1328</v>
      </c>
      <c r="D597" s="1" t="s">
        <v>1506</v>
      </c>
      <c r="E597" s="1" t="s">
        <v>1506</v>
      </c>
      <c r="F597" s="1" t="s">
        <v>4228</v>
      </c>
      <c r="G597" s="1" t="s">
        <v>4229</v>
      </c>
      <c r="H597" s="1" t="s">
        <v>4230</v>
      </c>
      <c r="I597" s="1" t="s">
        <v>4231</v>
      </c>
      <c r="K597" s="1" t="s">
        <v>1366</v>
      </c>
      <c r="L597" s="1" t="s">
        <v>1335</v>
      </c>
    </row>
    <row r="598" spans="1:12" x14ac:dyDescent="0.25">
      <c r="A598" s="1" t="s">
        <v>4232</v>
      </c>
      <c r="B598" s="1" t="s">
        <v>4090</v>
      </c>
      <c r="C598" s="1" t="s">
        <v>1529</v>
      </c>
      <c r="D598" s="1" t="s">
        <v>1329</v>
      </c>
      <c r="E598" s="1" t="s">
        <v>1329</v>
      </c>
      <c r="F598" s="1" t="s">
        <v>4233</v>
      </c>
      <c r="G598" s="1" t="s">
        <v>4234</v>
      </c>
      <c r="H598" s="1" t="s">
        <v>4235</v>
      </c>
      <c r="I598" s="1" t="s">
        <v>4236</v>
      </c>
      <c r="K598" s="1" t="s">
        <v>1334</v>
      </c>
      <c r="L598" s="1" t="s">
        <v>1335</v>
      </c>
    </row>
    <row r="599" spans="1:12" x14ac:dyDescent="0.25">
      <c r="A599" s="1" t="s">
        <v>4237</v>
      </c>
      <c r="B599" s="1" t="s">
        <v>4090</v>
      </c>
      <c r="C599" s="1" t="s">
        <v>1529</v>
      </c>
      <c r="D599" s="1" t="s">
        <v>1337</v>
      </c>
      <c r="E599" s="1" t="s">
        <v>1337</v>
      </c>
      <c r="F599" s="1" t="s">
        <v>4238</v>
      </c>
      <c r="G599" s="1" t="s">
        <v>4239</v>
      </c>
      <c r="H599" s="1" t="s">
        <v>4240</v>
      </c>
      <c r="I599" s="1" t="s">
        <v>4241</v>
      </c>
      <c r="K599" s="1" t="s">
        <v>1366</v>
      </c>
      <c r="L599" s="1" t="s">
        <v>1335</v>
      </c>
    </row>
    <row r="600" spans="1:12" x14ac:dyDescent="0.25">
      <c r="A600" s="1" t="s">
        <v>4242</v>
      </c>
      <c r="B600" s="1" t="s">
        <v>4090</v>
      </c>
      <c r="C600" s="1" t="s">
        <v>1529</v>
      </c>
      <c r="D600" s="1" t="s">
        <v>1343</v>
      </c>
      <c r="E600" s="1" t="s">
        <v>1343</v>
      </c>
      <c r="F600" s="1" t="s">
        <v>4243</v>
      </c>
      <c r="G600" s="1" t="s">
        <v>4244</v>
      </c>
      <c r="H600" s="1" t="s">
        <v>4245</v>
      </c>
      <c r="I600" s="1" t="s">
        <v>4246</v>
      </c>
      <c r="K600" s="1" t="s">
        <v>1366</v>
      </c>
      <c r="L600" s="1" t="s">
        <v>1335</v>
      </c>
    </row>
    <row r="601" spans="1:12" x14ac:dyDescent="0.25">
      <c r="A601" s="1" t="s">
        <v>4247</v>
      </c>
      <c r="B601" s="1" t="s">
        <v>4090</v>
      </c>
      <c r="C601" s="1" t="s">
        <v>1529</v>
      </c>
      <c r="D601" s="1" t="s">
        <v>1349</v>
      </c>
      <c r="E601" s="1" t="s">
        <v>1349</v>
      </c>
      <c r="F601" s="1" t="s">
        <v>4248</v>
      </c>
      <c r="G601" s="1" t="s">
        <v>4249</v>
      </c>
      <c r="H601" s="1" t="s">
        <v>4250</v>
      </c>
      <c r="I601" s="1" t="s">
        <v>4251</v>
      </c>
      <c r="K601" s="1" t="s">
        <v>1334</v>
      </c>
      <c r="L601" s="1" t="s">
        <v>1335</v>
      </c>
    </row>
    <row r="602" spans="1:12" x14ac:dyDescent="0.25">
      <c r="A602" s="1" t="s">
        <v>4252</v>
      </c>
      <c r="B602" s="1" t="s">
        <v>4090</v>
      </c>
      <c r="C602" s="1" t="s">
        <v>1529</v>
      </c>
      <c r="D602" s="1" t="s">
        <v>1355</v>
      </c>
      <c r="E602" s="1" t="s">
        <v>1355</v>
      </c>
      <c r="F602" s="1" t="s">
        <v>4253</v>
      </c>
      <c r="G602" s="1" t="s">
        <v>4254</v>
      </c>
      <c r="H602" s="1" t="s">
        <v>4185</v>
      </c>
      <c r="I602" s="1" t="s">
        <v>4255</v>
      </c>
      <c r="K602" s="1" t="s">
        <v>1366</v>
      </c>
      <c r="L602" s="1" t="s">
        <v>1335</v>
      </c>
    </row>
    <row r="603" spans="1:12" x14ac:dyDescent="0.25">
      <c r="A603" s="1" t="s">
        <v>4256</v>
      </c>
      <c r="B603" s="1" t="s">
        <v>4090</v>
      </c>
      <c r="C603" s="1" t="s">
        <v>1529</v>
      </c>
      <c r="D603" s="1" t="s">
        <v>1361</v>
      </c>
      <c r="E603" s="1" t="s">
        <v>1361</v>
      </c>
      <c r="F603" s="1" t="s">
        <v>4257</v>
      </c>
      <c r="G603" s="1" t="s">
        <v>4258</v>
      </c>
      <c r="H603" s="1" t="s">
        <v>4205</v>
      </c>
      <c r="I603" s="1" t="s">
        <v>4259</v>
      </c>
      <c r="K603" s="1" t="s">
        <v>1366</v>
      </c>
      <c r="L603" s="1" t="s">
        <v>1335</v>
      </c>
    </row>
    <row r="604" spans="1:12" x14ac:dyDescent="0.25">
      <c r="A604" s="1" t="s">
        <v>4260</v>
      </c>
      <c r="B604" s="1" t="s">
        <v>4090</v>
      </c>
      <c r="C604" s="1" t="s">
        <v>1529</v>
      </c>
      <c r="D604" s="1" t="s">
        <v>1368</v>
      </c>
      <c r="E604" s="1" t="s">
        <v>1368</v>
      </c>
      <c r="F604" s="1" t="s">
        <v>4261</v>
      </c>
      <c r="G604" s="1" t="s">
        <v>4262</v>
      </c>
      <c r="H604" s="1" t="s">
        <v>4263</v>
      </c>
      <c r="I604" s="1" t="s">
        <v>4264</v>
      </c>
      <c r="K604" s="1" t="s">
        <v>1334</v>
      </c>
      <c r="L604" s="1" t="s">
        <v>1335</v>
      </c>
    </row>
    <row r="605" spans="1:12" x14ac:dyDescent="0.25">
      <c r="A605" s="1" t="s">
        <v>4265</v>
      </c>
      <c r="B605" s="1" t="s">
        <v>4090</v>
      </c>
      <c r="C605" s="1" t="s">
        <v>1529</v>
      </c>
      <c r="D605" s="1" t="s">
        <v>1374</v>
      </c>
      <c r="E605" s="1" t="s">
        <v>1374</v>
      </c>
      <c r="F605" s="1" t="s">
        <v>4266</v>
      </c>
      <c r="G605" s="1" t="s">
        <v>4267</v>
      </c>
      <c r="H605" s="1" t="s">
        <v>4268</v>
      </c>
      <c r="I605" s="1" t="s">
        <v>4269</v>
      </c>
      <c r="K605" s="1" t="s">
        <v>1366</v>
      </c>
      <c r="L605" s="1" t="s">
        <v>1335</v>
      </c>
    </row>
    <row r="606" spans="1:12" x14ac:dyDescent="0.25">
      <c r="A606" s="1" t="s">
        <v>4270</v>
      </c>
      <c r="B606" s="1" t="s">
        <v>4090</v>
      </c>
      <c r="C606" s="1" t="s">
        <v>1529</v>
      </c>
      <c r="D606" s="1" t="s">
        <v>1380</v>
      </c>
      <c r="E606" s="1" t="s">
        <v>1380</v>
      </c>
      <c r="F606" s="1" t="s">
        <v>4271</v>
      </c>
      <c r="G606" s="1" t="s">
        <v>4272</v>
      </c>
      <c r="H606" s="1" t="s">
        <v>4273</v>
      </c>
      <c r="I606" s="1" t="s">
        <v>4274</v>
      </c>
      <c r="K606" s="1" t="s">
        <v>1366</v>
      </c>
      <c r="L606" s="1" t="s">
        <v>1335</v>
      </c>
    </row>
    <row r="607" spans="1:12" x14ac:dyDescent="0.25">
      <c r="A607" s="1" t="s">
        <v>851</v>
      </c>
      <c r="B607" s="1" t="s">
        <v>4090</v>
      </c>
      <c r="C607" s="1" t="s">
        <v>1529</v>
      </c>
      <c r="D607" s="1" t="s">
        <v>1386</v>
      </c>
      <c r="E607" s="1" t="s">
        <v>1386</v>
      </c>
      <c r="F607" s="1" t="s">
        <v>4275</v>
      </c>
      <c r="G607" s="1" t="s">
        <v>4276</v>
      </c>
      <c r="H607" s="1" t="s">
        <v>4277</v>
      </c>
      <c r="I607" s="1" t="s">
        <v>4278</v>
      </c>
      <c r="K607" s="1" t="s">
        <v>1334</v>
      </c>
      <c r="L607" s="1" t="s">
        <v>1335</v>
      </c>
    </row>
    <row r="608" spans="1:12" x14ac:dyDescent="0.25">
      <c r="A608" s="1" t="s">
        <v>4279</v>
      </c>
      <c r="B608" s="1" t="s">
        <v>4090</v>
      </c>
      <c r="C608" s="1" t="s">
        <v>1529</v>
      </c>
      <c r="D608" s="1" t="s">
        <v>1392</v>
      </c>
      <c r="E608" s="1" t="s">
        <v>1392</v>
      </c>
      <c r="F608" s="1" t="s">
        <v>4280</v>
      </c>
      <c r="G608" s="1" t="s">
        <v>4281</v>
      </c>
      <c r="H608" s="1" t="s">
        <v>4282</v>
      </c>
      <c r="I608" s="1" t="s">
        <v>4283</v>
      </c>
      <c r="K608" s="1" t="s">
        <v>1366</v>
      </c>
      <c r="L608" s="1" t="s">
        <v>1335</v>
      </c>
    </row>
    <row r="609" spans="1:12" x14ac:dyDescent="0.25">
      <c r="A609" s="1" t="s">
        <v>4284</v>
      </c>
      <c r="B609" s="1" t="s">
        <v>4090</v>
      </c>
      <c r="C609" s="1" t="s">
        <v>1529</v>
      </c>
      <c r="D609" s="1" t="s">
        <v>1398</v>
      </c>
      <c r="E609" s="1" t="s">
        <v>1398</v>
      </c>
      <c r="F609" s="1" t="s">
        <v>4285</v>
      </c>
      <c r="G609" s="1" t="s">
        <v>4286</v>
      </c>
      <c r="H609" s="1" t="s">
        <v>4287</v>
      </c>
      <c r="I609" s="1" t="s">
        <v>4288</v>
      </c>
      <c r="K609" s="1" t="s">
        <v>1334</v>
      </c>
      <c r="L609" s="1" t="s">
        <v>1335</v>
      </c>
    </row>
    <row r="610" spans="1:12" x14ac:dyDescent="0.25">
      <c r="A610" s="1" t="s">
        <v>4289</v>
      </c>
      <c r="B610" s="1" t="s">
        <v>4090</v>
      </c>
      <c r="C610" s="1" t="s">
        <v>1529</v>
      </c>
      <c r="D610" s="1" t="s">
        <v>1404</v>
      </c>
      <c r="E610" s="1" t="s">
        <v>1404</v>
      </c>
      <c r="F610" s="1" t="s">
        <v>4290</v>
      </c>
      <c r="G610" s="1" t="s">
        <v>4291</v>
      </c>
      <c r="H610" s="1" t="s">
        <v>4292</v>
      </c>
      <c r="I610" s="1" t="s">
        <v>4293</v>
      </c>
      <c r="K610" s="1" t="s">
        <v>1366</v>
      </c>
      <c r="L610" s="1" t="s">
        <v>1335</v>
      </c>
    </row>
    <row r="611" spans="1:12" x14ac:dyDescent="0.25">
      <c r="A611" s="1" t="s">
        <v>4294</v>
      </c>
      <c r="B611" s="1" t="s">
        <v>4090</v>
      </c>
      <c r="C611" s="1" t="s">
        <v>1529</v>
      </c>
      <c r="D611" s="1" t="s">
        <v>1410</v>
      </c>
      <c r="E611" s="1" t="s">
        <v>1410</v>
      </c>
      <c r="F611" s="1" t="s">
        <v>4295</v>
      </c>
      <c r="G611" s="1" t="s">
        <v>4296</v>
      </c>
      <c r="H611" s="1" t="s">
        <v>4297</v>
      </c>
      <c r="I611" s="1" t="s">
        <v>4298</v>
      </c>
      <c r="K611" s="1" t="s">
        <v>1334</v>
      </c>
      <c r="L611" s="1" t="s">
        <v>1335</v>
      </c>
    </row>
    <row r="612" spans="1:12" x14ac:dyDescent="0.25">
      <c r="A612" s="1" t="s">
        <v>4299</v>
      </c>
      <c r="B612" s="1" t="s">
        <v>4090</v>
      </c>
      <c r="C612" s="1" t="s">
        <v>1529</v>
      </c>
      <c r="D612" s="1" t="s">
        <v>1416</v>
      </c>
      <c r="E612" s="1" t="s">
        <v>1416</v>
      </c>
      <c r="F612" s="1" t="s">
        <v>4300</v>
      </c>
      <c r="G612" s="1" t="s">
        <v>4301</v>
      </c>
      <c r="H612" s="1" t="s">
        <v>4302</v>
      </c>
      <c r="I612" s="1" t="s">
        <v>4303</v>
      </c>
      <c r="K612" s="1" t="s">
        <v>1366</v>
      </c>
      <c r="L612" s="1" t="s">
        <v>1335</v>
      </c>
    </row>
    <row r="613" spans="1:12" x14ac:dyDescent="0.25">
      <c r="A613" s="1" t="s">
        <v>4304</v>
      </c>
      <c r="B613" s="1" t="s">
        <v>4090</v>
      </c>
      <c r="C613" s="1" t="s">
        <v>1529</v>
      </c>
      <c r="D613" s="1" t="s">
        <v>1422</v>
      </c>
      <c r="E613" s="1" t="s">
        <v>1422</v>
      </c>
      <c r="F613" s="1" t="s">
        <v>4305</v>
      </c>
      <c r="G613" s="1" t="s">
        <v>4306</v>
      </c>
      <c r="H613" s="1" t="s">
        <v>4130</v>
      </c>
      <c r="I613" s="1" t="s">
        <v>4307</v>
      </c>
      <c r="K613" s="1" t="s">
        <v>1334</v>
      </c>
      <c r="L613" s="1" t="s">
        <v>1335</v>
      </c>
    </row>
    <row r="614" spans="1:12" x14ac:dyDescent="0.25">
      <c r="A614" s="1" t="s">
        <v>4308</v>
      </c>
      <c r="B614" s="1" t="s">
        <v>4090</v>
      </c>
      <c r="C614" s="1" t="s">
        <v>1529</v>
      </c>
      <c r="D614" s="1" t="s">
        <v>1428</v>
      </c>
      <c r="E614" s="1" t="s">
        <v>1428</v>
      </c>
      <c r="F614" s="1" t="s">
        <v>4309</v>
      </c>
      <c r="G614" s="1" t="s">
        <v>4310</v>
      </c>
      <c r="H614" s="1" t="s">
        <v>4311</v>
      </c>
      <c r="I614" s="1" t="s">
        <v>4312</v>
      </c>
      <c r="K614" s="1" t="s">
        <v>1334</v>
      </c>
      <c r="L614" s="1" t="s">
        <v>1335</v>
      </c>
    </row>
    <row r="615" spans="1:12" x14ac:dyDescent="0.25">
      <c r="A615" s="1" t="s">
        <v>4313</v>
      </c>
      <c r="B615" s="1" t="s">
        <v>4090</v>
      </c>
      <c r="C615" s="1" t="s">
        <v>1529</v>
      </c>
      <c r="D615" s="1" t="s">
        <v>1434</v>
      </c>
      <c r="E615" s="1" t="s">
        <v>1434</v>
      </c>
      <c r="F615" s="1" t="s">
        <v>4314</v>
      </c>
      <c r="G615" s="1" t="s">
        <v>4315</v>
      </c>
      <c r="H615" s="1" t="s">
        <v>4165</v>
      </c>
      <c r="I615" s="1" t="s">
        <v>4316</v>
      </c>
      <c r="K615" s="1" t="s">
        <v>1334</v>
      </c>
      <c r="L615" s="1" t="s">
        <v>1335</v>
      </c>
    </row>
    <row r="616" spans="1:12" x14ac:dyDescent="0.25">
      <c r="A616" s="1" t="s">
        <v>4317</v>
      </c>
      <c r="B616" s="1" t="s">
        <v>4090</v>
      </c>
      <c r="C616" s="1" t="s">
        <v>1529</v>
      </c>
      <c r="D616" s="1" t="s">
        <v>1440</v>
      </c>
      <c r="E616" s="1" t="s">
        <v>1440</v>
      </c>
      <c r="F616" s="1" t="s">
        <v>4318</v>
      </c>
      <c r="G616" s="1" t="s">
        <v>4319</v>
      </c>
      <c r="H616" s="1" t="s">
        <v>4320</v>
      </c>
      <c r="I616" s="1" t="s">
        <v>4321</v>
      </c>
      <c r="K616" s="1" t="s">
        <v>1334</v>
      </c>
      <c r="L616" s="1" t="s">
        <v>1335</v>
      </c>
    </row>
    <row r="617" spans="1:12" x14ac:dyDescent="0.25">
      <c r="A617" s="1" t="s">
        <v>4322</v>
      </c>
      <c r="B617" s="1" t="s">
        <v>4090</v>
      </c>
      <c r="C617" s="1" t="s">
        <v>1529</v>
      </c>
      <c r="D617" s="1" t="s">
        <v>1446</v>
      </c>
      <c r="E617" s="1" t="s">
        <v>1446</v>
      </c>
      <c r="F617" s="1" t="s">
        <v>4323</v>
      </c>
      <c r="G617" s="1" t="s">
        <v>4324</v>
      </c>
      <c r="H617" s="1" t="s">
        <v>4325</v>
      </c>
      <c r="I617" s="1" t="s">
        <v>4326</v>
      </c>
      <c r="K617" s="1" t="s">
        <v>1334</v>
      </c>
      <c r="L617" s="1" t="s">
        <v>1335</v>
      </c>
    </row>
    <row r="618" spans="1:12" x14ac:dyDescent="0.25">
      <c r="A618" s="1" t="s">
        <v>4327</v>
      </c>
      <c r="B618" s="1" t="s">
        <v>4090</v>
      </c>
      <c r="C618" s="1" t="s">
        <v>1529</v>
      </c>
      <c r="D618" s="1" t="s">
        <v>1452</v>
      </c>
      <c r="E618" s="1" t="s">
        <v>1452</v>
      </c>
      <c r="F618" s="1" t="s">
        <v>4328</v>
      </c>
      <c r="G618" s="1" t="s">
        <v>4329</v>
      </c>
      <c r="H618" s="1" t="s">
        <v>4330</v>
      </c>
      <c r="I618" s="1" t="s">
        <v>4331</v>
      </c>
      <c r="K618" s="1" t="s">
        <v>1366</v>
      </c>
      <c r="L618" s="1" t="s">
        <v>1335</v>
      </c>
    </row>
    <row r="619" spans="1:12" x14ac:dyDescent="0.25">
      <c r="A619" s="1" t="s">
        <v>4332</v>
      </c>
      <c r="B619" s="1" t="s">
        <v>4090</v>
      </c>
      <c r="C619" s="1" t="s">
        <v>1529</v>
      </c>
      <c r="D619" s="1" t="s">
        <v>1458</v>
      </c>
      <c r="E619" s="1" t="s">
        <v>1458</v>
      </c>
      <c r="F619" s="1" t="s">
        <v>4333</v>
      </c>
      <c r="G619" s="1" t="s">
        <v>4334</v>
      </c>
      <c r="H619" s="1" t="s">
        <v>4335</v>
      </c>
      <c r="I619" s="1" t="s">
        <v>4336</v>
      </c>
      <c r="K619" s="1" t="s">
        <v>1366</v>
      </c>
      <c r="L619" s="1" t="s">
        <v>1335</v>
      </c>
    </row>
    <row r="620" spans="1:12" x14ac:dyDescent="0.25">
      <c r="A620" s="1" t="s">
        <v>4337</v>
      </c>
      <c r="B620" s="1" t="s">
        <v>4090</v>
      </c>
      <c r="C620" s="1" t="s">
        <v>1529</v>
      </c>
      <c r="D620" s="1" t="s">
        <v>1464</v>
      </c>
      <c r="E620" s="1" t="s">
        <v>1464</v>
      </c>
      <c r="F620" s="1" t="s">
        <v>4338</v>
      </c>
      <c r="G620" s="1" t="s">
        <v>4339</v>
      </c>
      <c r="H620" s="1" t="s">
        <v>4340</v>
      </c>
      <c r="I620" s="1" t="s">
        <v>4341</v>
      </c>
      <c r="K620" s="1" t="s">
        <v>1366</v>
      </c>
      <c r="L620" s="1" t="s">
        <v>1335</v>
      </c>
    </row>
    <row r="621" spans="1:12" x14ac:dyDescent="0.25">
      <c r="A621" s="1" t="s">
        <v>792</v>
      </c>
      <c r="B621" s="1" t="s">
        <v>4090</v>
      </c>
      <c r="C621" s="1" t="s">
        <v>1529</v>
      </c>
      <c r="D621" s="1" t="s">
        <v>1470</v>
      </c>
      <c r="E621" s="1" t="s">
        <v>1470</v>
      </c>
      <c r="F621" s="1" t="s">
        <v>4342</v>
      </c>
      <c r="G621" s="1" t="s">
        <v>4343</v>
      </c>
      <c r="H621" s="1" t="s">
        <v>4344</v>
      </c>
      <c r="I621" s="1" t="s">
        <v>4345</v>
      </c>
      <c r="K621" s="1" t="s">
        <v>1366</v>
      </c>
      <c r="L621" s="1" t="s">
        <v>1335</v>
      </c>
    </row>
    <row r="622" spans="1:12" x14ac:dyDescent="0.25">
      <c r="A622" s="1" t="s">
        <v>4346</v>
      </c>
      <c r="B622" s="1" t="s">
        <v>4090</v>
      </c>
      <c r="C622" s="1" t="s">
        <v>1529</v>
      </c>
      <c r="D622" s="1" t="s">
        <v>1476</v>
      </c>
      <c r="E622" s="1" t="s">
        <v>1476</v>
      </c>
      <c r="F622" s="1" t="s">
        <v>4347</v>
      </c>
      <c r="G622" s="1" t="s">
        <v>4348</v>
      </c>
      <c r="H622" s="1" t="s">
        <v>4108</v>
      </c>
      <c r="I622" s="1" t="s">
        <v>4349</v>
      </c>
      <c r="K622" s="1" t="s">
        <v>1366</v>
      </c>
      <c r="L622" s="1" t="s">
        <v>1335</v>
      </c>
    </row>
    <row r="623" spans="1:12" x14ac:dyDescent="0.25">
      <c r="A623" s="1" t="s">
        <v>4350</v>
      </c>
      <c r="B623" s="1" t="s">
        <v>4090</v>
      </c>
      <c r="C623" s="1" t="s">
        <v>1529</v>
      </c>
      <c r="D623" s="1" t="s">
        <v>1482</v>
      </c>
      <c r="E623" s="1" t="s">
        <v>1482</v>
      </c>
      <c r="F623" s="1" t="s">
        <v>4351</v>
      </c>
      <c r="G623" s="1" t="s">
        <v>4352</v>
      </c>
      <c r="H623" s="1" t="s">
        <v>4113</v>
      </c>
      <c r="I623" s="1" t="s">
        <v>4353</v>
      </c>
      <c r="K623" s="1" t="s">
        <v>1366</v>
      </c>
      <c r="L623" s="1" t="s">
        <v>1335</v>
      </c>
    </row>
    <row r="624" spans="1:12" x14ac:dyDescent="0.25">
      <c r="A624" s="1" t="s">
        <v>4354</v>
      </c>
      <c r="B624" s="1" t="s">
        <v>4090</v>
      </c>
      <c r="C624" s="1" t="s">
        <v>1529</v>
      </c>
      <c r="D624" s="1" t="s">
        <v>1488</v>
      </c>
      <c r="E624" s="1" t="s">
        <v>1488</v>
      </c>
      <c r="F624" s="1" t="s">
        <v>4355</v>
      </c>
      <c r="G624" s="1" t="s">
        <v>4356</v>
      </c>
      <c r="H624" s="1" t="s">
        <v>4126</v>
      </c>
      <c r="I624" s="1" t="s">
        <v>4357</v>
      </c>
      <c r="K624" s="1" t="s">
        <v>1334</v>
      </c>
      <c r="L624" s="1" t="s">
        <v>1335</v>
      </c>
    </row>
    <row r="625" spans="1:12" x14ac:dyDescent="0.25">
      <c r="A625" s="1" t="s">
        <v>4358</v>
      </c>
      <c r="B625" s="1" t="s">
        <v>4090</v>
      </c>
      <c r="C625" s="1" t="s">
        <v>1529</v>
      </c>
      <c r="D625" s="1" t="s">
        <v>1494</v>
      </c>
      <c r="E625" s="1" t="s">
        <v>1494</v>
      </c>
      <c r="F625" s="1" t="s">
        <v>4359</v>
      </c>
      <c r="G625" s="1" t="s">
        <v>4360</v>
      </c>
      <c r="H625" s="1" t="s">
        <v>4361</v>
      </c>
      <c r="I625" s="1" t="s">
        <v>4362</v>
      </c>
      <c r="K625" s="1" t="s">
        <v>1366</v>
      </c>
      <c r="L625" s="1" t="s">
        <v>1335</v>
      </c>
    </row>
    <row r="626" spans="1:12" x14ac:dyDescent="0.25">
      <c r="A626" s="1" t="s">
        <v>4363</v>
      </c>
      <c r="B626" s="1" t="s">
        <v>4090</v>
      </c>
      <c r="C626" s="1" t="s">
        <v>1529</v>
      </c>
      <c r="D626" s="1" t="s">
        <v>1500</v>
      </c>
      <c r="E626" s="1" t="s">
        <v>1500</v>
      </c>
      <c r="F626" s="1" t="s">
        <v>4364</v>
      </c>
      <c r="G626" s="1" t="s">
        <v>4365</v>
      </c>
      <c r="H626" s="1" t="s">
        <v>4366</v>
      </c>
      <c r="I626" s="1" t="s">
        <v>4367</v>
      </c>
      <c r="K626" s="1" t="s">
        <v>1334</v>
      </c>
      <c r="L626" s="1" t="s">
        <v>1335</v>
      </c>
    </row>
    <row r="627" spans="1:12" x14ac:dyDescent="0.25">
      <c r="A627" s="1" t="s">
        <v>4368</v>
      </c>
      <c r="B627" s="1" t="s">
        <v>4090</v>
      </c>
      <c r="C627" s="1" t="s">
        <v>1529</v>
      </c>
      <c r="D627" s="1" t="s">
        <v>1506</v>
      </c>
      <c r="E627" s="1" t="s">
        <v>1506</v>
      </c>
      <c r="F627" s="1" t="s">
        <v>4369</v>
      </c>
      <c r="G627" s="1" t="s">
        <v>4370</v>
      </c>
      <c r="H627" s="1" t="s">
        <v>4371</v>
      </c>
      <c r="I627" s="1" t="s">
        <v>4372</v>
      </c>
      <c r="K627" s="1" t="s">
        <v>1366</v>
      </c>
      <c r="L627" s="1" t="s">
        <v>1335</v>
      </c>
    </row>
    <row r="628" spans="1:12" x14ac:dyDescent="0.25">
      <c r="A628" s="1" t="s">
        <v>4373</v>
      </c>
      <c r="B628" s="1" t="s">
        <v>4090</v>
      </c>
      <c r="C628" s="1" t="s">
        <v>1686</v>
      </c>
      <c r="D628" s="1" t="s">
        <v>1329</v>
      </c>
      <c r="E628" s="1" t="s">
        <v>1329</v>
      </c>
      <c r="F628" s="1" t="s">
        <v>4374</v>
      </c>
      <c r="G628" s="1" t="s">
        <v>4375</v>
      </c>
      <c r="H628" s="1" t="s">
        <v>4376</v>
      </c>
      <c r="I628" s="1" t="s">
        <v>4377</v>
      </c>
      <c r="K628" s="1" t="s">
        <v>1366</v>
      </c>
      <c r="L628" s="1" t="s">
        <v>1335</v>
      </c>
    </row>
    <row r="629" spans="1:12" x14ac:dyDescent="0.25">
      <c r="A629" s="1" t="s">
        <v>4378</v>
      </c>
      <c r="B629" s="1" t="s">
        <v>4090</v>
      </c>
      <c r="C629" s="1" t="s">
        <v>1686</v>
      </c>
      <c r="D629" s="1" t="s">
        <v>1337</v>
      </c>
      <c r="E629" s="1" t="s">
        <v>1337</v>
      </c>
      <c r="F629" s="1" t="s">
        <v>4379</v>
      </c>
      <c r="G629" s="1" t="s">
        <v>4380</v>
      </c>
      <c r="H629" s="1" t="s">
        <v>4381</v>
      </c>
      <c r="I629" s="1" t="s">
        <v>4382</v>
      </c>
      <c r="K629" s="1" t="s">
        <v>1366</v>
      </c>
      <c r="L629" s="1" t="s">
        <v>1335</v>
      </c>
    </row>
    <row r="630" spans="1:12" x14ac:dyDescent="0.25">
      <c r="A630" s="1" t="s">
        <v>4383</v>
      </c>
      <c r="B630" s="1" t="s">
        <v>4090</v>
      </c>
      <c r="C630" s="1" t="s">
        <v>1686</v>
      </c>
      <c r="D630" s="1" t="s">
        <v>1343</v>
      </c>
      <c r="E630" s="1" t="s">
        <v>1343</v>
      </c>
      <c r="F630" s="1" t="s">
        <v>4384</v>
      </c>
      <c r="G630" s="1" t="s">
        <v>4385</v>
      </c>
      <c r="H630" s="1" t="s">
        <v>4386</v>
      </c>
      <c r="I630" s="1" t="s">
        <v>4387</v>
      </c>
      <c r="K630" s="1" t="s">
        <v>1334</v>
      </c>
      <c r="L630" s="1" t="s">
        <v>1335</v>
      </c>
    </row>
    <row r="631" spans="1:12" x14ac:dyDescent="0.25">
      <c r="A631" s="1" t="s">
        <v>4388</v>
      </c>
      <c r="B631" s="1" t="s">
        <v>4090</v>
      </c>
      <c r="C631" s="1" t="s">
        <v>1686</v>
      </c>
      <c r="D631" s="1" t="s">
        <v>1349</v>
      </c>
      <c r="E631" s="1" t="s">
        <v>1349</v>
      </c>
      <c r="F631" s="1" t="s">
        <v>4389</v>
      </c>
      <c r="G631" s="1" t="s">
        <v>4390</v>
      </c>
      <c r="H631" s="1" t="s">
        <v>4220</v>
      </c>
      <c r="I631" s="1" t="s">
        <v>4391</v>
      </c>
      <c r="K631" s="1" t="s">
        <v>1334</v>
      </c>
      <c r="L631" s="1" t="s">
        <v>1335</v>
      </c>
    </row>
    <row r="632" spans="1:12" x14ac:dyDescent="0.25">
      <c r="A632" s="1" t="s">
        <v>4392</v>
      </c>
      <c r="B632" s="1" t="s">
        <v>4090</v>
      </c>
      <c r="C632" s="1" t="s">
        <v>1686</v>
      </c>
      <c r="D632" s="1" t="s">
        <v>1355</v>
      </c>
      <c r="E632" s="1" t="s">
        <v>1355</v>
      </c>
      <c r="F632" s="1" t="s">
        <v>4393</v>
      </c>
      <c r="G632" s="1" t="s">
        <v>4394</v>
      </c>
      <c r="H632" s="1" t="s">
        <v>4395</v>
      </c>
      <c r="I632" s="1" t="s">
        <v>4396</v>
      </c>
      <c r="K632" s="1" t="s">
        <v>1366</v>
      </c>
      <c r="L632" s="1" t="s">
        <v>1335</v>
      </c>
    </row>
    <row r="633" spans="1:12" x14ac:dyDescent="0.25">
      <c r="A633" s="1" t="s">
        <v>4397</v>
      </c>
      <c r="B633" s="1" t="s">
        <v>4090</v>
      </c>
      <c r="C633" s="1" t="s">
        <v>1686</v>
      </c>
      <c r="D633" s="1" t="s">
        <v>1361</v>
      </c>
      <c r="E633" s="1" t="s">
        <v>1361</v>
      </c>
      <c r="F633" s="1" t="s">
        <v>4398</v>
      </c>
      <c r="G633" s="1" t="s">
        <v>4399</v>
      </c>
      <c r="H633" s="1" t="s">
        <v>4400</v>
      </c>
      <c r="I633" s="1" t="s">
        <v>4401</v>
      </c>
      <c r="K633" s="1" t="s">
        <v>1334</v>
      </c>
      <c r="L633" s="1" t="s">
        <v>1335</v>
      </c>
    </row>
    <row r="634" spans="1:12" x14ac:dyDescent="0.25">
      <c r="A634" s="1" t="s">
        <v>4402</v>
      </c>
      <c r="B634" s="1" t="s">
        <v>4090</v>
      </c>
      <c r="C634" s="1" t="s">
        <v>1686</v>
      </c>
      <c r="D634" s="1" t="s">
        <v>1368</v>
      </c>
      <c r="E634" s="1" t="s">
        <v>1368</v>
      </c>
      <c r="F634" s="1" t="s">
        <v>4403</v>
      </c>
      <c r="G634" s="1" t="s">
        <v>4404</v>
      </c>
      <c r="H634" s="1" t="s">
        <v>4405</v>
      </c>
      <c r="I634" s="1" t="s">
        <v>4406</v>
      </c>
      <c r="K634" s="1" t="s">
        <v>1334</v>
      </c>
      <c r="L634" s="1" t="s">
        <v>1335</v>
      </c>
    </row>
    <row r="635" spans="1:12" x14ac:dyDescent="0.25">
      <c r="A635" s="1" t="s">
        <v>4407</v>
      </c>
      <c r="B635" s="1" t="s">
        <v>4090</v>
      </c>
      <c r="C635" s="1" t="s">
        <v>1686</v>
      </c>
      <c r="D635" s="1" t="s">
        <v>1374</v>
      </c>
      <c r="E635" s="1" t="s">
        <v>1374</v>
      </c>
      <c r="F635" s="1" t="s">
        <v>4408</v>
      </c>
      <c r="G635" s="1" t="s">
        <v>4409</v>
      </c>
      <c r="H635" s="1" t="s">
        <v>4410</v>
      </c>
      <c r="I635" s="1" t="s">
        <v>4411</v>
      </c>
      <c r="K635" s="1" t="s">
        <v>1334</v>
      </c>
      <c r="L635" s="1" t="s">
        <v>1335</v>
      </c>
    </row>
    <row r="636" spans="1:12" x14ac:dyDescent="0.25">
      <c r="A636" s="1" t="s">
        <v>4412</v>
      </c>
      <c r="B636" s="1" t="s">
        <v>4090</v>
      </c>
      <c r="C636" s="1" t="s">
        <v>1686</v>
      </c>
      <c r="D636" s="1" t="s">
        <v>1380</v>
      </c>
      <c r="E636" s="1" t="s">
        <v>1380</v>
      </c>
      <c r="F636" s="1" t="s">
        <v>4413</v>
      </c>
      <c r="G636" s="1" t="s">
        <v>4414</v>
      </c>
      <c r="H636" s="1" t="s">
        <v>4415</v>
      </c>
      <c r="I636" s="1" t="s">
        <v>4416</v>
      </c>
      <c r="K636" s="1" t="s">
        <v>1366</v>
      </c>
      <c r="L636" s="1" t="s">
        <v>1335</v>
      </c>
    </row>
    <row r="637" spans="1:12" x14ac:dyDescent="0.25">
      <c r="A637" s="1" t="s">
        <v>4417</v>
      </c>
      <c r="B637" s="1" t="s">
        <v>4090</v>
      </c>
      <c r="C637" s="1" t="s">
        <v>1686</v>
      </c>
      <c r="D637" s="1" t="s">
        <v>1386</v>
      </c>
      <c r="E637" s="1" t="s">
        <v>1386</v>
      </c>
      <c r="F637" s="1" t="s">
        <v>4418</v>
      </c>
      <c r="G637" s="1" t="s">
        <v>4419</v>
      </c>
      <c r="H637" s="1" t="s">
        <v>4420</v>
      </c>
      <c r="I637" s="1" t="s">
        <v>4421</v>
      </c>
      <c r="K637" s="1" t="s">
        <v>1366</v>
      </c>
      <c r="L637" s="1" t="s">
        <v>1335</v>
      </c>
    </row>
    <row r="638" spans="1:12" x14ac:dyDescent="0.25">
      <c r="A638" s="1" t="s">
        <v>4422</v>
      </c>
      <c r="B638" s="1" t="s">
        <v>4090</v>
      </c>
      <c r="C638" s="1" t="s">
        <v>1686</v>
      </c>
      <c r="D638" s="1" t="s">
        <v>1392</v>
      </c>
      <c r="E638" s="1" t="s">
        <v>1392</v>
      </c>
      <c r="F638" s="1" t="s">
        <v>4423</v>
      </c>
      <c r="G638" s="1" t="s">
        <v>4424</v>
      </c>
      <c r="H638" s="1" t="s">
        <v>4425</v>
      </c>
      <c r="I638" s="1" t="s">
        <v>4426</v>
      </c>
      <c r="K638" s="1" t="s">
        <v>1334</v>
      </c>
      <c r="L638" s="1" t="s">
        <v>1335</v>
      </c>
    </row>
    <row r="639" spans="1:12" x14ac:dyDescent="0.25">
      <c r="A639" s="1" t="s">
        <v>4427</v>
      </c>
      <c r="B639" s="1" t="s">
        <v>4090</v>
      </c>
      <c r="C639" s="1" t="s">
        <v>1686</v>
      </c>
      <c r="D639" s="1" t="s">
        <v>1398</v>
      </c>
      <c r="E639" s="1" t="s">
        <v>1398</v>
      </c>
      <c r="F639" s="1" t="s">
        <v>4428</v>
      </c>
      <c r="G639" s="1" t="s">
        <v>4429</v>
      </c>
      <c r="H639" s="1" t="s">
        <v>4430</v>
      </c>
      <c r="I639" s="1" t="s">
        <v>4431</v>
      </c>
      <c r="K639" s="1" t="s">
        <v>1366</v>
      </c>
      <c r="L639" s="1" t="s">
        <v>1335</v>
      </c>
    </row>
    <row r="640" spans="1:12" x14ac:dyDescent="0.25">
      <c r="A640" s="1" t="s">
        <v>4432</v>
      </c>
      <c r="B640" s="1" t="s">
        <v>4090</v>
      </c>
      <c r="C640" s="1" t="s">
        <v>1686</v>
      </c>
      <c r="D640" s="1" t="s">
        <v>1404</v>
      </c>
      <c r="E640" s="1" t="s">
        <v>1404</v>
      </c>
      <c r="F640" s="1" t="s">
        <v>4433</v>
      </c>
      <c r="G640" s="1" t="s">
        <v>4434</v>
      </c>
      <c r="H640" s="1" t="s">
        <v>4435</v>
      </c>
      <c r="I640" s="1" t="s">
        <v>4436</v>
      </c>
      <c r="K640" s="1" t="s">
        <v>1366</v>
      </c>
      <c r="L640" s="1" t="s">
        <v>1335</v>
      </c>
    </row>
    <row r="641" spans="1:12" x14ac:dyDescent="0.25">
      <c r="A641" s="1" t="s">
        <v>4437</v>
      </c>
      <c r="B641" s="1" t="s">
        <v>4090</v>
      </c>
      <c r="C641" s="1" t="s">
        <v>1686</v>
      </c>
      <c r="D641" s="1" t="s">
        <v>1410</v>
      </c>
      <c r="E641" s="1" t="s">
        <v>1410</v>
      </c>
      <c r="F641" s="1" t="s">
        <v>4438</v>
      </c>
      <c r="G641" s="1" t="s">
        <v>4439</v>
      </c>
      <c r="H641" s="1" t="s">
        <v>4440</v>
      </c>
      <c r="I641" s="1" t="s">
        <v>4441</v>
      </c>
      <c r="K641" s="1" t="s">
        <v>1334</v>
      </c>
      <c r="L641" s="1" t="s">
        <v>1335</v>
      </c>
    </row>
    <row r="642" spans="1:12" x14ac:dyDescent="0.25">
      <c r="A642" s="1" t="s">
        <v>4442</v>
      </c>
      <c r="B642" s="1" t="s">
        <v>4090</v>
      </c>
      <c r="C642" s="1" t="s">
        <v>1686</v>
      </c>
      <c r="D642" s="1" t="s">
        <v>1416</v>
      </c>
      <c r="E642" s="1" t="s">
        <v>1416</v>
      </c>
      <c r="F642" s="1" t="s">
        <v>4443</v>
      </c>
      <c r="G642" s="1" t="s">
        <v>4444</v>
      </c>
      <c r="H642" s="1" t="s">
        <v>4445</v>
      </c>
      <c r="I642" s="1" t="s">
        <v>4446</v>
      </c>
      <c r="K642" s="1" t="s">
        <v>1366</v>
      </c>
      <c r="L642" s="1" t="s">
        <v>1335</v>
      </c>
    </row>
    <row r="643" spans="1:12" x14ac:dyDescent="0.25">
      <c r="A643" s="1" t="s">
        <v>4447</v>
      </c>
      <c r="B643" s="1" t="s">
        <v>4090</v>
      </c>
      <c r="C643" s="1" t="s">
        <v>1686</v>
      </c>
      <c r="D643" s="1" t="s">
        <v>1422</v>
      </c>
      <c r="E643" s="1" t="s">
        <v>1422</v>
      </c>
      <c r="F643" s="1" t="s">
        <v>4448</v>
      </c>
      <c r="G643" s="1" t="s">
        <v>4449</v>
      </c>
      <c r="H643" s="1" t="s">
        <v>4450</v>
      </c>
      <c r="I643" s="1" t="s">
        <v>4451</v>
      </c>
      <c r="K643" s="1" t="s">
        <v>1334</v>
      </c>
      <c r="L643" s="1" t="s">
        <v>1335</v>
      </c>
    </row>
    <row r="644" spans="1:12" x14ac:dyDescent="0.25">
      <c r="A644" s="1" t="s">
        <v>4452</v>
      </c>
      <c r="B644" s="1" t="s">
        <v>4090</v>
      </c>
      <c r="C644" s="1" t="s">
        <v>1686</v>
      </c>
      <c r="D644" s="1" t="s">
        <v>1428</v>
      </c>
      <c r="E644" s="1" t="s">
        <v>1428</v>
      </c>
      <c r="F644" s="1" t="s">
        <v>4453</v>
      </c>
      <c r="G644" s="1" t="s">
        <v>4454</v>
      </c>
      <c r="H644" s="1" t="s">
        <v>4455</v>
      </c>
      <c r="I644" s="1" t="s">
        <v>4456</v>
      </c>
      <c r="K644" s="1" t="s">
        <v>1366</v>
      </c>
      <c r="L644" s="1" t="s">
        <v>1335</v>
      </c>
    </row>
    <row r="645" spans="1:12" x14ac:dyDescent="0.25">
      <c r="A645" s="1" t="s">
        <v>4457</v>
      </c>
      <c r="B645" s="1" t="s">
        <v>4090</v>
      </c>
      <c r="C645" s="1" t="s">
        <v>1686</v>
      </c>
      <c r="D645" s="1" t="s">
        <v>1434</v>
      </c>
      <c r="E645" s="1" t="s">
        <v>1434</v>
      </c>
      <c r="F645" s="1" t="s">
        <v>4458</v>
      </c>
      <c r="G645" s="1" t="s">
        <v>4459</v>
      </c>
      <c r="H645" s="1" t="s">
        <v>4395</v>
      </c>
      <c r="I645" s="1" t="s">
        <v>1753</v>
      </c>
      <c r="K645" s="1" t="s">
        <v>1366</v>
      </c>
      <c r="L645" s="1" t="s">
        <v>1335</v>
      </c>
    </row>
    <row r="646" spans="1:12" x14ac:dyDescent="0.25">
      <c r="A646" s="1" t="s">
        <v>4460</v>
      </c>
      <c r="B646" s="1" t="s">
        <v>4090</v>
      </c>
      <c r="C646" s="1" t="s">
        <v>1686</v>
      </c>
      <c r="D646" s="1" t="s">
        <v>1440</v>
      </c>
      <c r="E646" s="1" t="s">
        <v>1440</v>
      </c>
      <c r="F646" s="1" t="s">
        <v>4461</v>
      </c>
      <c r="G646" s="1" t="s">
        <v>4462</v>
      </c>
      <c r="H646" s="1" t="s">
        <v>4463</v>
      </c>
      <c r="I646" s="1" t="s">
        <v>4464</v>
      </c>
      <c r="K646" s="1" t="s">
        <v>1334</v>
      </c>
      <c r="L646" s="1" t="s">
        <v>1335</v>
      </c>
    </row>
    <row r="647" spans="1:12" x14ac:dyDescent="0.25">
      <c r="A647" s="1" t="s">
        <v>4465</v>
      </c>
      <c r="B647" s="1" t="s">
        <v>4090</v>
      </c>
      <c r="C647" s="1" t="s">
        <v>1686</v>
      </c>
      <c r="D647" s="1" t="s">
        <v>1446</v>
      </c>
      <c r="E647" s="1" t="s">
        <v>1446</v>
      </c>
      <c r="F647" s="1" t="s">
        <v>4466</v>
      </c>
      <c r="G647" s="1" t="s">
        <v>4467</v>
      </c>
      <c r="H647" s="1" t="s">
        <v>4468</v>
      </c>
      <c r="I647" s="1" t="s">
        <v>4469</v>
      </c>
      <c r="K647" s="1" t="s">
        <v>1366</v>
      </c>
      <c r="L647" s="1" t="s">
        <v>1335</v>
      </c>
    </row>
    <row r="648" spans="1:12" x14ac:dyDescent="0.25">
      <c r="A648" s="1" t="s">
        <v>4470</v>
      </c>
      <c r="B648" s="1" t="s">
        <v>4090</v>
      </c>
      <c r="C648" s="1" t="s">
        <v>1686</v>
      </c>
      <c r="D648" s="1" t="s">
        <v>1452</v>
      </c>
      <c r="E648" s="1" t="s">
        <v>1452</v>
      </c>
      <c r="F648" s="1" t="s">
        <v>4471</v>
      </c>
      <c r="G648" s="1" t="s">
        <v>4472</v>
      </c>
      <c r="H648" s="1" t="s">
        <v>4473</v>
      </c>
      <c r="I648" s="1" t="s">
        <v>4474</v>
      </c>
      <c r="K648" s="1" t="s">
        <v>1334</v>
      </c>
      <c r="L648" s="1" t="s">
        <v>1335</v>
      </c>
    </row>
    <row r="649" spans="1:12" x14ac:dyDescent="0.25">
      <c r="A649" s="1" t="s">
        <v>2071</v>
      </c>
      <c r="B649" s="1" t="s">
        <v>4090</v>
      </c>
      <c r="C649" s="1" t="s">
        <v>1686</v>
      </c>
      <c r="D649" s="1" t="s">
        <v>1458</v>
      </c>
      <c r="E649" s="1" t="s">
        <v>1458</v>
      </c>
      <c r="F649" s="1" t="s">
        <v>4475</v>
      </c>
      <c r="G649" s="1" t="s">
        <v>4476</v>
      </c>
      <c r="H649" s="1" t="s">
        <v>4477</v>
      </c>
      <c r="I649" s="1" t="s">
        <v>4478</v>
      </c>
      <c r="K649" s="1" t="s">
        <v>1334</v>
      </c>
      <c r="L649" s="1" t="s">
        <v>1335</v>
      </c>
    </row>
    <row r="650" spans="1:12" x14ac:dyDescent="0.25">
      <c r="A650" s="1" t="s">
        <v>4479</v>
      </c>
      <c r="B650" s="1" t="s">
        <v>4090</v>
      </c>
      <c r="C650" s="1" t="s">
        <v>1686</v>
      </c>
      <c r="D650" s="1" t="s">
        <v>1464</v>
      </c>
      <c r="E650" s="1" t="s">
        <v>1464</v>
      </c>
      <c r="F650" s="1" t="s">
        <v>4480</v>
      </c>
      <c r="G650" s="1" t="s">
        <v>4481</v>
      </c>
      <c r="H650" s="1" t="s">
        <v>4482</v>
      </c>
      <c r="I650" s="1" t="s">
        <v>4483</v>
      </c>
      <c r="K650" s="1" t="s">
        <v>1366</v>
      </c>
      <c r="L650" s="1" t="s">
        <v>1335</v>
      </c>
    </row>
    <row r="651" spans="1:12" x14ac:dyDescent="0.25">
      <c r="A651" s="1" t="s">
        <v>4484</v>
      </c>
      <c r="B651" s="1" t="s">
        <v>4090</v>
      </c>
      <c r="C651" s="1" t="s">
        <v>1686</v>
      </c>
      <c r="D651" s="1" t="s">
        <v>1470</v>
      </c>
      <c r="E651" s="1" t="s">
        <v>1470</v>
      </c>
      <c r="F651" s="1" t="s">
        <v>4485</v>
      </c>
      <c r="G651" s="1" t="s">
        <v>4486</v>
      </c>
      <c r="H651" s="1" t="s">
        <v>4487</v>
      </c>
      <c r="I651" s="1" t="s">
        <v>4488</v>
      </c>
      <c r="K651" s="1" t="s">
        <v>1366</v>
      </c>
      <c r="L651" s="1" t="s">
        <v>1335</v>
      </c>
    </row>
    <row r="652" spans="1:12" x14ac:dyDescent="0.25">
      <c r="A652" s="1" t="s">
        <v>4489</v>
      </c>
      <c r="B652" s="1" t="s">
        <v>4090</v>
      </c>
      <c r="C652" s="1" t="s">
        <v>1686</v>
      </c>
      <c r="D652" s="1" t="s">
        <v>1476</v>
      </c>
      <c r="E652" s="1" t="s">
        <v>1476</v>
      </c>
      <c r="F652" s="1" t="s">
        <v>4490</v>
      </c>
      <c r="G652" s="1" t="s">
        <v>4491</v>
      </c>
      <c r="H652" s="1" t="s">
        <v>4473</v>
      </c>
      <c r="I652" s="1" t="s">
        <v>4492</v>
      </c>
      <c r="K652" s="1" t="s">
        <v>1366</v>
      </c>
      <c r="L652" s="1" t="s">
        <v>1335</v>
      </c>
    </row>
    <row r="653" spans="1:12" x14ac:dyDescent="0.25">
      <c r="A653" s="1" t="s">
        <v>4493</v>
      </c>
      <c r="B653" s="1" t="s">
        <v>4090</v>
      </c>
      <c r="C653" s="1" t="s">
        <v>1686</v>
      </c>
      <c r="D653" s="1" t="s">
        <v>1482</v>
      </c>
      <c r="E653" s="1" t="s">
        <v>1482</v>
      </c>
      <c r="F653" s="1" t="s">
        <v>4494</v>
      </c>
      <c r="G653" s="1" t="s">
        <v>4495</v>
      </c>
      <c r="H653" s="1" t="s">
        <v>4496</v>
      </c>
      <c r="I653" s="1" t="s">
        <v>4497</v>
      </c>
      <c r="K653" s="1" t="s">
        <v>1334</v>
      </c>
      <c r="L653" s="1" t="s">
        <v>1335</v>
      </c>
    </row>
    <row r="654" spans="1:12" x14ac:dyDescent="0.25">
      <c r="A654" s="1" t="s">
        <v>4498</v>
      </c>
      <c r="B654" s="1" t="s">
        <v>4090</v>
      </c>
      <c r="C654" s="1" t="s">
        <v>1686</v>
      </c>
      <c r="D654" s="1" t="s">
        <v>1488</v>
      </c>
      <c r="E654" s="1" t="s">
        <v>1488</v>
      </c>
      <c r="F654" s="1" t="s">
        <v>4499</v>
      </c>
      <c r="G654" s="1" t="s">
        <v>4500</v>
      </c>
      <c r="H654" s="1" t="s">
        <v>4501</v>
      </c>
      <c r="I654" s="1" t="s">
        <v>4502</v>
      </c>
      <c r="K654" s="1" t="s">
        <v>1366</v>
      </c>
      <c r="L654" s="1" t="s">
        <v>1335</v>
      </c>
    </row>
    <row r="655" spans="1:12" x14ac:dyDescent="0.25">
      <c r="A655" s="1" t="s">
        <v>4503</v>
      </c>
      <c r="B655" s="1" t="s">
        <v>4090</v>
      </c>
      <c r="C655" s="1" t="s">
        <v>1686</v>
      </c>
      <c r="D655" s="1" t="s">
        <v>1494</v>
      </c>
      <c r="E655" s="1" t="s">
        <v>1494</v>
      </c>
      <c r="F655" s="1" t="s">
        <v>4504</v>
      </c>
      <c r="G655" s="1" t="s">
        <v>4505</v>
      </c>
      <c r="H655" s="1" t="s">
        <v>4506</v>
      </c>
      <c r="I655" s="1" t="s">
        <v>4507</v>
      </c>
      <c r="K655" s="1" t="s">
        <v>1366</v>
      </c>
      <c r="L655" s="1" t="s">
        <v>1335</v>
      </c>
    </row>
    <row r="656" spans="1:12" x14ac:dyDescent="0.25">
      <c r="A656" s="1" t="s">
        <v>4508</v>
      </c>
      <c r="B656" s="1" t="s">
        <v>4090</v>
      </c>
      <c r="C656" s="1" t="s">
        <v>1686</v>
      </c>
      <c r="D656" s="1" t="s">
        <v>1500</v>
      </c>
      <c r="E656" s="1" t="s">
        <v>1500</v>
      </c>
      <c r="F656" s="1" t="s">
        <v>4509</v>
      </c>
      <c r="G656" s="1" t="s">
        <v>4510</v>
      </c>
      <c r="H656" s="1" t="s">
        <v>4170</v>
      </c>
      <c r="I656" s="1" t="s">
        <v>4511</v>
      </c>
      <c r="K656" s="1" t="s">
        <v>1334</v>
      </c>
      <c r="L656" s="1" t="s">
        <v>1335</v>
      </c>
    </row>
    <row r="657" spans="1:12" x14ac:dyDescent="0.25">
      <c r="A657" s="1" t="s">
        <v>4512</v>
      </c>
      <c r="B657" s="1" t="s">
        <v>4090</v>
      </c>
      <c r="C657" s="1" t="s">
        <v>1686</v>
      </c>
      <c r="D657" s="1" t="s">
        <v>1506</v>
      </c>
      <c r="E657" s="1" t="s">
        <v>1506</v>
      </c>
      <c r="F657" s="1" t="s">
        <v>4513</v>
      </c>
      <c r="G657" s="1" t="s">
        <v>4514</v>
      </c>
      <c r="H657" s="1" t="s">
        <v>4515</v>
      </c>
      <c r="I657" s="1" t="s">
        <v>4516</v>
      </c>
      <c r="K657" s="1" t="s">
        <v>1366</v>
      </c>
      <c r="L657" s="1" t="s">
        <v>1335</v>
      </c>
    </row>
    <row r="658" spans="1:12" x14ac:dyDescent="0.25">
      <c r="A658" s="1" t="s">
        <v>4517</v>
      </c>
      <c r="B658" s="1" t="s">
        <v>4090</v>
      </c>
      <c r="C658" s="1" t="s">
        <v>1843</v>
      </c>
      <c r="D658" s="1" t="s">
        <v>1329</v>
      </c>
      <c r="E658" s="1" t="s">
        <v>1329</v>
      </c>
      <c r="F658" s="1" t="s">
        <v>4518</v>
      </c>
      <c r="G658" s="1" t="s">
        <v>4519</v>
      </c>
      <c r="H658" s="1" t="s">
        <v>4520</v>
      </c>
      <c r="I658" s="1" t="s">
        <v>4521</v>
      </c>
      <c r="K658" s="1" t="s">
        <v>1366</v>
      </c>
      <c r="L658" s="1" t="s">
        <v>1335</v>
      </c>
    </row>
    <row r="659" spans="1:12" x14ac:dyDescent="0.25">
      <c r="A659" s="1" t="s">
        <v>4522</v>
      </c>
      <c r="B659" s="1" t="s">
        <v>4090</v>
      </c>
      <c r="C659" s="1" t="s">
        <v>1843</v>
      </c>
      <c r="D659" s="1" t="s">
        <v>1337</v>
      </c>
      <c r="E659" s="1" t="s">
        <v>1337</v>
      </c>
      <c r="F659" s="1" t="s">
        <v>4523</v>
      </c>
      <c r="G659" s="1" t="s">
        <v>4524</v>
      </c>
      <c r="H659" s="1" t="s">
        <v>4525</v>
      </c>
      <c r="I659" s="1" t="s">
        <v>4526</v>
      </c>
      <c r="K659" s="1" t="s">
        <v>1334</v>
      </c>
      <c r="L659" s="1" t="s">
        <v>1335</v>
      </c>
    </row>
    <row r="660" spans="1:12" x14ac:dyDescent="0.25">
      <c r="A660" s="1" t="s">
        <v>4527</v>
      </c>
      <c r="B660" s="1" t="s">
        <v>4090</v>
      </c>
      <c r="C660" s="1" t="s">
        <v>1843</v>
      </c>
      <c r="D660" s="1" t="s">
        <v>1343</v>
      </c>
      <c r="E660" s="1" t="s">
        <v>1343</v>
      </c>
      <c r="F660" s="1" t="s">
        <v>4528</v>
      </c>
      <c r="G660" s="1" t="s">
        <v>4529</v>
      </c>
      <c r="H660" s="1" t="s">
        <v>4530</v>
      </c>
      <c r="I660" s="1" t="s">
        <v>4531</v>
      </c>
      <c r="K660" s="1" t="s">
        <v>1334</v>
      </c>
      <c r="L660" s="1" t="s">
        <v>1335</v>
      </c>
    </row>
    <row r="661" spans="1:12" x14ac:dyDescent="0.25">
      <c r="A661" s="1" t="s">
        <v>4532</v>
      </c>
      <c r="B661" s="1" t="s">
        <v>4090</v>
      </c>
      <c r="C661" s="1" t="s">
        <v>1843</v>
      </c>
      <c r="D661" s="1" t="s">
        <v>1349</v>
      </c>
      <c r="E661" s="1" t="s">
        <v>1349</v>
      </c>
      <c r="F661" s="1" t="s">
        <v>4533</v>
      </c>
      <c r="G661" s="1" t="s">
        <v>4534</v>
      </c>
      <c r="H661" s="1" t="s">
        <v>4535</v>
      </c>
      <c r="I661" s="1" t="s">
        <v>4536</v>
      </c>
      <c r="K661" s="1" t="s">
        <v>1366</v>
      </c>
      <c r="L661" s="1" t="s">
        <v>1335</v>
      </c>
    </row>
    <row r="662" spans="1:12" x14ac:dyDescent="0.25">
      <c r="A662" s="1" t="s">
        <v>4537</v>
      </c>
      <c r="B662" s="1" t="s">
        <v>4090</v>
      </c>
      <c r="C662" s="1" t="s">
        <v>1843</v>
      </c>
      <c r="D662" s="1" t="s">
        <v>1355</v>
      </c>
      <c r="E662" s="1" t="s">
        <v>1355</v>
      </c>
      <c r="F662" s="1" t="s">
        <v>4538</v>
      </c>
      <c r="G662" s="1" t="s">
        <v>4539</v>
      </c>
      <c r="H662" s="1" t="s">
        <v>4376</v>
      </c>
      <c r="I662" s="1" t="s">
        <v>4540</v>
      </c>
      <c r="K662" s="1" t="s">
        <v>1366</v>
      </c>
      <c r="L662" s="1" t="s">
        <v>1335</v>
      </c>
    </row>
    <row r="663" spans="1:12" x14ac:dyDescent="0.25">
      <c r="A663" s="1" t="s">
        <v>4541</v>
      </c>
      <c r="B663" s="1" t="s">
        <v>4090</v>
      </c>
      <c r="C663" s="1" t="s">
        <v>1843</v>
      </c>
      <c r="D663" s="1" t="s">
        <v>1361</v>
      </c>
      <c r="E663" s="1" t="s">
        <v>1361</v>
      </c>
      <c r="F663" s="1" t="s">
        <v>4542</v>
      </c>
      <c r="G663" s="1" t="s">
        <v>4543</v>
      </c>
      <c r="H663" s="1" t="s">
        <v>4544</v>
      </c>
      <c r="I663" s="1" t="s">
        <v>4545</v>
      </c>
      <c r="K663" s="1" t="s">
        <v>1334</v>
      </c>
      <c r="L663" s="1" t="s">
        <v>1335</v>
      </c>
    </row>
    <row r="664" spans="1:12" x14ac:dyDescent="0.25">
      <c r="A664" s="1" t="s">
        <v>4546</v>
      </c>
      <c r="B664" s="1" t="s">
        <v>4090</v>
      </c>
      <c r="C664" s="1" t="s">
        <v>1843</v>
      </c>
      <c r="D664" s="1" t="s">
        <v>1368</v>
      </c>
      <c r="E664" s="1" t="s">
        <v>1368</v>
      </c>
      <c r="F664" s="1" t="s">
        <v>4547</v>
      </c>
      <c r="G664" s="1" t="s">
        <v>4548</v>
      </c>
      <c r="H664" s="1" t="s">
        <v>4549</v>
      </c>
      <c r="I664" s="1" t="s">
        <v>4550</v>
      </c>
      <c r="K664" s="1" t="s">
        <v>1334</v>
      </c>
      <c r="L664" s="1" t="s">
        <v>1335</v>
      </c>
    </row>
    <row r="665" spans="1:12" x14ac:dyDescent="0.25">
      <c r="A665" s="1" t="s">
        <v>4551</v>
      </c>
      <c r="B665" s="1" t="s">
        <v>4090</v>
      </c>
      <c r="C665" s="1" t="s">
        <v>1843</v>
      </c>
      <c r="D665" s="1" t="s">
        <v>1374</v>
      </c>
      <c r="E665" s="1" t="s">
        <v>1374</v>
      </c>
      <c r="F665" s="1" t="s">
        <v>4552</v>
      </c>
      <c r="G665" s="1" t="s">
        <v>4553</v>
      </c>
      <c r="H665" s="1" t="s">
        <v>4440</v>
      </c>
      <c r="I665" s="1" t="s">
        <v>4554</v>
      </c>
      <c r="K665" s="1" t="s">
        <v>1366</v>
      </c>
      <c r="L665" s="1" t="s">
        <v>1335</v>
      </c>
    </row>
    <row r="666" spans="1:12" x14ac:dyDescent="0.25">
      <c r="A666" s="1" t="s">
        <v>4555</v>
      </c>
      <c r="B666" s="1" t="s">
        <v>4090</v>
      </c>
      <c r="C666" s="1" t="s">
        <v>1843</v>
      </c>
      <c r="D666" s="1" t="s">
        <v>1380</v>
      </c>
      <c r="E666" s="1" t="s">
        <v>1380</v>
      </c>
      <c r="F666" s="1" t="s">
        <v>4556</v>
      </c>
      <c r="G666" s="1" t="s">
        <v>4557</v>
      </c>
      <c r="H666" s="1" t="s">
        <v>4558</v>
      </c>
      <c r="I666" s="1" t="s">
        <v>4559</v>
      </c>
      <c r="K666" s="1" t="s">
        <v>1366</v>
      </c>
      <c r="L666" s="1" t="s">
        <v>1335</v>
      </c>
    </row>
    <row r="667" spans="1:12" x14ac:dyDescent="0.25">
      <c r="A667" s="1" t="s">
        <v>4560</v>
      </c>
      <c r="B667" s="1" t="s">
        <v>4090</v>
      </c>
      <c r="C667" s="1" t="s">
        <v>1843</v>
      </c>
      <c r="D667" s="1" t="s">
        <v>1386</v>
      </c>
      <c r="E667" s="1" t="s">
        <v>1386</v>
      </c>
      <c r="F667" s="1" t="s">
        <v>4561</v>
      </c>
      <c r="G667" s="1" t="s">
        <v>4562</v>
      </c>
      <c r="H667" s="1" t="s">
        <v>4563</v>
      </c>
      <c r="I667" s="1" t="s">
        <v>4564</v>
      </c>
      <c r="K667" s="1" t="s">
        <v>1366</v>
      </c>
      <c r="L667" s="1" t="s">
        <v>1335</v>
      </c>
    </row>
    <row r="668" spans="1:12" x14ac:dyDescent="0.25">
      <c r="A668" s="1" t="s">
        <v>4565</v>
      </c>
      <c r="B668" s="1" t="s">
        <v>4090</v>
      </c>
      <c r="C668" s="1" t="s">
        <v>1843</v>
      </c>
      <c r="D668" s="1" t="s">
        <v>1392</v>
      </c>
      <c r="E668" s="1" t="s">
        <v>1392</v>
      </c>
      <c r="F668" s="1" t="s">
        <v>4566</v>
      </c>
      <c r="G668" s="1" t="s">
        <v>4567</v>
      </c>
      <c r="H668" s="1" t="s">
        <v>4568</v>
      </c>
      <c r="I668" s="1" t="s">
        <v>4569</v>
      </c>
      <c r="K668" s="1" t="s">
        <v>1334</v>
      </c>
      <c r="L668" s="1" t="s">
        <v>1335</v>
      </c>
    </row>
    <row r="669" spans="1:12" x14ac:dyDescent="0.25">
      <c r="A669" s="1" t="s">
        <v>4570</v>
      </c>
      <c r="B669" s="1" t="s">
        <v>4090</v>
      </c>
      <c r="C669" s="1" t="s">
        <v>1843</v>
      </c>
      <c r="D669" s="1" t="s">
        <v>1398</v>
      </c>
      <c r="E669" s="1" t="s">
        <v>1398</v>
      </c>
      <c r="F669" s="1" t="s">
        <v>4571</v>
      </c>
      <c r="G669" s="1" t="s">
        <v>4572</v>
      </c>
      <c r="H669" s="1" t="s">
        <v>4440</v>
      </c>
      <c r="I669" s="1" t="s">
        <v>4573</v>
      </c>
      <c r="K669" s="1" t="s">
        <v>1334</v>
      </c>
      <c r="L669" s="1" t="s">
        <v>1335</v>
      </c>
    </row>
    <row r="670" spans="1:12" x14ac:dyDescent="0.25">
      <c r="A670" s="1" t="s">
        <v>4574</v>
      </c>
      <c r="B670" s="1" t="s">
        <v>4090</v>
      </c>
      <c r="C670" s="1" t="s">
        <v>1843</v>
      </c>
      <c r="D670" s="1" t="s">
        <v>1404</v>
      </c>
      <c r="E670" s="1" t="s">
        <v>1404</v>
      </c>
      <c r="F670" s="1" t="s">
        <v>4575</v>
      </c>
      <c r="G670" s="1" t="s">
        <v>4576</v>
      </c>
      <c r="H670" s="1" t="s">
        <v>4577</v>
      </c>
      <c r="I670" s="1" t="s">
        <v>4578</v>
      </c>
      <c r="K670" s="1" t="s">
        <v>1366</v>
      </c>
      <c r="L670" s="1" t="s">
        <v>1335</v>
      </c>
    </row>
    <row r="671" spans="1:12" x14ac:dyDescent="0.25">
      <c r="A671" s="1" t="s">
        <v>4579</v>
      </c>
      <c r="B671" s="1" t="s">
        <v>4090</v>
      </c>
      <c r="C671" s="1" t="s">
        <v>1843</v>
      </c>
      <c r="D671" s="1" t="s">
        <v>1410</v>
      </c>
      <c r="E671" s="1" t="s">
        <v>1410</v>
      </c>
      <c r="F671" s="1" t="s">
        <v>4580</v>
      </c>
      <c r="G671" s="1" t="s">
        <v>4581</v>
      </c>
      <c r="H671" s="1" t="s">
        <v>4361</v>
      </c>
      <c r="I671" s="1" t="s">
        <v>4582</v>
      </c>
      <c r="K671" s="1" t="s">
        <v>1366</v>
      </c>
      <c r="L671" s="1" t="s">
        <v>1335</v>
      </c>
    </row>
    <row r="672" spans="1:12" x14ac:dyDescent="0.25">
      <c r="A672" s="1" t="s">
        <v>4583</v>
      </c>
      <c r="B672" s="1" t="s">
        <v>4090</v>
      </c>
      <c r="C672" s="1" t="s">
        <v>1843</v>
      </c>
      <c r="D672" s="1" t="s">
        <v>1416</v>
      </c>
      <c r="E672" s="1" t="s">
        <v>1416</v>
      </c>
      <c r="F672" s="1" t="s">
        <v>4584</v>
      </c>
      <c r="G672" s="1" t="s">
        <v>4585</v>
      </c>
      <c r="H672" s="1" t="s">
        <v>4586</v>
      </c>
      <c r="I672" s="1" t="s">
        <v>4587</v>
      </c>
      <c r="K672" s="1" t="s">
        <v>1334</v>
      </c>
      <c r="L672" s="1" t="s">
        <v>1335</v>
      </c>
    </row>
    <row r="673" spans="1:12" x14ac:dyDescent="0.25">
      <c r="A673" s="1" t="s">
        <v>4588</v>
      </c>
      <c r="B673" s="1" t="s">
        <v>4090</v>
      </c>
      <c r="C673" s="1" t="s">
        <v>1843</v>
      </c>
      <c r="D673" s="1" t="s">
        <v>1422</v>
      </c>
      <c r="E673" s="1" t="s">
        <v>1422</v>
      </c>
      <c r="F673" s="1" t="s">
        <v>4589</v>
      </c>
      <c r="G673" s="1" t="s">
        <v>4590</v>
      </c>
      <c r="H673" s="1" t="s">
        <v>4282</v>
      </c>
      <c r="I673" s="1" t="s">
        <v>4591</v>
      </c>
      <c r="K673" s="1" t="s">
        <v>1366</v>
      </c>
      <c r="L673" s="1" t="s">
        <v>1335</v>
      </c>
    </row>
    <row r="674" spans="1:12" x14ac:dyDescent="0.25">
      <c r="A674" s="1" t="s">
        <v>4592</v>
      </c>
      <c r="B674" s="1" t="s">
        <v>4090</v>
      </c>
      <c r="C674" s="1" t="s">
        <v>1843</v>
      </c>
      <c r="D674" s="1" t="s">
        <v>1428</v>
      </c>
      <c r="E674" s="1" t="s">
        <v>1428</v>
      </c>
      <c r="F674" s="1" t="s">
        <v>4593</v>
      </c>
      <c r="G674" s="1" t="s">
        <v>4594</v>
      </c>
      <c r="H674" s="1" t="s">
        <v>4595</v>
      </c>
      <c r="I674" s="1" t="s">
        <v>4596</v>
      </c>
      <c r="K674" s="1" t="s">
        <v>1334</v>
      </c>
      <c r="L674" s="1" t="s">
        <v>1335</v>
      </c>
    </row>
    <row r="675" spans="1:12" x14ac:dyDescent="0.25">
      <c r="A675" s="1" t="s">
        <v>4597</v>
      </c>
      <c r="B675" s="1" t="s">
        <v>4090</v>
      </c>
      <c r="C675" s="1" t="s">
        <v>1843</v>
      </c>
      <c r="D675" s="1" t="s">
        <v>1434</v>
      </c>
      <c r="E675" s="1" t="s">
        <v>1434</v>
      </c>
      <c r="F675" s="1" t="s">
        <v>4598</v>
      </c>
      <c r="G675" s="1" t="s">
        <v>4599</v>
      </c>
      <c r="H675" s="1" t="s">
        <v>4600</v>
      </c>
      <c r="I675" s="1" t="s">
        <v>4601</v>
      </c>
      <c r="K675" s="1" t="s">
        <v>1366</v>
      </c>
      <c r="L675" s="1" t="s">
        <v>1335</v>
      </c>
    </row>
    <row r="676" spans="1:12" x14ac:dyDescent="0.25">
      <c r="A676" s="1" t="s">
        <v>4602</v>
      </c>
      <c r="B676" s="1" t="s">
        <v>4090</v>
      </c>
      <c r="C676" s="1" t="s">
        <v>1843</v>
      </c>
      <c r="D676" s="1" t="s">
        <v>1440</v>
      </c>
      <c r="E676" s="1" t="s">
        <v>1440</v>
      </c>
      <c r="F676" s="1" t="s">
        <v>4603</v>
      </c>
      <c r="G676" s="1" t="s">
        <v>4604</v>
      </c>
      <c r="H676" s="1" t="s">
        <v>4605</v>
      </c>
      <c r="I676" s="1" t="s">
        <v>4606</v>
      </c>
      <c r="K676" s="1" t="s">
        <v>1366</v>
      </c>
      <c r="L676" s="1" t="s">
        <v>1335</v>
      </c>
    </row>
    <row r="677" spans="1:12" x14ac:dyDescent="0.25">
      <c r="A677" s="1" t="s">
        <v>4607</v>
      </c>
      <c r="B677" s="1" t="s">
        <v>4090</v>
      </c>
      <c r="C677" s="1" t="s">
        <v>1843</v>
      </c>
      <c r="D677" s="1" t="s">
        <v>1446</v>
      </c>
      <c r="E677" s="1" t="s">
        <v>1446</v>
      </c>
      <c r="F677" s="1" t="s">
        <v>4608</v>
      </c>
      <c r="G677" s="1" t="s">
        <v>4609</v>
      </c>
      <c r="H677" s="1" t="s">
        <v>4610</v>
      </c>
      <c r="I677" s="1" t="s">
        <v>4611</v>
      </c>
      <c r="K677" s="1" t="s">
        <v>1334</v>
      </c>
      <c r="L677" s="1" t="s">
        <v>1335</v>
      </c>
    </row>
    <row r="678" spans="1:12" x14ac:dyDescent="0.25">
      <c r="A678" s="1" t="s">
        <v>4612</v>
      </c>
      <c r="B678" s="1" t="s">
        <v>4090</v>
      </c>
      <c r="C678" s="1" t="s">
        <v>1843</v>
      </c>
      <c r="D678" s="1" t="s">
        <v>1452</v>
      </c>
      <c r="E678" s="1" t="s">
        <v>1452</v>
      </c>
      <c r="F678" s="1" t="s">
        <v>4613</v>
      </c>
      <c r="G678" s="1" t="s">
        <v>4614</v>
      </c>
      <c r="H678" s="1" t="s">
        <v>4615</v>
      </c>
      <c r="I678" s="1" t="s">
        <v>4616</v>
      </c>
      <c r="K678" s="1" t="s">
        <v>1334</v>
      </c>
      <c r="L678" s="1" t="s">
        <v>1335</v>
      </c>
    </row>
    <row r="679" spans="1:12" x14ac:dyDescent="0.25">
      <c r="A679" s="1" t="s">
        <v>4617</v>
      </c>
      <c r="B679" s="1" t="s">
        <v>4090</v>
      </c>
      <c r="C679" s="1" t="s">
        <v>1843</v>
      </c>
      <c r="D679" s="1" t="s">
        <v>1458</v>
      </c>
      <c r="E679" s="1" t="s">
        <v>1458</v>
      </c>
      <c r="F679" s="1" t="s">
        <v>4618</v>
      </c>
      <c r="G679" s="1" t="s">
        <v>4619</v>
      </c>
      <c r="H679" s="1" t="s">
        <v>4620</v>
      </c>
      <c r="I679" s="1" t="s">
        <v>4621</v>
      </c>
      <c r="K679" s="1" t="s">
        <v>1366</v>
      </c>
      <c r="L679" s="1" t="s">
        <v>1335</v>
      </c>
    </row>
    <row r="680" spans="1:12" x14ac:dyDescent="0.25">
      <c r="A680" s="1" t="s">
        <v>4622</v>
      </c>
      <c r="B680" s="1" t="s">
        <v>4090</v>
      </c>
      <c r="C680" s="1" t="s">
        <v>1843</v>
      </c>
      <c r="D680" s="1" t="s">
        <v>1464</v>
      </c>
      <c r="E680" s="1" t="s">
        <v>1464</v>
      </c>
      <c r="F680" s="1" t="s">
        <v>4623</v>
      </c>
      <c r="G680" s="1" t="s">
        <v>4624</v>
      </c>
      <c r="H680" s="1" t="s">
        <v>4625</v>
      </c>
      <c r="I680" s="1" t="s">
        <v>4626</v>
      </c>
      <c r="K680" s="1" t="s">
        <v>1366</v>
      </c>
      <c r="L680" s="1" t="s">
        <v>1335</v>
      </c>
    </row>
    <row r="681" spans="1:12" x14ac:dyDescent="0.25">
      <c r="A681" s="1" t="s">
        <v>4627</v>
      </c>
      <c r="B681" s="1" t="s">
        <v>4090</v>
      </c>
      <c r="C681" s="1" t="s">
        <v>1843</v>
      </c>
      <c r="D681" s="1" t="s">
        <v>1470</v>
      </c>
      <c r="E681" s="1" t="s">
        <v>1470</v>
      </c>
      <c r="F681" s="1" t="s">
        <v>4628</v>
      </c>
      <c r="G681" s="1" t="s">
        <v>4629</v>
      </c>
      <c r="H681" s="1" t="s">
        <v>4320</v>
      </c>
      <c r="I681" s="1" t="s">
        <v>4630</v>
      </c>
      <c r="K681" s="1" t="s">
        <v>1334</v>
      </c>
      <c r="L681" s="1" t="s">
        <v>1335</v>
      </c>
    </row>
    <row r="682" spans="1:12" x14ac:dyDescent="0.25">
      <c r="A682" s="1" t="s">
        <v>4631</v>
      </c>
      <c r="B682" s="1" t="s">
        <v>4090</v>
      </c>
      <c r="C682" s="1" t="s">
        <v>1843</v>
      </c>
      <c r="D682" s="1" t="s">
        <v>1476</v>
      </c>
      <c r="E682" s="1" t="s">
        <v>1476</v>
      </c>
      <c r="F682" s="1" t="s">
        <v>4632</v>
      </c>
      <c r="G682" s="1" t="s">
        <v>4633</v>
      </c>
      <c r="H682" s="1" t="s">
        <v>4634</v>
      </c>
      <c r="I682" s="1" t="s">
        <v>4635</v>
      </c>
      <c r="K682" s="1" t="s">
        <v>1334</v>
      </c>
      <c r="L682" s="1" t="s">
        <v>1335</v>
      </c>
    </row>
    <row r="683" spans="1:12" x14ac:dyDescent="0.25">
      <c r="A683" s="1" t="s">
        <v>4636</v>
      </c>
      <c r="B683" s="1" t="s">
        <v>4090</v>
      </c>
      <c r="C683" s="1" t="s">
        <v>1843</v>
      </c>
      <c r="D683" s="1" t="s">
        <v>1482</v>
      </c>
      <c r="E683" s="1" t="s">
        <v>1482</v>
      </c>
      <c r="F683" s="1" t="s">
        <v>4637</v>
      </c>
      <c r="G683" s="1" t="s">
        <v>4638</v>
      </c>
      <c r="H683" s="1" t="s">
        <v>4639</v>
      </c>
      <c r="I683" s="1" t="s">
        <v>4640</v>
      </c>
      <c r="K683" s="1" t="s">
        <v>1366</v>
      </c>
      <c r="L683" s="1" t="s">
        <v>1335</v>
      </c>
    </row>
    <row r="684" spans="1:12" x14ac:dyDescent="0.25">
      <c r="A684" s="1" t="s">
        <v>4641</v>
      </c>
      <c r="B684" s="1" t="s">
        <v>4090</v>
      </c>
      <c r="C684" s="1" t="s">
        <v>1843</v>
      </c>
      <c r="D684" s="1" t="s">
        <v>1488</v>
      </c>
      <c r="E684" s="1" t="s">
        <v>1488</v>
      </c>
      <c r="F684" s="1" t="s">
        <v>4642</v>
      </c>
      <c r="G684" s="1" t="s">
        <v>4643</v>
      </c>
      <c r="H684" s="1" t="s">
        <v>4644</v>
      </c>
      <c r="I684" s="1" t="s">
        <v>4645</v>
      </c>
      <c r="K684" s="1" t="s">
        <v>1366</v>
      </c>
      <c r="L684" s="1" t="s">
        <v>1335</v>
      </c>
    </row>
    <row r="685" spans="1:12" x14ac:dyDescent="0.25">
      <c r="A685" s="1" t="s">
        <v>4646</v>
      </c>
      <c r="B685" s="1" t="s">
        <v>4090</v>
      </c>
      <c r="C685" s="1" t="s">
        <v>1843</v>
      </c>
      <c r="D685" s="1" t="s">
        <v>1494</v>
      </c>
      <c r="E685" s="1" t="s">
        <v>1494</v>
      </c>
      <c r="F685" s="1" t="s">
        <v>4647</v>
      </c>
      <c r="G685" s="1" t="s">
        <v>4648</v>
      </c>
      <c r="H685" s="1" t="s">
        <v>4649</v>
      </c>
      <c r="I685" s="1" t="s">
        <v>4650</v>
      </c>
      <c r="K685" s="1" t="s">
        <v>1334</v>
      </c>
      <c r="L685" s="1" t="s">
        <v>1335</v>
      </c>
    </row>
    <row r="686" spans="1:12" x14ac:dyDescent="0.25">
      <c r="A686" s="1" t="s">
        <v>4651</v>
      </c>
      <c r="B686" s="1" t="s">
        <v>4090</v>
      </c>
      <c r="C686" s="1" t="s">
        <v>1843</v>
      </c>
      <c r="D686" s="1" t="s">
        <v>1500</v>
      </c>
      <c r="E686" s="1" t="s">
        <v>1500</v>
      </c>
      <c r="F686" s="1" t="s">
        <v>4652</v>
      </c>
      <c r="G686" s="1" t="s">
        <v>4653</v>
      </c>
      <c r="H686" s="1" t="s">
        <v>4654</v>
      </c>
      <c r="I686" s="1" t="s">
        <v>4655</v>
      </c>
      <c r="K686" s="1" t="s">
        <v>1366</v>
      </c>
      <c r="L686" s="1" t="s">
        <v>1335</v>
      </c>
    </row>
    <row r="687" spans="1:12" x14ac:dyDescent="0.25">
      <c r="A687" s="1" t="s">
        <v>4656</v>
      </c>
      <c r="B687" s="1" t="s">
        <v>4090</v>
      </c>
      <c r="C687" s="1" t="s">
        <v>2002</v>
      </c>
      <c r="D687" s="1" t="s">
        <v>1329</v>
      </c>
      <c r="E687" s="1" t="s">
        <v>1329</v>
      </c>
      <c r="F687" s="1" t="s">
        <v>4657</v>
      </c>
      <c r="G687" s="1" t="s">
        <v>4658</v>
      </c>
      <c r="H687" s="1" t="s">
        <v>4659</v>
      </c>
      <c r="I687" s="1" t="s">
        <v>4660</v>
      </c>
      <c r="K687" s="1" t="s">
        <v>1366</v>
      </c>
      <c r="L687" s="1" t="s">
        <v>1335</v>
      </c>
    </row>
    <row r="688" spans="1:12" x14ac:dyDescent="0.25">
      <c r="A688" s="1" t="s">
        <v>4661</v>
      </c>
      <c r="B688" s="1" t="s">
        <v>4090</v>
      </c>
      <c r="C688" s="1" t="s">
        <v>2002</v>
      </c>
      <c r="D688" s="1" t="s">
        <v>1337</v>
      </c>
      <c r="E688" s="1" t="s">
        <v>1337</v>
      </c>
      <c r="F688" s="1" t="s">
        <v>4662</v>
      </c>
      <c r="G688" s="1" t="s">
        <v>4663</v>
      </c>
      <c r="H688" s="1" t="s">
        <v>4165</v>
      </c>
      <c r="I688" s="1" t="s">
        <v>4664</v>
      </c>
      <c r="K688" s="1" t="s">
        <v>1334</v>
      </c>
      <c r="L688" s="1" t="s">
        <v>1335</v>
      </c>
    </row>
    <row r="689" spans="1:12" x14ac:dyDescent="0.25">
      <c r="A689" s="1" t="s">
        <v>4665</v>
      </c>
      <c r="B689" s="1" t="s">
        <v>4090</v>
      </c>
      <c r="C689" s="1" t="s">
        <v>2002</v>
      </c>
      <c r="D689" s="1" t="s">
        <v>1343</v>
      </c>
      <c r="E689" s="1" t="s">
        <v>1343</v>
      </c>
      <c r="F689" s="1" t="s">
        <v>4666</v>
      </c>
      <c r="G689" s="1" t="s">
        <v>4667</v>
      </c>
      <c r="H689" s="1" t="s">
        <v>4668</v>
      </c>
      <c r="I689" s="1" t="s">
        <v>4669</v>
      </c>
      <c r="K689" s="1" t="s">
        <v>1334</v>
      </c>
      <c r="L689" s="1" t="s">
        <v>1335</v>
      </c>
    </row>
    <row r="690" spans="1:12" x14ac:dyDescent="0.25">
      <c r="A690" s="1" t="s">
        <v>4670</v>
      </c>
      <c r="B690" s="1" t="s">
        <v>4090</v>
      </c>
      <c r="C690" s="1" t="s">
        <v>2002</v>
      </c>
      <c r="D690" s="1" t="s">
        <v>1349</v>
      </c>
      <c r="E690" s="1" t="s">
        <v>1349</v>
      </c>
      <c r="F690" s="1" t="s">
        <v>4671</v>
      </c>
      <c r="G690" s="1" t="s">
        <v>4672</v>
      </c>
      <c r="H690" s="1" t="s">
        <v>4673</v>
      </c>
      <c r="I690" s="1" t="s">
        <v>4674</v>
      </c>
      <c r="K690" s="1" t="s">
        <v>1334</v>
      </c>
      <c r="L690" s="1" t="s">
        <v>1335</v>
      </c>
    </row>
    <row r="691" spans="1:12" x14ac:dyDescent="0.25">
      <c r="A691" s="1" t="s">
        <v>4675</v>
      </c>
      <c r="B691" s="1" t="s">
        <v>4090</v>
      </c>
      <c r="C691" s="1" t="s">
        <v>2002</v>
      </c>
      <c r="D691" s="1" t="s">
        <v>1355</v>
      </c>
      <c r="E691" s="1" t="s">
        <v>1355</v>
      </c>
      <c r="F691" s="1" t="s">
        <v>4676</v>
      </c>
      <c r="G691" s="1" t="s">
        <v>4677</v>
      </c>
      <c r="H691" s="1" t="s">
        <v>4678</v>
      </c>
      <c r="I691" s="1" t="s">
        <v>4679</v>
      </c>
      <c r="K691" s="1" t="s">
        <v>1366</v>
      </c>
      <c r="L691" s="1" t="s">
        <v>1335</v>
      </c>
    </row>
    <row r="692" spans="1:12" x14ac:dyDescent="0.25">
      <c r="A692" s="1" t="s">
        <v>4680</v>
      </c>
      <c r="B692" s="1" t="s">
        <v>4090</v>
      </c>
      <c r="C692" s="1" t="s">
        <v>2002</v>
      </c>
      <c r="D692" s="1" t="s">
        <v>1361</v>
      </c>
      <c r="E692" s="1" t="s">
        <v>1361</v>
      </c>
      <c r="F692" s="1" t="s">
        <v>4681</v>
      </c>
      <c r="G692" s="1" t="s">
        <v>4682</v>
      </c>
      <c r="H692" s="1" t="s">
        <v>4683</v>
      </c>
      <c r="I692" s="1" t="s">
        <v>4684</v>
      </c>
      <c r="K692" s="1" t="s">
        <v>1366</v>
      </c>
      <c r="L692" s="1" t="s">
        <v>1335</v>
      </c>
    </row>
    <row r="693" spans="1:12" x14ac:dyDescent="0.25">
      <c r="A693" s="1" t="s">
        <v>4685</v>
      </c>
      <c r="B693" s="1" t="s">
        <v>4090</v>
      </c>
      <c r="C693" s="1" t="s">
        <v>2002</v>
      </c>
      <c r="D693" s="1" t="s">
        <v>1368</v>
      </c>
      <c r="E693" s="1" t="s">
        <v>1368</v>
      </c>
      <c r="F693" s="1" t="s">
        <v>4686</v>
      </c>
      <c r="G693" s="1" t="s">
        <v>4687</v>
      </c>
      <c r="H693" s="1" t="s">
        <v>4688</v>
      </c>
      <c r="I693" s="1" t="s">
        <v>4689</v>
      </c>
      <c r="K693" s="1" t="s">
        <v>1334</v>
      </c>
      <c r="L693" s="1" t="s">
        <v>1335</v>
      </c>
    </row>
    <row r="694" spans="1:12" x14ac:dyDescent="0.25">
      <c r="A694" s="1" t="s">
        <v>841</v>
      </c>
      <c r="B694" s="1" t="s">
        <v>4090</v>
      </c>
      <c r="C694" s="1" t="s">
        <v>2002</v>
      </c>
      <c r="D694" s="1" t="s">
        <v>1374</v>
      </c>
      <c r="E694" s="1" t="s">
        <v>1374</v>
      </c>
      <c r="F694" s="1" t="s">
        <v>4690</v>
      </c>
      <c r="G694" s="1" t="s">
        <v>4691</v>
      </c>
      <c r="H694" s="1" t="s">
        <v>4692</v>
      </c>
      <c r="I694" s="1" t="s">
        <v>4693</v>
      </c>
      <c r="K694" s="1" t="s">
        <v>1334</v>
      </c>
      <c r="L694" s="1" t="s">
        <v>1335</v>
      </c>
    </row>
    <row r="695" spans="1:12" x14ac:dyDescent="0.25">
      <c r="A695" s="1" t="s">
        <v>4694</v>
      </c>
      <c r="B695" s="1" t="s">
        <v>4090</v>
      </c>
      <c r="C695" s="1" t="s">
        <v>2002</v>
      </c>
      <c r="D695" s="1" t="s">
        <v>1380</v>
      </c>
      <c r="E695" s="1" t="s">
        <v>1380</v>
      </c>
      <c r="F695" s="1" t="s">
        <v>4695</v>
      </c>
      <c r="G695" s="1" t="s">
        <v>4696</v>
      </c>
      <c r="H695" s="1" t="s">
        <v>4697</v>
      </c>
      <c r="I695" s="1" t="s">
        <v>4698</v>
      </c>
      <c r="K695" s="1" t="s">
        <v>1366</v>
      </c>
      <c r="L695" s="1" t="s">
        <v>1335</v>
      </c>
    </row>
    <row r="696" spans="1:12" x14ac:dyDescent="0.25">
      <c r="A696" s="1" t="s">
        <v>4699</v>
      </c>
      <c r="B696" s="1" t="s">
        <v>4090</v>
      </c>
      <c r="C696" s="1" t="s">
        <v>2002</v>
      </c>
      <c r="D696" s="1" t="s">
        <v>1386</v>
      </c>
      <c r="E696" s="1" t="s">
        <v>1386</v>
      </c>
      <c r="F696" s="1" t="s">
        <v>4700</v>
      </c>
      <c r="G696" s="1" t="s">
        <v>4701</v>
      </c>
      <c r="H696" s="1" t="s">
        <v>4702</v>
      </c>
      <c r="I696" s="1" t="s">
        <v>4703</v>
      </c>
      <c r="K696" s="1" t="s">
        <v>1334</v>
      </c>
      <c r="L696" s="1" t="s">
        <v>1335</v>
      </c>
    </row>
    <row r="697" spans="1:12" x14ac:dyDescent="0.25">
      <c r="A697" s="1" t="s">
        <v>4704</v>
      </c>
      <c r="B697" s="1" t="s">
        <v>4090</v>
      </c>
      <c r="C697" s="1" t="s">
        <v>2002</v>
      </c>
      <c r="D697" s="1" t="s">
        <v>1392</v>
      </c>
      <c r="E697" s="1" t="s">
        <v>1392</v>
      </c>
      <c r="F697" s="1" t="s">
        <v>4705</v>
      </c>
      <c r="G697" s="1" t="s">
        <v>4706</v>
      </c>
      <c r="H697" s="1" t="s">
        <v>4707</v>
      </c>
      <c r="I697" s="1" t="s">
        <v>4708</v>
      </c>
      <c r="K697" s="1" t="s">
        <v>1366</v>
      </c>
      <c r="L697" s="1" t="s">
        <v>1335</v>
      </c>
    </row>
    <row r="698" spans="1:12" x14ac:dyDescent="0.25">
      <c r="A698" s="1" t="s">
        <v>4709</v>
      </c>
      <c r="B698" s="1" t="s">
        <v>4090</v>
      </c>
      <c r="C698" s="1" t="s">
        <v>2002</v>
      </c>
      <c r="D698" s="1" t="s">
        <v>1398</v>
      </c>
      <c r="E698" s="1" t="s">
        <v>1398</v>
      </c>
      <c r="F698" s="1" t="s">
        <v>4710</v>
      </c>
      <c r="G698" s="1" t="s">
        <v>4711</v>
      </c>
      <c r="H698" s="1" t="s">
        <v>4712</v>
      </c>
      <c r="I698" s="1" t="s">
        <v>4713</v>
      </c>
      <c r="K698" s="1" t="s">
        <v>1334</v>
      </c>
      <c r="L698" s="1" t="s">
        <v>1335</v>
      </c>
    </row>
    <row r="699" spans="1:12" x14ac:dyDescent="0.25">
      <c r="A699" s="1" t="s">
        <v>4714</v>
      </c>
      <c r="B699" s="1" t="s">
        <v>4090</v>
      </c>
      <c r="C699" s="1" t="s">
        <v>2002</v>
      </c>
      <c r="D699" s="1" t="s">
        <v>1404</v>
      </c>
      <c r="E699" s="1" t="s">
        <v>1404</v>
      </c>
      <c r="F699" s="1" t="s">
        <v>4715</v>
      </c>
      <c r="G699" s="1" t="s">
        <v>4716</v>
      </c>
      <c r="H699" s="1" t="s">
        <v>4717</v>
      </c>
      <c r="I699" s="1" t="s">
        <v>4718</v>
      </c>
      <c r="K699" s="1" t="s">
        <v>1334</v>
      </c>
      <c r="L699" s="1" t="s">
        <v>1335</v>
      </c>
    </row>
    <row r="700" spans="1:12" x14ac:dyDescent="0.25">
      <c r="A700" s="1" t="s">
        <v>4719</v>
      </c>
      <c r="B700" s="1" t="s">
        <v>4090</v>
      </c>
      <c r="C700" s="1" t="s">
        <v>2002</v>
      </c>
      <c r="D700" s="1" t="s">
        <v>1410</v>
      </c>
      <c r="E700" s="1" t="s">
        <v>1410</v>
      </c>
      <c r="F700" s="1" t="s">
        <v>4720</v>
      </c>
      <c r="G700" s="1" t="s">
        <v>4721</v>
      </c>
      <c r="H700" s="1" t="s">
        <v>4722</v>
      </c>
      <c r="I700" s="1" t="s">
        <v>4723</v>
      </c>
      <c r="K700" s="1" t="s">
        <v>1366</v>
      </c>
      <c r="L700" s="1" t="s">
        <v>1335</v>
      </c>
    </row>
    <row r="701" spans="1:12" x14ac:dyDescent="0.25">
      <c r="A701" s="1" t="s">
        <v>4724</v>
      </c>
      <c r="B701" s="1" t="s">
        <v>4090</v>
      </c>
      <c r="C701" s="1" t="s">
        <v>2002</v>
      </c>
      <c r="D701" s="1" t="s">
        <v>1416</v>
      </c>
      <c r="E701" s="1" t="s">
        <v>1416</v>
      </c>
      <c r="F701" s="1" t="s">
        <v>4725</v>
      </c>
      <c r="G701" s="1" t="s">
        <v>4726</v>
      </c>
      <c r="H701" s="1" t="s">
        <v>4727</v>
      </c>
      <c r="I701" s="1" t="s">
        <v>4728</v>
      </c>
      <c r="K701" s="1" t="s">
        <v>1366</v>
      </c>
      <c r="L701" s="1" t="s">
        <v>1335</v>
      </c>
    </row>
    <row r="702" spans="1:12" x14ac:dyDescent="0.25">
      <c r="A702" s="1" t="s">
        <v>4729</v>
      </c>
      <c r="B702" s="1" t="s">
        <v>4090</v>
      </c>
      <c r="C702" s="1" t="s">
        <v>2002</v>
      </c>
      <c r="D702" s="1" t="s">
        <v>1422</v>
      </c>
      <c r="E702" s="1" t="s">
        <v>1422</v>
      </c>
      <c r="F702" s="1" t="s">
        <v>4730</v>
      </c>
      <c r="G702" s="1" t="s">
        <v>4731</v>
      </c>
      <c r="H702" s="1" t="s">
        <v>4732</v>
      </c>
      <c r="I702" s="1" t="s">
        <v>4733</v>
      </c>
      <c r="K702" s="1" t="s">
        <v>1334</v>
      </c>
      <c r="L702" s="1" t="s">
        <v>1335</v>
      </c>
    </row>
    <row r="703" spans="1:12" x14ac:dyDescent="0.25">
      <c r="A703" s="1" t="s">
        <v>4734</v>
      </c>
      <c r="B703" s="1" t="s">
        <v>4090</v>
      </c>
      <c r="C703" s="1" t="s">
        <v>2002</v>
      </c>
      <c r="D703" s="1" t="s">
        <v>1428</v>
      </c>
      <c r="E703" s="1" t="s">
        <v>1428</v>
      </c>
      <c r="F703" s="1" t="s">
        <v>4735</v>
      </c>
      <c r="G703" s="1" t="s">
        <v>4736</v>
      </c>
      <c r="H703" s="1" t="s">
        <v>4268</v>
      </c>
      <c r="I703" s="1" t="s">
        <v>4737</v>
      </c>
      <c r="K703" s="1" t="s">
        <v>1334</v>
      </c>
      <c r="L703" s="1" t="s">
        <v>1335</v>
      </c>
    </row>
    <row r="704" spans="1:12" x14ac:dyDescent="0.25">
      <c r="A704" s="1" t="s">
        <v>4738</v>
      </c>
      <c r="B704" s="1" t="s">
        <v>4090</v>
      </c>
      <c r="C704" s="1" t="s">
        <v>2002</v>
      </c>
      <c r="D704" s="1" t="s">
        <v>1434</v>
      </c>
      <c r="E704" s="1" t="s">
        <v>1434</v>
      </c>
      <c r="F704" s="1" t="s">
        <v>4739</v>
      </c>
      <c r="G704" s="1" t="s">
        <v>4740</v>
      </c>
      <c r="H704" s="1" t="s">
        <v>4741</v>
      </c>
      <c r="I704" s="1" t="s">
        <v>4742</v>
      </c>
      <c r="K704" s="1" t="s">
        <v>1334</v>
      </c>
      <c r="L704" s="1" t="s">
        <v>1335</v>
      </c>
    </row>
    <row r="705" spans="1:12" x14ac:dyDescent="0.25">
      <c r="A705" s="1" t="s">
        <v>4743</v>
      </c>
      <c r="B705" s="1" t="s">
        <v>4090</v>
      </c>
      <c r="C705" s="1" t="s">
        <v>2002</v>
      </c>
      <c r="D705" s="1" t="s">
        <v>1440</v>
      </c>
      <c r="E705" s="1" t="s">
        <v>1440</v>
      </c>
      <c r="F705" s="1" t="s">
        <v>4744</v>
      </c>
      <c r="G705" s="1" t="s">
        <v>4745</v>
      </c>
      <c r="H705" s="1" t="s">
        <v>4746</v>
      </c>
      <c r="I705" s="1" t="s">
        <v>4747</v>
      </c>
      <c r="K705" s="1" t="s">
        <v>1366</v>
      </c>
      <c r="L705" s="1" t="s">
        <v>1335</v>
      </c>
    </row>
    <row r="706" spans="1:12" x14ac:dyDescent="0.25">
      <c r="A706" s="1" t="s">
        <v>4748</v>
      </c>
      <c r="B706" s="1" t="s">
        <v>4090</v>
      </c>
      <c r="C706" s="1" t="s">
        <v>2002</v>
      </c>
      <c r="D706" s="1" t="s">
        <v>1446</v>
      </c>
      <c r="E706" s="1" t="s">
        <v>1446</v>
      </c>
      <c r="F706" s="1" t="s">
        <v>4749</v>
      </c>
      <c r="G706" s="1" t="s">
        <v>4750</v>
      </c>
      <c r="H706" s="1" t="s">
        <v>4496</v>
      </c>
      <c r="I706" s="1" t="s">
        <v>4751</v>
      </c>
      <c r="K706" s="1" t="s">
        <v>1366</v>
      </c>
      <c r="L706" s="1" t="s">
        <v>1335</v>
      </c>
    </row>
    <row r="707" spans="1:12" x14ac:dyDescent="0.25">
      <c r="A707" s="1" t="s">
        <v>4752</v>
      </c>
      <c r="B707" s="1" t="s">
        <v>4090</v>
      </c>
      <c r="C707" s="1" t="s">
        <v>2002</v>
      </c>
      <c r="D707" s="1" t="s">
        <v>1452</v>
      </c>
      <c r="E707" s="1" t="s">
        <v>1452</v>
      </c>
      <c r="F707" s="1" t="s">
        <v>4753</v>
      </c>
      <c r="G707" s="1" t="s">
        <v>4754</v>
      </c>
      <c r="H707" s="1" t="s">
        <v>4755</v>
      </c>
      <c r="I707" s="1" t="s">
        <v>4756</v>
      </c>
      <c r="K707" s="1" t="s">
        <v>1366</v>
      </c>
      <c r="L707" s="1" t="s">
        <v>1335</v>
      </c>
    </row>
    <row r="708" spans="1:12" x14ac:dyDescent="0.25">
      <c r="A708" s="1" t="s">
        <v>4757</v>
      </c>
      <c r="B708" s="1" t="s">
        <v>4090</v>
      </c>
      <c r="C708" s="1" t="s">
        <v>2002</v>
      </c>
      <c r="D708" s="1" t="s">
        <v>1458</v>
      </c>
      <c r="E708" s="1" t="s">
        <v>1458</v>
      </c>
      <c r="F708" s="1" t="s">
        <v>4758</v>
      </c>
      <c r="G708" s="1" t="s">
        <v>4759</v>
      </c>
      <c r="H708" s="1" t="s">
        <v>4760</v>
      </c>
      <c r="I708" s="1" t="s">
        <v>4761</v>
      </c>
      <c r="K708" s="1" t="s">
        <v>1366</v>
      </c>
      <c r="L708" s="1" t="s">
        <v>1335</v>
      </c>
    </row>
    <row r="709" spans="1:12" x14ac:dyDescent="0.25">
      <c r="A709" s="1" t="s">
        <v>4762</v>
      </c>
      <c r="B709" s="1" t="s">
        <v>4090</v>
      </c>
      <c r="C709" s="1" t="s">
        <v>2002</v>
      </c>
      <c r="D709" s="1" t="s">
        <v>1464</v>
      </c>
      <c r="E709" s="1" t="s">
        <v>1464</v>
      </c>
      <c r="F709" s="1" t="s">
        <v>4763</v>
      </c>
      <c r="G709" s="1" t="s">
        <v>4764</v>
      </c>
      <c r="H709" s="1" t="s">
        <v>4765</v>
      </c>
      <c r="I709" s="1" t="s">
        <v>4766</v>
      </c>
      <c r="K709" s="1" t="s">
        <v>1334</v>
      </c>
      <c r="L709" s="1" t="s">
        <v>1335</v>
      </c>
    </row>
    <row r="710" spans="1:12" x14ac:dyDescent="0.25">
      <c r="A710" s="1" t="s">
        <v>4767</v>
      </c>
      <c r="B710" s="1" t="s">
        <v>4090</v>
      </c>
      <c r="C710" s="1" t="s">
        <v>2002</v>
      </c>
      <c r="D710" s="1" t="s">
        <v>1470</v>
      </c>
      <c r="E710" s="1" t="s">
        <v>1470</v>
      </c>
      <c r="F710" s="1" t="s">
        <v>4768</v>
      </c>
      <c r="G710" s="1" t="s">
        <v>4769</v>
      </c>
      <c r="H710" s="1" t="s">
        <v>4165</v>
      </c>
      <c r="I710" s="1" t="s">
        <v>4770</v>
      </c>
      <c r="K710" s="1" t="s">
        <v>1366</v>
      </c>
      <c r="L710" s="1" t="s">
        <v>1335</v>
      </c>
    </row>
    <row r="711" spans="1:12" x14ac:dyDescent="0.25">
      <c r="A711" s="1" t="s">
        <v>4771</v>
      </c>
      <c r="B711" s="1" t="s">
        <v>4090</v>
      </c>
      <c r="C711" s="1" t="s">
        <v>2002</v>
      </c>
      <c r="D711" s="1" t="s">
        <v>1476</v>
      </c>
      <c r="E711" s="1" t="s">
        <v>1476</v>
      </c>
      <c r="F711" s="1" t="s">
        <v>4772</v>
      </c>
      <c r="G711" s="1" t="s">
        <v>4773</v>
      </c>
      <c r="H711" s="1" t="s">
        <v>4774</v>
      </c>
      <c r="I711" s="1" t="s">
        <v>4775</v>
      </c>
      <c r="K711" s="1" t="s">
        <v>1334</v>
      </c>
      <c r="L711" s="1" t="s">
        <v>1335</v>
      </c>
    </row>
    <row r="712" spans="1:12" x14ac:dyDescent="0.25">
      <c r="A712" s="1" t="s">
        <v>4776</v>
      </c>
      <c r="B712" s="1" t="s">
        <v>4090</v>
      </c>
      <c r="C712" s="1" t="s">
        <v>2002</v>
      </c>
      <c r="D712" s="1" t="s">
        <v>1482</v>
      </c>
      <c r="E712" s="1" t="s">
        <v>1482</v>
      </c>
      <c r="F712" s="1" t="s">
        <v>4777</v>
      </c>
      <c r="G712" s="1" t="s">
        <v>4778</v>
      </c>
      <c r="H712" s="1" t="s">
        <v>4779</v>
      </c>
      <c r="I712" s="1" t="s">
        <v>4780</v>
      </c>
      <c r="K712" s="1" t="s">
        <v>1366</v>
      </c>
      <c r="L712" s="1" t="s">
        <v>1335</v>
      </c>
    </row>
    <row r="713" spans="1:12" x14ac:dyDescent="0.25">
      <c r="A713" s="1" t="s">
        <v>4781</v>
      </c>
      <c r="B713" s="1" t="s">
        <v>4090</v>
      </c>
      <c r="C713" s="1" t="s">
        <v>2002</v>
      </c>
      <c r="D713" s="1" t="s">
        <v>1488</v>
      </c>
      <c r="E713" s="1" t="s">
        <v>1488</v>
      </c>
      <c r="F713" s="1" t="s">
        <v>4782</v>
      </c>
      <c r="G713" s="1" t="s">
        <v>4783</v>
      </c>
      <c r="H713" s="1" t="s">
        <v>4784</v>
      </c>
      <c r="I713" s="1" t="s">
        <v>4785</v>
      </c>
      <c r="K713" s="1" t="s">
        <v>1366</v>
      </c>
      <c r="L713" s="1" t="s">
        <v>1335</v>
      </c>
    </row>
    <row r="714" spans="1:12" x14ac:dyDescent="0.25">
      <c r="A714" s="1" t="s">
        <v>4786</v>
      </c>
      <c r="B714" s="1" t="s">
        <v>4090</v>
      </c>
      <c r="C714" s="1" t="s">
        <v>2002</v>
      </c>
      <c r="D714" s="1" t="s">
        <v>1494</v>
      </c>
      <c r="E714" s="1" t="s">
        <v>1494</v>
      </c>
      <c r="F714" s="1" t="s">
        <v>4787</v>
      </c>
      <c r="G714" s="1" t="s">
        <v>4788</v>
      </c>
      <c r="H714" s="1" t="s">
        <v>4263</v>
      </c>
      <c r="I714" s="1" t="s">
        <v>4789</v>
      </c>
      <c r="K714" s="1" t="s">
        <v>1366</v>
      </c>
      <c r="L714" s="1" t="s">
        <v>1335</v>
      </c>
    </row>
    <row r="715" spans="1:12" x14ac:dyDescent="0.25">
      <c r="A715" s="1" t="s">
        <v>4790</v>
      </c>
      <c r="B715" s="1" t="s">
        <v>4090</v>
      </c>
      <c r="C715" s="1" t="s">
        <v>2002</v>
      </c>
      <c r="D715" s="1" t="s">
        <v>1500</v>
      </c>
      <c r="E715" s="1" t="s">
        <v>1500</v>
      </c>
      <c r="F715" s="1" t="s">
        <v>4791</v>
      </c>
      <c r="G715" s="1" t="s">
        <v>4792</v>
      </c>
      <c r="H715" s="1" t="s">
        <v>4712</v>
      </c>
      <c r="I715" s="1" t="s">
        <v>4793</v>
      </c>
      <c r="K715" s="1" t="s">
        <v>1366</v>
      </c>
      <c r="L715" s="1" t="s">
        <v>1335</v>
      </c>
    </row>
    <row r="716" spans="1:12" x14ac:dyDescent="0.25">
      <c r="A716" s="1" t="s">
        <v>349</v>
      </c>
      <c r="B716" s="1" t="s">
        <v>4090</v>
      </c>
      <c r="C716" s="1" t="s">
        <v>2002</v>
      </c>
      <c r="D716" s="1" t="s">
        <v>1506</v>
      </c>
      <c r="E716" s="1" t="s">
        <v>1506</v>
      </c>
      <c r="F716" s="1" t="s">
        <v>4794</v>
      </c>
      <c r="G716" s="1" t="s">
        <v>4795</v>
      </c>
      <c r="H716" s="1" t="s">
        <v>4796</v>
      </c>
      <c r="I716" s="1" t="s">
        <v>4797</v>
      </c>
      <c r="K716" s="1" t="s">
        <v>1334</v>
      </c>
      <c r="L716" s="1" t="s">
        <v>1335</v>
      </c>
    </row>
    <row r="717" spans="1:12" x14ac:dyDescent="0.25">
      <c r="A717" s="1" t="s">
        <v>4798</v>
      </c>
      <c r="B717" s="1" t="s">
        <v>4090</v>
      </c>
      <c r="C717" s="1" t="s">
        <v>1334</v>
      </c>
      <c r="D717" s="1" t="s">
        <v>1329</v>
      </c>
      <c r="E717" s="1" t="s">
        <v>1329</v>
      </c>
      <c r="F717" s="1" t="s">
        <v>4799</v>
      </c>
      <c r="G717" s="1" t="s">
        <v>4800</v>
      </c>
      <c r="H717" s="1" t="s">
        <v>4801</v>
      </c>
      <c r="I717" s="1" t="s">
        <v>4802</v>
      </c>
      <c r="K717" s="1" t="s">
        <v>1366</v>
      </c>
      <c r="L717" s="1" t="s">
        <v>1335</v>
      </c>
    </row>
    <row r="718" spans="1:12" x14ac:dyDescent="0.25">
      <c r="A718" s="1" t="s">
        <v>4803</v>
      </c>
      <c r="B718" s="1" t="s">
        <v>4090</v>
      </c>
      <c r="C718" s="1" t="s">
        <v>1334</v>
      </c>
      <c r="D718" s="1" t="s">
        <v>1337</v>
      </c>
      <c r="E718" s="1" t="s">
        <v>1337</v>
      </c>
      <c r="F718" s="1" t="s">
        <v>4804</v>
      </c>
      <c r="G718" s="1" t="s">
        <v>4805</v>
      </c>
      <c r="H718" s="1" t="s">
        <v>4440</v>
      </c>
      <c r="I718" s="1" t="s">
        <v>4806</v>
      </c>
      <c r="K718" s="1" t="s">
        <v>1366</v>
      </c>
      <c r="L718" s="1" t="s">
        <v>1335</v>
      </c>
    </row>
    <row r="719" spans="1:12" x14ac:dyDescent="0.25">
      <c r="A719" s="1" t="s">
        <v>4807</v>
      </c>
      <c r="B719" s="1" t="s">
        <v>4090</v>
      </c>
      <c r="C719" s="1" t="s">
        <v>1334</v>
      </c>
      <c r="D719" s="1" t="s">
        <v>1343</v>
      </c>
      <c r="E719" s="1" t="s">
        <v>1343</v>
      </c>
      <c r="F719" s="1" t="s">
        <v>4808</v>
      </c>
      <c r="G719" s="1" t="s">
        <v>4809</v>
      </c>
      <c r="H719" s="1" t="s">
        <v>4810</v>
      </c>
      <c r="I719" s="1" t="s">
        <v>4811</v>
      </c>
      <c r="K719" s="1" t="s">
        <v>1334</v>
      </c>
      <c r="L719" s="1" t="s">
        <v>1335</v>
      </c>
    </row>
    <row r="720" spans="1:12" x14ac:dyDescent="0.25">
      <c r="A720" s="1" t="s">
        <v>4812</v>
      </c>
      <c r="B720" s="1" t="s">
        <v>4090</v>
      </c>
      <c r="C720" s="1" t="s">
        <v>1334</v>
      </c>
      <c r="D720" s="1" t="s">
        <v>1349</v>
      </c>
      <c r="E720" s="1" t="s">
        <v>1349</v>
      </c>
      <c r="F720" s="1" t="s">
        <v>4813</v>
      </c>
      <c r="G720" s="1" t="s">
        <v>4814</v>
      </c>
      <c r="H720" s="1" t="s">
        <v>4755</v>
      </c>
      <c r="I720" s="1" t="s">
        <v>4815</v>
      </c>
      <c r="K720" s="1" t="s">
        <v>1334</v>
      </c>
      <c r="L720" s="1" t="s">
        <v>1335</v>
      </c>
    </row>
    <row r="721" spans="1:12" x14ac:dyDescent="0.25">
      <c r="A721" s="1" t="s">
        <v>4816</v>
      </c>
      <c r="B721" s="1" t="s">
        <v>4090</v>
      </c>
      <c r="C721" s="1" t="s">
        <v>1334</v>
      </c>
      <c r="D721" s="1" t="s">
        <v>1355</v>
      </c>
      <c r="E721" s="1" t="s">
        <v>1355</v>
      </c>
      <c r="F721" s="1" t="s">
        <v>4817</v>
      </c>
      <c r="G721" s="1" t="s">
        <v>4818</v>
      </c>
      <c r="H721" s="1" t="s">
        <v>4819</v>
      </c>
      <c r="I721" s="1" t="s">
        <v>4820</v>
      </c>
      <c r="K721" s="1" t="s">
        <v>1334</v>
      </c>
      <c r="L721" s="1" t="s">
        <v>1335</v>
      </c>
    </row>
    <row r="722" spans="1:12" x14ac:dyDescent="0.25">
      <c r="A722" s="1" t="s">
        <v>4821</v>
      </c>
      <c r="B722" s="1" t="s">
        <v>4090</v>
      </c>
      <c r="C722" s="1" t="s">
        <v>1334</v>
      </c>
      <c r="D722" s="1" t="s">
        <v>1361</v>
      </c>
      <c r="E722" s="1" t="s">
        <v>1361</v>
      </c>
      <c r="F722" s="1" t="s">
        <v>4822</v>
      </c>
      <c r="G722" s="1" t="s">
        <v>4823</v>
      </c>
      <c r="H722" s="1" t="s">
        <v>4122</v>
      </c>
      <c r="I722" s="1" t="s">
        <v>4824</v>
      </c>
      <c r="K722" s="1" t="s">
        <v>1366</v>
      </c>
      <c r="L722" s="1" t="s">
        <v>1335</v>
      </c>
    </row>
    <row r="723" spans="1:12" x14ac:dyDescent="0.25">
      <c r="A723" s="1" t="s">
        <v>4825</v>
      </c>
      <c r="B723" s="1" t="s">
        <v>4090</v>
      </c>
      <c r="C723" s="1" t="s">
        <v>1334</v>
      </c>
      <c r="D723" s="1" t="s">
        <v>1368</v>
      </c>
      <c r="E723" s="1" t="s">
        <v>1368</v>
      </c>
      <c r="F723" s="1" t="s">
        <v>4826</v>
      </c>
      <c r="G723" s="1" t="s">
        <v>4827</v>
      </c>
      <c r="H723" s="1" t="s">
        <v>4828</v>
      </c>
      <c r="I723" s="1" t="s">
        <v>3408</v>
      </c>
      <c r="K723" s="1" t="s">
        <v>1334</v>
      </c>
      <c r="L723" s="1" t="s">
        <v>1335</v>
      </c>
    </row>
    <row r="724" spans="1:12" x14ac:dyDescent="0.25">
      <c r="A724" s="1" t="s">
        <v>4829</v>
      </c>
      <c r="B724" s="1" t="s">
        <v>4090</v>
      </c>
      <c r="C724" s="1" t="s">
        <v>1334</v>
      </c>
      <c r="D724" s="1" t="s">
        <v>1374</v>
      </c>
      <c r="E724" s="1" t="s">
        <v>1374</v>
      </c>
      <c r="F724" s="1" t="s">
        <v>4830</v>
      </c>
      <c r="G724" s="1" t="s">
        <v>4831</v>
      </c>
      <c r="H724" s="1" t="s">
        <v>4722</v>
      </c>
      <c r="I724" s="1" t="s">
        <v>4832</v>
      </c>
      <c r="K724" s="1" t="s">
        <v>1334</v>
      </c>
      <c r="L724" s="1" t="s">
        <v>1335</v>
      </c>
    </row>
    <row r="725" spans="1:12" x14ac:dyDescent="0.25">
      <c r="A725" s="1" t="s">
        <v>4833</v>
      </c>
      <c r="B725" s="1" t="s">
        <v>4090</v>
      </c>
      <c r="C725" s="1" t="s">
        <v>1334</v>
      </c>
      <c r="D725" s="1" t="s">
        <v>1380</v>
      </c>
      <c r="E725" s="1" t="s">
        <v>1380</v>
      </c>
      <c r="F725" s="1" t="s">
        <v>4834</v>
      </c>
      <c r="G725" s="1" t="s">
        <v>4835</v>
      </c>
      <c r="H725" s="1" t="s">
        <v>4836</v>
      </c>
      <c r="I725" s="1" t="s">
        <v>4837</v>
      </c>
      <c r="K725" s="1" t="s">
        <v>1366</v>
      </c>
      <c r="L725" s="1" t="s">
        <v>1335</v>
      </c>
    </row>
    <row r="726" spans="1:12" x14ac:dyDescent="0.25">
      <c r="A726" s="1" t="s">
        <v>4838</v>
      </c>
      <c r="B726" s="1" t="s">
        <v>4090</v>
      </c>
      <c r="C726" s="1" t="s">
        <v>1334</v>
      </c>
      <c r="D726" s="1" t="s">
        <v>1386</v>
      </c>
      <c r="E726" s="1" t="s">
        <v>1386</v>
      </c>
      <c r="F726" s="1" t="s">
        <v>4839</v>
      </c>
      <c r="G726" s="1" t="s">
        <v>4840</v>
      </c>
      <c r="H726" s="1" t="s">
        <v>4297</v>
      </c>
      <c r="I726" s="1" t="s">
        <v>4841</v>
      </c>
      <c r="K726" s="1" t="s">
        <v>1366</v>
      </c>
      <c r="L726" s="1" t="s">
        <v>1335</v>
      </c>
    </row>
    <row r="727" spans="1:12" x14ac:dyDescent="0.25">
      <c r="A727" s="1" t="s">
        <v>4842</v>
      </c>
      <c r="B727" s="1" t="s">
        <v>4090</v>
      </c>
      <c r="C727" s="1" t="s">
        <v>1334</v>
      </c>
      <c r="D727" s="1" t="s">
        <v>1392</v>
      </c>
      <c r="E727" s="1" t="s">
        <v>1392</v>
      </c>
      <c r="F727" s="1" t="s">
        <v>4843</v>
      </c>
      <c r="G727" s="1" t="s">
        <v>4844</v>
      </c>
      <c r="H727" s="1" t="s">
        <v>4845</v>
      </c>
      <c r="I727" s="1" t="s">
        <v>4846</v>
      </c>
      <c r="K727" s="1" t="s">
        <v>1366</v>
      </c>
      <c r="L727" s="1" t="s">
        <v>1335</v>
      </c>
    </row>
    <row r="728" spans="1:12" x14ac:dyDescent="0.25">
      <c r="A728" s="1" t="s">
        <v>4847</v>
      </c>
      <c r="B728" s="1" t="s">
        <v>4090</v>
      </c>
      <c r="C728" s="1" t="s">
        <v>1334</v>
      </c>
      <c r="D728" s="1" t="s">
        <v>1398</v>
      </c>
      <c r="E728" s="1" t="s">
        <v>1398</v>
      </c>
      <c r="F728" s="1" t="s">
        <v>4848</v>
      </c>
      <c r="G728" s="1" t="s">
        <v>4849</v>
      </c>
      <c r="H728" s="1" t="s">
        <v>4712</v>
      </c>
      <c r="I728" s="1" t="s">
        <v>4850</v>
      </c>
      <c r="K728" s="1" t="s">
        <v>1366</v>
      </c>
      <c r="L728" s="1" t="s">
        <v>1335</v>
      </c>
    </row>
    <row r="729" spans="1:12" x14ac:dyDescent="0.25">
      <c r="A729" s="1" t="s">
        <v>4851</v>
      </c>
      <c r="B729" s="1" t="s">
        <v>4090</v>
      </c>
      <c r="C729" s="1" t="s">
        <v>1334</v>
      </c>
      <c r="D729" s="1" t="s">
        <v>1404</v>
      </c>
      <c r="E729" s="1" t="s">
        <v>1404</v>
      </c>
      <c r="F729" s="1" t="s">
        <v>4852</v>
      </c>
      <c r="G729" s="1" t="s">
        <v>4853</v>
      </c>
      <c r="H729" s="1" t="s">
        <v>4854</v>
      </c>
      <c r="I729" s="1" t="s">
        <v>4855</v>
      </c>
      <c r="K729" s="1" t="s">
        <v>1366</v>
      </c>
      <c r="L729" s="1" t="s">
        <v>1335</v>
      </c>
    </row>
    <row r="730" spans="1:12" x14ac:dyDescent="0.25">
      <c r="A730" s="1" t="s">
        <v>4856</v>
      </c>
      <c r="B730" s="1" t="s">
        <v>4090</v>
      </c>
      <c r="C730" s="1" t="s">
        <v>1334</v>
      </c>
      <c r="D730" s="1" t="s">
        <v>1410</v>
      </c>
      <c r="E730" s="1" t="s">
        <v>1410</v>
      </c>
      <c r="F730" s="1" t="s">
        <v>4857</v>
      </c>
      <c r="G730" s="1" t="s">
        <v>4858</v>
      </c>
      <c r="H730" s="1" t="s">
        <v>4859</v>
      </c>
      <c r="I730" s="1" t="s">
        <v>4860</v>
      </c>
      <c r="K730" s="1" t="s">
        <v>1334</v>
      </c>
      <c r="L730" s="1" t="s">
        <v>1335</v>
      </c>
    </row>
    <row r="731" spans="1:12" x14ac:dyDescent="0.25">
      <c r="A731" s="1" t="s">
        <v>4861</v>
      </c>
      <c r="B731" s="1" t="s">
        <v>4090</v>
      </c>
      <c r="C731" s="1" t="s">
        <v>1334</v>
      </c>
      <c r="D731" s="1" t="s">
        <v>1416</v>
      </c>
      <c r="E731" s="1" t="s">
        <v>1416</v>
      </c>
      <c r="F731" s="1" t="s">
        <v>4862</v>
      </c>
      <c r="G731" s="1" t="s">
        <v>4863</v>
      </c>
      <c r="H731" s="1" t="s">
        <v>4864</v>
      </c>
      <c r="I731" s="1" t="s">
        <v>4865</v>
      </c>
      <c r="K731" s="1" t="s">
        <v>1366</v>
      </c>
      <c r="L731" s="1" t="s">
        <v>1335</v>
      </c>
    </row>
    <row r="732" spans="1:12" x14ac:dyDescent="0.25">
      <c r="A732" s="1" t="s">
        <v>4866</v>
      </c>
      <c r="B732" s="1" t="s">
        <v>4090</v>
      </c>
      <c r="C732" s="1" t="s">
        <v>1334</v>
      </c>
      <c r="D732" s="1" t="s">
        <v>1422</v>
      </c>
      <c r="E732" s="1" t="s">
        <v>1422</v>
      </c>
      <c r="F732" s="1" t="s">
        <v>4867</v>
      </c>
      <c r="G732" s="1" t="s">
        <v>4868</v>
      </c>
      <c r="H732" s="1" t="s">
        <v>4869</v>
      </c>
      <c r="I732" s="1" t="s">
        <v>4870</v>
      </c>
      <c r="K732" s="1" t="s">
        <v>1366</v>
      </c>
      <c r="L732" s="1" t="s">
        <v>1335</v>
      </c>
    </row>
    <row r="733" spans="1:12" x14ac:dyDescent="0.25">
      <c r="A733" s="1" t="s">
        <v>4871</v>
      </c>
      <c r="B733" s="1" t="s">
        <v>4090</v>
      </c>
      <c r="C733" s="1" t="s">
        <v>1334</v>
      </c>
      <c r="D733" s="1" t="s">
        <v>1428</v>
      </c>
      <c r="E733" s="1" t="s">
        <v>1428</v>
      </c>
      <c r="F733" s="1" t="s">
        <v>4872</v>
      </c>
      <c r="G733" s="1" t="s">
        <v>4873</v>
      </c>
      <c r="H733" s="1" t="s">
        <v>4874</v>
      </c>
      <c r="I733" s="1" t="s">
        <v>4875</v>
      </c>
      <c r="K733" s="1" t="s">
        <v>1366</v>
      </c>
      <c r="L733" s="1" t="s">
        <v>1335</v>
      </c>
    </row>
    <row r="734" spans="1:12" x14ac:dyDescent="0.25">
      <c r="A734" s="1" t="s">
        <v>4876</v>
      </c>
      <c r="B734" s="1" t="s">
        <v>4090</v>
      </c>
      <c r="C734" s="1" t="s">
        <v>1334</v>
      </c>
      <c r="D734" s="1" t="s">
        <v>1434</v>
      </c>
      <c r="E734" s="1" t="s">
        <v>1434</v>
      </c>
      <c r="F734" s="1" t="s">
        <v>4877</v>
      </c>
      <c r="G734" s="1" t="s">
        <v>4878</v>
      </c>
      <c r="H734" s="1" t="s">
        <v>4455</v>
      </c>
      <c r="I734" s="1" t="s">
        <v>4879</v>
      </c>
      <c r="K734" s="1" t="s">
        <v>1366</v>
      </c>
      <c r="L734" s="1" t="s">
        <v>1335</v>
      </c>
    </row>
    <row r="735" spans="1:12" x14ac:dyDescent="0.25">
      <c r="A735" s="1" t="s">
        <v>4880</v>
      </c>
      <c r="B735" s="1" t="s">
        <v>4090</v>
      </c>
      <c r="C735" s="1" t="s">
        <v>1334</v>
      </c>
      <c r="D735" s="1" t="s">
        <v>1440</v>
      </c>
      <c r="E735" s="1" t="s">
        <v>1440</v>
      </c>
      <c r="F735" s="1" t="s">
        <v>4881</v>
      </c>
      <c r="G735" s="1" t="s">
        <v>4882</v>
      </c>
      <c r="H735" s="1" t="s">
        <v>4883</v>
      </c>
      <c r="I735" s="1" t="s">
        <v>4884</v>
      </c>
      <c r="K735" s="1" t="s">
        <v>1334</v>
      </c>
      <c r="L735" s="1" t="s">
        <v>1335</v>
      </c>
    </row>
    <row r="736" spans="1:12" x14ac:dyDescent="0.25">
      <c r="A736" s="1" t="s">
        <v>4885</v>
      </c>
      <c r="B736" s="1" t="s">
        <v>4090</v>
      </c>
      <c r="C736" s="1" t="s">
        <v>1334</v>
      </c>
      <c r="D736" s="1" t="s">
        <v>1446</v>
      </c>
      <c r="E736" s="1" t="s">
        <v>1446</v>
      </c>
      <c r="F736" s="1" t="s">
        <v>4886</v>
      </c>
      <c r="G736" s="1" t="s">
        <v>4887</v>
      </c>
      <c r="H736" s="1" t="s">
        <v>4659</v>
      </c>
      <c r="I736" s="1" t="s">
        <v>4888</v>
      </c>
      <c r="K736" s="1" t="s">
        <v>1334</v>
      </c>
      <c r="L736" s="1" t="s">
        <v>1335</v>
      </c>
    </row>
    <row r="737" spans="1:12" x14ac:dyDescent="0.25">
      <c r="A737" s="1" t="s">
        <v>4889</v>
      </c>
      <c r="B737" s="1" t="s">
        <v>4090</v>
      </c>
      <c r="C737" s="1" t="s">
        <v>1334</v>
      </c>
      <c r="D737" s="1" t="s">
        <v>1452</v>
      </c>
      <c r="E737" s="1" t="s">
        <v>1452</v>
      </c>
      <c r="F737" s="1" t="s">
        <v>4890</v>
      </c>
      <c r="G737" s="1" t="s">
        <v>4891</v>
      </c>
      <c r="H737" s="1" t="s">
        <v>4892</v>
      </c>
      <c r="I737" s="1" t="s">
        <v>4893</v>
      </c>
      <c r="K737" s="1" t="s">
        <v>1334</v>
      </c>
      <c r="L737" s="1" t="s">
        <v>1335</v>
      </c>
    </row>
    <row r="738" spans="1:12" x14ac:dyDescent="0.25">
      <c r="A738" s="1" t="s">
        <v>4894</v>
      </c>
      <c r="B738" s="1" t="s">
        <v>4090</v>
      </c>
      <c r="C738" s="1" t="s">
        <v>1334</v>
      </c>
      <c r="D738" s="1" t="s">
        <v>1458</v>
      </c>
      <c r="E738" s="1" t="s">
        <v>1458</v>
      </c>
      <c r="F738" s="1" t="s">
        <v>4895</v>
      </c>
      <c r="G738" s="1" t="s">
        <v>4896</v>
      </c>
      <c r="H738" s="1" t="s">
        <v>4320</v>
      </c>
      <c r="I738" s="1" t="s">
        <v>4897</v>
      </c>
      <c r="K738" s="1" t="s">
        <v>1366</v>
      </c>
      <c r="L738" s="1" t="s">
        <v>1335</v>
      </c>
    </row>
    <row r="739" spans="1:12" x14ac:dyDescent="0.25">
      <c r="A739" s="1" t="s">
        <v>4898</v>
      </c>
      <c r="B739" s="1" t="s">
        <v>4090</v>
      </c>
      <c r="C739" s="1" t="s">
        <v>1334</v>
      </c>
      <c r="D739" s="1" t="s">
        <v>1464</v>
      </c>
      <c r="E739" s="1" t="s">
        <v>1464</v>
      </c>
      <c r="F739" s="1" t="s">
        <v>4899</v>
      </c>
      <c r="G739" s="1" t="s">
        <v>4900</v>
      </c>
      <c r="H739" s="1" t="s">
        <v>4901</v>
      </c>
      <c r="I739" s="1" t="s">
        <v>4902</v>
      </c>
      <c r="K739" s="1" t="s">
        <v>1334</v>
      </c>
      <c r="L739" s="1" t="s">
        <v>1335</v>
      </c>
    </row>
    <row r="740" spans="1:12" x14ac:dyDescent="0.25">
      <c r="A740" s="1" t="s">
        <v>4903</v>
      </c>
      <c r="B740" s="1" t="s">
        <v>4090</v>
      </c>
      <c r="C740" s="1" t="s">
        <v>1334</v>
      </c>
      <c r="D740" s="1" t="s">
        <v>1470</v>
      </c>
      <c r="E740" s="1" t="s">
        <v>1470</v>
      </c>
      <c r="F740" s="1" t="s">
        <v>4904</v>
      </c>
      <c r="G740" s="1" t="s">
        <v>4905</v>
      </c>
      <c r="H740" s="1" t="s">
        <v>4906</v>
      </c>
      <c r="I740" s="1" t="s">
        <v>4907</v>
      </c>
      <c r="K740" s="1" t="s">
        <v>1366</v>
      </c>
      <c r="L740" s="1" t="s">
        <v>1335</v>
      </c>
    </row>
    <row r="741" spans="1:12" x14ac:dyDescent="0.25">
      <c r="A741" s="1" t="s">
        <v>4908</v>
      </c>
      <c r="B741" s="1" t="s">
        <v>4090</v>
      </c>
      <c r="C741" s="1" t="s">
        <v>1334</v>
      </c>
      <c r="D741" s="1" t="s">
        <v>1476</v>
      </c>
      <c r="E741" s="1" t="s">
        <v>1476</v>
      </c>
      <c r="F741" s="1" t="s">
        <v>4909</v>
      </c>
      <c r="G741" s="1" t="s">
        <v>4910</v>
      </c>
      <c r="H741" s="1" t="s">
        <v>4911</v>
      </c>
      <c r="I741" s="1" t="s">
        <v>4912</v>
      </c>
      <c r="K741" s="1" t="s">
        <v>1366</v>
      </c>
      <c r="L741" s="1" t="s">
        <v>1335</v>
      </c>
    </row>
    <row r="742" spans="1:12" x14ac:dyDescent="0.25">
      <c r="A742" s="1" t="s">
        <v>4913</v>
      </c>
      <c r="B742" s="1" t="s">
        <v>4090</v>
      </c>
      <c r="C742" s="1" t="s">
        <v>1334</v>
      </c>
      <c r="D742" s="1" t="s">
        <v>1482</v>
      </c>
      <c r="E742" s="1" t="s">
        <v>1482</v>
      </c>
      <c r="F742" s="1" t="s">
        <v>4914</v>
      </c>
      <c r="G742" s="1" t="s">
        <v>4915</v>
      </c>
      <c r="H742" s="1" t="s">
        <v>4916</v>
      </c>
      <c r="I742" s="1" t="s">
        <v>4917</v>
      </c>
      <c r="K742" s="1" t="s">
        <v>1366</v>
      </c>
      <c r="L742" s="1" t="s">
        <v>1335</v>
      </c>
    </row>
    <row r="743" spans="1:12" x14ac:dyDescent="0.25">
      <c r="A743" s="1" t="s">
        <v>4918</v>
      </c>
      <c r="B743" s="1" t="s">
        <v>4090</v>
      </c>
      <c r="C743" s="1" t="s">
        <v>1334</v>
      </c>
      <c r="D743" s="1" t="s">
        <v>1488</v>
      </c>
      <c r="E743" s="1" t="s">
        <v>1488</v>
      </c>
      <c r="F743" s="1" t="s">
        <v>4919</v>
      </c>
      <c r="G743" s="1" t="s">
        <v>4920</v>
      </c>
      <c r="H743" s="1" t="s">
        <v>4600</v>
      </c>
      <c r="I743" s="1" t="s">
        <v>4921</v>
      </c>
      <c r="K743" s="1" t="s">
        <v>1334</v>
      </c>
      <c r="L743" s="1" t="s">
        <v>1335</v>
      </c>
    </row>
    <row r="744" spans="1:12" x14ac:dyDescent="0.25">
      <c r="A744" s="1" t="s">
        <v>852</v>
      </c>
      <c r="B744" s="1" t="s">
        <v>4090</v>
      </c>
      <c r="C744" s="1" t="s">
        <v>1334</v>
      </c>
      <c r="D744" s="1" t="s">
        <v>1494</v>
      </c>
      <c r="E744" s="1" t="s">
        <v>1494</v>
      </c>
      <c r="F744" s="1" t="s">
        <v>4922</v>
      </c>
      <c r="G744" s="1" t="s">
        <v>4923</v>
      </c>
      <c r="H744" s="1" t="s">
        <v>4525</v>
      </c>
      <c r="I744" s="1" t="s">
        <v>1679</v>
      </c>
      <c r="K744" s="1" t="s">
        <v>1334</v>
      </c>
      <c r="L744" s="1" t="s">
        <v>1335</v>
      </c>
    </row>
    <row r="745" spans="1:12" x14ac:dyDescent="0.25">
      <c r="A745" s="1" t="s">
        <v>4924</v>
      </c>
      <c r="B745" s="1" t="s">
        <v>4090</v>
      </c>
      <c r="C745" s="1" t="s">
        <v>1334</v>
      </c>
      <c r="D745" s="1" t="s">
        <v>1500</v>
      </c>
      <c r="E745" s="1" t="s">
        <v>1500</v>
      </c>
      <c r="F745" s="1" t="s">
        <v>4925</v>
      </c>
      <c r="G745" s="1" t="s">
        <v>4926</v>
      </c>
      <c r="H745" s="1" t="s">
        <v>4927</v>
      </c>
      <c r="I745" s="1" t="s">
        <v>4928</v>
      </c>
      <c r="K745" s="1" t="s">
        <v>1366</v>
      </c>
      <c r="L745" s="1" t="s">
        <v>1335</v>
      </c>
    </row>
    <row r="746" spans="1:12" x14ac:dyDescent="0.25">
      <c r="A746" s="1" t="s">
        <v>4929</v>
      </c>
      <c r="B746" s="1" t="s">
        <v>4090</v>
      </c>
      <c r="C746" s="1" t="s">
        <v>1334</v>
      </c>
      <c r="D746" s="1" t="s">
        <v>1506</v>
      </c>
      <c r="E746" s="1" t="s">
        <v>1506</v>
      </c>
      <c r="F746" s="1" t="s">
        <v>4930</v>
      </c>
      <c r="G746" s="1" t="s">
        <v>4931</v>
      </c>
      <c r="H746" s="1" t="s">
        <v>4932</v>
      </c>
      <c r="I746" s="1" t="s">
        <v>4933</v>
      </c>
      <c r="K746" s="1" t="s">
        <v>1334</v>
      </c>
      <c r="L746" s="1" t="s">
        <v>1335</v>
      </c>
    </row>
    <row r="747" spans="1:12" x14ac:dyDescent="0.25">
      <c r="A747" s="1" t="s">
        <v>4934</v>
      </c>
      <c r="B747" s="1" t="s">
        <v>4935</v>
      </c>
      <c r="C747" s="1" t="s">
        <v>1328</v>
      </c>
      <c r="D747" s="1" t="s">
        <v>1329</v>
      </c>
      <c r="E747" s="1" t="s">
        <v>1329</v>
      </c>
      <c r="F747" s="1" t="s">
        <v>4936</v>
      </c>
      <c r="G747" s="1" t="s">
        <v>4937</v>
      </c>
      <c r="H747" s="1" t="s">
        <v>4938</v>
      </c>
      <c r="I747" s="1" t="s">
        <v>4939</v>
      </c>
      <c r="K747" s="1" t="s">
        <v>1366</v>
      </c>
      <c r="L747" s="1" t="s">
        <v>4940</v>
      </c>
    </row>
    <row r="748" spans="1:12" x14ac:dyDescent="0.25">
      <c r="A748" s="1" t="s">
        <v>4941</v>
      </c>
      <c r="B748" s="1" t="s">
        <v>4935</v>
      </c>
      <c r="C748" s="1" t="s">
        <v>1328</v>
      </c>
      <c r="D748" s="1" t="s">
        <v>1337</v>
      </c>
      <c r="E748" s="1" t="s">
        <v>1337</v>
      </c>
      <c r="F748" s="1" t="s">
        <v>4942</v>
      </c>
      <c r="G748" s="1" t="s">
        <v>4943</v>
      </c>
      <c r="H748" s="1" t="s">
        <v>4944</v>
      </c>
      <c r="I748" s="1" t="s">
        <v>4945</v>
      </c>
      <c r="K748" s="1" t="s">
        <v>1366</v>
      </c>
      <c r="L748" s="1" t="s">
        <v>4946</v>
      </c>
    </row>
    <row r="749" spans="1:12" x14ac:dyDescent="0.25">
      <c r="A749" s="1" t="s">
        <v>862</v>
      </c>
      <c r="B749" s="1" t="s">
        <v>4935</v>
      </c>
      <c r="C749" s="1" t="s">
        <v>1328</v>
      </c>
      <c r="D749" s="1" t="s">
        <v>1343</v>
      </c>
      <c r="E749" s="1" t="s">
        <v>1343</v>
      </c>
      <c r="F749" s="1" t="s">
        <v>4947</v>
      </c>
      <c r="G749" s="1" t="s">
        <v>4948</v>
      </c>
      <c r="H749" s="1" t="s">
        <v>4949</v>
      </c>
      <c r="I749" s="1" t="s">
        <v>4950</v>
      </c>
      <c r="K749" s="1" t="s">
        <v>1366</v>
      </c>
      <c r="L749" s="1" t="s">
        <v>4951</v>
      </c>
    </row>
    <row r="750" spans="1:12" x14ac:dyDescent="0.25">
      <c r="A750" s="1" t="s">
        <v>4952</v>
      </c>
      <c r="B750" s="1" t="s">
        <v>4935</v>
      </c>
      <c r="C750" s="1" t="s">
        <v>1328</v>
      </c>
      <c r="D750" s="1" t="s">
        <v>1349</v>
      </c>
      <c r="E750" s="1" t="s">
        <v>1349</v>
      </c>
      <c r="F750" s="1" t="s">
        <v>4953</v>
      </c>
      <c r="G750" s="1" t="s">
        <v>4954</v>
      </c>
      <c r="H750" s="1" t="s">
        <v>4955</v>
      </c>
      <c r="I750" s="1" t="s">
        <v>4956</v>
      </c>
      <c r="K750" s="1" t="s">
        <v>1334</v>
      </c>
      <c r="L750" s="1" t="s">
        <v>4951</v>
      </c>
    </row>
    <row r="751" spans="1:12" x14ac:dyDescent="0.25">
      <c r="A751" s="1" t="s">
        <v>842</v>
      </c>
      <c r="B751" s="1" t="s">
        <v>4935</v>
      </c>
      <c r="C751" s="1" t="s">
        <v>1328</v>
      </c>
      <c r="D751" s="1" t="s">
        <v>1355</v>
      </c>
      <c r="E751" s="1" t="s">
        <v>1355</v>
      </c>
      <c r="F751" s="1" t="s">
        <v>4957</v>
      </c>
      <c r="G751" s="1" t="s">
        <v>4958</v>
      </c>
      <c r="H751" s="1" t="s">
        <v>4959</v>
      </c>
      <c r="I751" s="1" t="s">
        <v>4960</v>
      </c>
      <c r="K751" s="1" t="s">
        <v>1366</v>
      </c>
      <c r="L751" s="1" t="s">
        <v>4946</v>
      </c>
    </row>
    <row r="752" spans="1:12" x14ac:dyDescent="0.25">
      <c r="A752" s="1" t="s">
        <v>4961</v>
      </c>
      <c r="B752" s="1" t="s">
        <v>4935</v>
      </c>
      <c r="C752" s="1" t="s">
        <v>1328</v>
      </c>
      <c r="D752" s="1" t="s">
        <v>1361</v>
      </c>
      <c r="E752" s="1" t="s">
        <v>1361</v>
      </c>
      <c r="F752" s="1" t="s">
        <v>4962</v>
      </c>
      <c r="G752" s="1" t="s">
        <v>4963</v>
      </c>
      <c r="H752" s="1" t="s">
        <v>4964</v>
      </c>
      <c r="I752" s="1" t="s">
        <v>4965</v>
      </c>
      <c r="K752" s="1" t="s">
        <v>1366</v>
      </c>
      <c r="L752" s="1" t="s">
        <v>4951</v>
      </c>
    </row>
    <row r="753" spans="1:12" x14ac:dyDescent="0.25">
      <c r="A753" s="1" t="s">
        <v>4966</v>
      </c>
      <c r="B753" s="1" t="s">
        <v>4935</v>
      </c>
      <c r="C753" s="1" t="s">
        <v>1328</v>
      </c>
      <c r="D753" s="1" t="s">
        <v>1368</v>
      </c>
      <c r="E753" s="1" t="s">
        <v>1368</v>
      </c>
      <c r="F753" s="1" t="s">
        <v>4967</v>
      </c>
      <c r="G753" s="1" t="s">
        <v>4968</v>
      </c>
      <c r="H753" s="1" t="s">
        <v>4969</v>
      </c>
      <c r="I753" s="1" t="s">
        <v>4970</v>
      </c>
      <c r="K753" s="1" t="s">
        <v>1366</v>
      </c>
      <c r="L753" s="1" t="s">
        <v>4971</v>
      </c>
    </row>
    <row r="754" spans="1:12" x14ac:dyDescent="0.25">
      <c r="A754" s="1" t="s">
        <v>4972</v>
      </c>
      <c r="B754" s="1" t="s">
        <v>4935</v>
      </c>
      <c r="C754" s="1" t="s">
        <v>1328</v>
      </c>
      <c r="D754" s="1" t="s">
        <v>1374</v>
      </c>
      <c r="E754" s="1" t="s">
        <v>1374</v>
      </c>
      <c r="F754" s="1" t="s">
        <v>4973</v>
      </c>
      <c r="G754" s="1" t="s">
        <v>4974</v>
      </c>
      <c r="H754" s="1" t="s">
        <v>4975</v>
      </c>
      <c r="I754" s="1" t="s">
        <v>4976</v>
      </c>
      <c r="K754" s="1" t="s">
        <v>1366</v>
      </c>
      <c r="L754" s="1" t="s">
        <v>4946</v>
      </c>
    </row>
    <row r="755" spans="1:12" x14ac:dyDescent="0.25">
      <c r="A755" s="1" t="s">
        <v>4977</v>
      </c>
      <c r="B755" s="1" t="s">
        <v>4935</v>
      </c>
      <c r="C755" s="1" t="s">
        <v>1328</v>
      </c>
      <c r="D755" s="1" t="s">
        <v>1380</v>
      </c>
      <c r="E755" s="1" t="s">
        <v>1380</v>
      </c>
      <c r="F755" s="1" t="s">
        <v>4978</v>
      </c>
      <c r="G755" s="1" t="s">
        <v>4979</v>
      </c>
      <c r="H755" s="1" t="s">
        <v>4980</v>
      </c>
      <c r="I755" s="1" t="s">
        <v>4981</v>
      </c>
      <c r="K755" s="1" t="s">
        <v>1334</v>
      </c>
      <c r="L755" s="1" t="s">
        <v>4940</v>
      </c>
    </row>
    <row r="756" spans="1:12" x14ac:dyDescent="0.25">
      <c r="A756" s="1" t="s">
        <v>4982</v>
      </c>
      <c r="B756" s="1" t="s">
        <v>4935</v>
      </c>
      <c r="C756" s="1" t="s">
        <v>1328</v>
      </c>
      <c r="D756" s="1" t="s">
        <v>1386</v>
      </c>
      <c r="E756" s="1" t="s">
        <v>1386</v>
      </c>
      <c r="F756" s="1" t="s">
        <v>4983</v>
      </c>
      <c r="G756" s="1" t="s">
        <v>4984</v>
      </c>
      <c r="H756" s="1" t="s">
        <v>4985</v>
      </c>
      <c r="I756" s="1" t="s">
        <v>4986</v>
      </c>
      <c r="K756" s="1" t="s">
        <v>1366</v>
      </c>
      <c r="L756" s="1" t="s">
        <v>4940</v>
      </c>
    </row>
    <row r="757" spans="1:12" x14ac:dyDescent="0.25">
      <c r="A757" s="1" t="s">
        <v>4987</v>
      </c>
      <c r="B757" s="1" t="s">
        <v>4935</v>
      </c>
      <c r="C757" s="1" t="s">
        <v>1328</v>
      </c>
      <c r="D757" s="1" t="s">
        <v>1392</v>
      </c>
      <c r="E757" s="1" t="s">
        <v>1392</v>
      </c>
      <c r="F757" s="1" t="s">
        <v>4988</v>
      </c>
      <c r="G757" s="1" t="s">
        <v>4989</v>
      </c>
      <c r="H757" s="1" t="s">
        <v>4990</v>
      </c>
      <c r="I757" s="1" t="s">
        <v>4991</v>
      </c>
      <c r="K757" s="1" t="s">
        <v>1366</v>
      </c>
      <c r="L757" s="1" t="s">
        <v>4946</v>
      </c>
    </row>
    <row r="758" spans="1:12" x14ac:dyDescent="0.25">
      <c r="A758" s="1" t="s">
        <v>4992</v>
      </c>
      <c r="B758" s="1" t="s">
        <v>4935</v>
      </c>
      <c r="C758" s="1" t="s">
        <v>1328</v>
      </c>
      <c r="D758" s="1" t="s">
        <v>1398</v>
      </c>
      <c r="E758" s="1" t="s">
        <v>1398</v>
      </c>
      <c r="F758" s="1" t="s">
        <v>4993</v>
      </c>
      <c r="G758" s="1" t="s">
        <v>4994</v>
      </c>
      <c r="H758" s="1" t="s">
        <v>4995</v>
      </c>
      <c r="I758" s="1" t="s">
        <v>4996</v>
      </c>
      <c r="K758" s="1" t="s">
        <v>1334</v>
      </c>
      <c r="L758" s="1" t="s">
        <v>4971</v>
      </c>
    </row>
    <row r="759" spans="1:12" x14ac:dyDescent="0.25">
      <c r="A759" s="1" t="s">
        <v>4997</v>
      </c>
      <c r="B759" s="1" t="s">
        <v>4935</v>
      </c>
      <c r="C759" s="1" t="s">
        <v>1328</v>
      </c>
      <c r="D759" s="1" t="s">
        <v>1404</v>
      </c>
      <c r="E759" s="1" t="s">
        <v>1404</v>
      </c>
      <c r="F759" s="1" t="s">
        <v>4998</v>
      </c>
      <c r="G759" s="1" t="s">
        <v>4999</v>
      </c>
      <c r="H759" s="1" t="s">
        <v>5000</v>
      </c>
      <c r="I759" s="1" t="s">
        <v>5001</v>
      </c>
      <c r="K759" s="1" t="s">
        <v>1334</v>
      </c>
      <c r="L759" s="1" t="s">
        <v>4940</v>
      </c>
    </row>
    <row r="760" spans="1:12" x14ac:dyDescent="0.25">
      <c r="A760" s="1" t="s">
        <v>5002</v>
      </c>
      <c r="B760" s="1" t="s">
        <v>4935</v>
      </c>
      <c r="C760" s="1" t="s">
        <v>1328</v>
      </c>
      <c r="D760" s="1" t="s">
        <v>1410</v>
      </c>
      <c r="E760" s="1" t="s">
        <v>1410</v>
      </c>
      <c r="F760" s="1" t="s">
        <v>5003</v>
      </c>
      <c r="G760" s="1" t="s">
        <v>5004</v>
      </c>
      <c r="H760" s="1" t="s">
        <v>5005</v>
      </c>
      <c r="I760" s="1" t="s">
        <v>5006</v>
      </c>
      <c r="K760" s="1" t="s">
        <v>1334</v>
      </c>
      <c r="L760" s="1" t="s">
        <v>4946</v>
      </c>
    </row>
    <row r="761" spans="1:12" x14ac:dyDescent="0.25">
      <c r="A761" s="1" t="s">
        <v>5007</v>
      </c>
      <c r="B761" s="1" t="s">
        <v>4935</v>
      </c>
      <c r="C761" s="1" t="s">
        <v>1328</v>
      </c>
      <c r="D761" s="1" t="s">
        <v>1416</v>
      </c>
      <c r="E761" s="1" t="s">
        <v>1416</v>
      </c>
      <c r="F761" s="1" t="s">
        <v>5008</v>
      </c>
      <c r="G761" s="1" t="s">
        <v>5009</v>
      </c>
      <c r="H761" s="1" t="s">
        <v>5010</v>
      </c>
      <c r="I761" s="1" t="s">
        <v>5011</v>
      </c>
      <c r="K761" s="1" t="s">
        <v>1366</v>
      </c>
      <c r="L761" s="1" t="s">
        <v>4940</v>
      </c>
    </row>
    <row r="762" spans="1:12" x14ac:dyDescent="0.25">
      <c r="A762" s="1" t="s">
        <v>5012</v>
      </c>
      <c r="B762" s="1" t="s">
        <v>4935</v>
      </c>
      <c r="C762" s="1" t="s">
        <v>1328</v>
      </c>
      <c r="D762" s="1" t="s">
        <v>1422</v>
      </c>
      <c r="E762" s="1" t="s">
        <v>1422</v>
      </c>
      <c r="F762" s="1" t="s">
        <v>5013</v>
      </c>
      <c r="G762" s="1" t="s">
        <v>5014</v>
      </c>
      <c r="H762" s="1" t="s">
        <v>5015</v>
      </c>
      <c r="I762" s="1" t="s">
        <v>5016</v>
      </c>
      <c r="K762" s="1" t="s">
        <v>1366</v>
      </c>
      <c r="L762" s="1" t="s">
        <v>4971</v>
      </c>
    </row>
    <row r="763" spans="1:12" x14ac:dyDescent="0.25">
      <c r="A763" s="1" t="s">
        <v>5017</v>
      </c>
      <c r="B763" s="1" t="s">
        <v>4935</v>
      </c>
      <c r="C763" s="1" t="s">
        <v>1328</v>
      </c>
      <c r="D763" s="1" t="s">
        <v>1428</v>
      </c>
      <c r="E763" s="1" t="s">
        <v>1428</v>
      </c>
      <c r="F763" s="1" t="s">
        <v>5018</v>
      </c>
      <c r="G763" s="1" t="s">
        <v>5019</v>
      </c>
      <c r="H763" s="1" t="s">
        <v>5020</v>
      </c>
      <c r="I763" s="1" t="s">
        <v>5021</v>
      </c>
      <c r="K763" s="1" t="s">
        <v>1334</v>
      </c>
      <c r="L763" s="1" t="s">
        <v>4940</v>
      </c>
    </row>
    <row r="764" spans="1:12" x14ac:dyDescent="0.25">
      <c r="A764" s="1" t="s">
        <v>5022</v>
      </c>
      <c r="B764" s="1" t="s">
        <v>4935</v>
      </c>
      <c r="C764" s="1" t="s">
        <v>1328</v>
      </c>
      <c r="D764" s="1" t="s">
        <v>1434</v>
      </c>
      <c r="E764" s="1" t="s">
        <v>1434</v>
      </c>
      <c r="F764" s="1" t="s">
        <v>5023</v>
      </c>
      <c r="G764" s="1" t="s">
        <v>5024</v>
      </c>
      <c r="H764" s="1" t="s">
        <v>5025</v>
      </c>
      <c r="I764" s="1" t="s">
        <v>5026</v>
      </c>
      <c r="K764" s="1" t="s">
        <v>1366</v>
      </c>
      <c r="L764" s="1" t="s">
        <v>4951</v>
      </c>
    </row>
    <row r="765" spans="1:12" x14ac:dyDescent="0.25">
      <c r="A765" s="1" t="s">
        <v>5027</v>
      </c>
      <c r="B765" s="1" t="s">
        <v>4935</v>
      </c>
      <c r="C765" s="1" t="s">
        <v>1328</v>
      </c>
      <c r="D765" s="1" t="s">
        <v>1440</v>
      </c>
      <c r="E765" s="1" t="s">
        <v>1440</v>
      </c>
      <c r="F765" s="1" t="s">
        <v>5028</v>
      </c>
      <c r="G765" s="1" t="s">
        <v>5029</v>
      </c>
      <c r="H765" s="1" t="s">
        <v>5030</v>
      </c>
      <c r="I765" s="1" t="s">
        <v>5031</v>
      </c>
      <c r="K765" s="1" t="s">
        <v>1366</v>
      </c>
      <c r="L765" s="1" t="s">
        <v>4951</v>
      </c>
    </row>
    <row r="766" spans="1:12" x14ac:dyDescent="0.25">
      <c r="A766" s="1" t="s">
        <v>5032</v>
      </c>
      <c r="B766" s="1" t="s">
        <v>4935</v>
      </c>
      <c r="C766" s="1" t="s">
        <v>1328</v>
      </c>
      <c r="D766" s="1" t="s">
        <v>1446</v>
      </c>
      <c r="E766" s="1" t="s">
        <v>1446</v>
      </c>
      <c r="F766" s="1" t="s">
        <v>5033</v>
      </c>
      <c r="G766" s="1" t="s">
        <v>5034</v>
      </c>
      <c r="H766" s="1" t="s">
        <v>5035</v>
      </c>
      <c r="I766" s="1" t="s">
        <v>5036</v>
      </c>
      <c r="K766" s="1" t="s">
        <v>1366</v>
      </c>
      <c r="L766" s="1" t="s">
        <v>4946</v>
      </c>
    </row>
    <row r="767" spans="1:12" x14ac:dyDescent="0.25">
      <c r="A767" s="1" t="s">
        <v>5037</v>
      </c>
      <c r="B767" s="1" t="s">
        <v>4935</v>
      </c>
      <c r="C767" s="1" t="s">
        <v>1328</v>
      </c>
      <c r="D767" s="1" t="s">
        <v>1452</v>
      </c>
      <c r="E767" s="1" t="s">
        <v>1452</v>
      </c>
      <c r="F767" s="1" t="s">
        <v>5038</v>
      </c>
      <c r="G767" s="1" t="s">
        <v>5039</v>
      </c>
      <c r="H767" s="1" t="s">
        <v>5040</v>
      </c>
      <c r="I767" s="1" t="s">
        <v>5041</v>
      </c>
      <c r="K767" s="1" t="s">
        <v>1334</v>
      </c>
      <c r="L767" s="1" t="s">
        <v>4940</v>
      </c>
    </row>
    <row r="768" spans="1:12" x14ac:dyDescent="0.25">
      <c r="A768" s="1" t="s">
        <v>5042</v>
      </c>
      <c r="B768" s="1" t="s">
        <v>4935</v>
      </c>
      <c r="C768" s="1" t="s">
        <v>1328</v>
      </c>
      <c r="D768" s="1" t="s">
        <v>1458</v>
      </c>
      <c r="E768" s="1" t="s">
        <v>1458</v>
      </c>
      <c r="F768" s="1" t="s">
        <v>5043</v>
      </c>
      <c r="G768" s="1" t="s">
        <v>5044</v>
      </c>
      <c r="H768" s="1" t="s">
        <v>5045</v>
      </c>
      <c r="I768" s="1" t="s">
        <v>5046</v>
      </c>
      <c r="K768" s="1" t="s">
        <v>1366</v>
      </c>
      <c r="L768" s="1" t="s">
        <v>4951</v>
      </c>
    </row>
    <row r="769" spans="1:12" x14ac:dyDescent="0.25">
      <c r="A769" s="1" t="s">
        <v>5047</v>
      </c>
      <c r="B769" s="1" t="s">
        <v>4935</v>
      </c>
      <c r="C769" s="1" t="s">
        <v>1328</v>
      </c>
      <c r="D769" s="1" t="s">
        <v>1464</v>
      </c>
      <c r="E769" s="1" t="s">
        <v>1464</v>
      </c>
      <c r="F769" s="1" t="s">
        <v>5048</v>
      </c>
      <c r="G769" s="1" t="s">
        <v>5049</v>
      </c>
      <c r="H769" s="1" t="s">
        <v>5050</v>
      </c>
      <c r="I769" s="1" t="s">
        <v>5051</v>
      </c>
      <c r="J769" s="14" t="s">
        <v>5052</v>
      </c>
      <c r="K769" s="1" t="s">
        <v>1334</v>
      </c>
      <c r="L769" s="1" t="s">
        <v>4946</v>
      </c>
    </row>
    <row r="770" spans="1:12" x14ac:dyDescent="0.25">
      <c r="A770" s="1" t="s">
        <v>5053</v>
      </c>
      <c r="B770" s="1" t="s">
        <v>4935</v>
      </c>
      <c r="C770" s="1" t="s">
        <v>1328</v>
      </c>
      <c r="D770" s="1" t="s">
        <v>1470</v>
      </c>
      <c r="E770" s="1" t="s">
        <v>1470</v>
      </c>
      <c r="F770" s="1" t="s">
        <v>5054</v>
      </c>
      <c r="G770" s="1" t="s">
        <v>5055</v>
      </c>
      <c r="H770" s="1" t="s">
        <v>5056</v>
      </c>
      <c r="I770" s="1" t="s">
        <v>5057</v>
      </c>
      <c r="K770" s="1" t="s">
        <v>1334</v>
      </c>
      <c r="L770" s="1" t="s">
        <v>4971</v>
      </c>
    </row>
    <row r="771" spans="1:12" x14ac:dyDescent="0.25">
      <c r="A771" s="1" t="s">
        <v>5058</v>
      </c>
      <c r="B771" s="1" t="s">
        <v>4935</v>
      </c>
      <c r="C771" s="1" t="s">
        <v>1328</v>
      </c>
      <c r="D771" s="1" t="s">
        <v>1476</v>
      </c>
      <c r="E771" s="1" t="s">
        <v>1476</v>
      </c>
      <c r="F771" s="1" t="s">
        <v>5059</v>
      </c>
      <c r="G771" s="1" t="s">
        <v>5060</v>
      </c>
      <c r="H771" s="1" t="s">
        <v>5061</v>
      </c>
      <c r="I771" s="1" t="s">
        <v>5062</v>
      </c>
      <c r="K771" s="1" t="s">
        <v>1334</v>
      </c>
      <c r="L771" s="1" t="s">
        <v>4940</v>
      </c>
    </row>
    <row r="772" spans="1:12" x14ac:dyDescent="0.25">
      <c r="A772" s="1" t="s">
        <v>5063</v>
      </c>
      <c r="B772" s="1" t="s">
        <v>4935</v>
      </c>
      <c r="C772" s="1" t="s">
        <v>1328</v>
      </c>
      <c r="D772" s="1" t="s">
        <v>1482</v>
      </c>
      <c r="E772" s="1" t="s">
        <v>1482</v>
      </c>
      <c r="F772" s="1" t="s">
        <v>5064</v>
      </c>
      <c r="G772" s="1" t="s">
        <v>5065</v>
      </c>
      <c r="H772" s="1" t="s">
        <v>5066</v>
      </c>
      <c r="I772" s="1" t="s">
        <v>5067</v>
      </c>
      <c r="K772" s="1" t="s">
        <v>1334</v>
      </c>
      <c r="L772" s="1" t="s">
        <v>4946</v>
      </c>
    </row>
    <row r="773" spans="1:12" x14ac:dyDescent="0.25">
      <c r="A773" s="1" t="s">
        <v>5068</v>
      </c>
      <c r="B773" s="1" t="s">
        <v>4935</v>
      </c>
      <c r="C773" s="1" t="s">
        <v>1328</v>
      </c>
      <c r="D773" s="1" t="s">
        <v>1488</v>
      </c>
      <c r="E773" s="1" t="s">
        <v>1488</v>
      </c>
      <c r="F773" s="1" t="s">
        <v>5069</v>
      </c>
      <c r="G773" s="1" t="s">
        <v>5070</v>
      </c>
      <c r="H773" s="1" t="s">
        <v>5071</v>
      </c>
      <c r="I773" s="1" t="s">
        <v>5072</v>
      </c>
      <c r="K773" s="1" t="s">
        <v>1334</v>
      </c>
      <c r="L773" s="1" t="s">
        <v>4971</v>
      </c>
    </row>
    <row r="774" spans="1:12" x14ac:dyDescent="0.25">
      <c r="A774" s="1" t="s">
        <v>5073</v>
      </c>
      <c r="B774" s="1" t="s">
        <v>4935</v>
      </c>
      <c r="C774" s="1" t="s">
        <v>1328</v>
      </c>
      <c r="D774" s="1" t="s">
        <v>1494</v>
      </c>
      <c r="E774" s="1" t="s">
        <v>1494</v>
      </c>
      <c r="F774" s="1" t="s">
        <v>5074</v>
      </c>
      <c r="G774" s="1" t="s">
        <v>5075</v>
      </c>
      <c r="H774" s="1" t="s">
        <v>5076</v>
      </c>
      <c r="I774" s="1" t="s">
        <v>5077</v>
      </c>
      <c r="K774" s="1" t="s">
        <v>1334</v>
      </c>
      <c r="L774" s="1" t="s">
        <v>4946</v>
      </c>
    </row>
    <row r="775" spans="1:12" x14ac:dyDescent="0.25">
      <c r="A775" s="1" t="s">
        <v>5078</v>
      </c>
      <c r="B775" s="1" t="s">
        <v>4935</v>
      </c>
      <c r="C775" s="1" t="s">
        <v>1328</v>
      </c>
      <c r="D775" s="1" t="s">
        <v>1500</v>
      </c>
      <c r="E775" s="1" t="s">
        <v>1500</v>
      </c>
      <c r="F775" s="1" t="s">
        <v>5079</v>
      </c>
      <c r="G775" s="1" t="s">
        <v>5080</v>
      </c>
      <c r="H775" s="1" t="s">
        <v>5081</v>
      </c>
      <c r="I775" s="1" t="s">
        <v>5082</v>
      </c>
      <c r="K775" s="1" t="s">
        <v>1366</v>
      </c>
      <c r="L775" s="1" t="s">
        <v>4971</v>
      </c>
    </row>
    <row r="776" spans="1:12" x14ac:dyDescent="0.25">
      <c r="A776" s="1" t="s">
        <v>5083</v>
      </c>
      <c r="B776" s="1" t="s">
        <v>4935</v>
      </c>
      <c r="C776" s="1" t="s">
        <v>1328</v>
      </c>
      <c r="D776" s="1" t="s">
        <v>1506</v>
      </c>
      <c r="E776" s="1" t="s">
        <v>1506</v>
      </c>
      <c r="F776" s="1" t="s">
        <v>5084</v>
      </c>
      <c r="G776" s="1" t="s">
        <v>5085</v>
      </c>
      <c r="H776" s="1" t="s">
        <v>5086</v>
      </c>
      <c r="I776" s="1" t="s">
        <v>5087</v>
      </c>
      <c r="K776" s="1" t="s">
        <v>1334</v>
      </c>
      <c r="L776" s="1" t="s">
        <v>4951</v>
      </c>
    </row>
    <row r="777" spans="1:12" x14ac:dyDescent="0.25">
      <c r="A777" s="1" t="s">
        <v>5088</v>
      </c>
      <c r="B777" s="1" t="s">
        <v>4935</v>
      </c>
      <c r="C777" s="1" t="s">
        <v>1328</v>
      </c>
      <c r="D777" s="1" t="s">
        <v>1512</v>
      </c>
      <c r="E777" s="1" t="s">
        <v>1512</v>
      </c>
      <c r="F777" s="1" t="s">
        <v>5089</v>
      </c>
      <c r="G777" s="1" t="s">
        <v>5090</v>
      </c>
      <c r="H777" s="1" t="s">
        <v>5091</v>
      </c>
      <c r="I777" s="1" t="s">
        <v>5092</v>
      </c>
      <c r="K777" s="1" t="s">
        <v>1366</v>
      </c>
      <c r="L777" s="1" t="s">
        <v>4940</v>
      </c>
    </row>
    <row r="778" spans="1:12" x14ac:dyDescent="0.25">
      <c r="A778" s="1" t="s">
        <v>5093</v>
      </c>
      <c r="B778" s="1" t="s">
        <v>4935</v>
      </c>
      <c r="C778" s="1" t="s">
        <v>1328</v>
      </c>
      <c r="D778" s="1" t="s">
        <v>1517</v>
      </c>
      <c r="E778" s="1" t="s">
        <v>1517</v>
      </c>
      <c r="F778" s="1" t="s">
        <v>5094</v>
      </c>
      <c r="G778" s="1" t="s">
        <v>5095</v>
      </c>
      <c r="H778" s="1" t="s">
        <v>5030</v>
      </c>
      <c r="I778" s="1" t="s">
        <v>5096</v>
      </c>
      <c r="K778" s="1" t="s">
        <v>1334</v>
      </c>
      <c r="L778" s="1" t="s">
        <v>4971</v>
      </c>
    </row>
    <row r="779" spans="1:12" x14ac:dyDescent="0.25">
      <c r="A779" s="1" t="s">
        <v>5097</v>
      </c>
      <c r="B779" s="1" t="s">
        <v>4935</v>
      </c>
      <c r="C779" s="1" t="s">
        <v>1328</v>
      </c>
      <c r="D779" s="1" t="s">
        <v>1523</v>
      </c>
      <c r="E779" s="1" t="s">
        <v>1523</v>
      </c>
      <c r="F779" s="1" t="s">
        <v>5098</v>
      </c>
      <c r="G779" s="1" t="s">
        <v>5099</v>
      </c>
      <c r="H779" s="1" t="s">
        <v>5100</v>
      </c>
      <c r="I779" s="1" t="s">
        <v>5101</v>
      </c>
      <c r="K779" s="1" t="s">
        <v>1366</v>
      </c>
      <c r="L779" s="1" t="s">
        <v>4971</v>
      </c>
    </row>
    <row r="780" spans="1:12" x14ac:dyDescent="0.25">
      <c r="A780" s="1" t="s">
        <v>5102</v>
      </c>
      <c r="B780" s="1" t="s">
        <v>4935</v>
      </c>
      <c r="C780" s="1" t="s">
        <v>1529</v>
      </c>
      <c r="D780" s="1" t="s">
        <v>1329</v>
      </c>
      <c r="E780" s="1" t="s">
        <v>1329</v>
      </c>
      <c r="F780" s="1" t="s">
        <v>5103</v>
      </c>
      <c r="G780" s="1" t="s">
        <v>5104</v>
      </c>
      <c r="H780" s="1" t="s">
        <v>5105</v>
      </c>
      <c r="I780" s="1" t="s">
        <v>5106</v>
      </c>
      <c r="K780" s="1" t="s">
        <v>1366</v>
      </c>
      <c r="L780" s="1" t="s">
        <v>4946</v>
      </c>
    </row>
    <row r="781" spans="1:12" x14ac:dyDescent="0.25">
      <c r="A781" s="1" t="s">
        <v>5107</v>
      </c>
      <c r="B781" s="1" t="s">
        <v>4935</v>
      </c>
      <c r="C781" s="1" t="s">
        <v>1529</v>
      </c>
      <c r="D781" s="1" t="s">
        <v>1337</v>
      </c>
      <c r="E781" s="1" t="s">
        <v>1337</v>
      </c>
      <c r="F781" s="1" t="s">
        <v>5108</v>
      </c>
      <c r="G781" s="1" t="s">
        <v>5109</v>
      </c>
      <c r="H781" s="1" t="s">
        <v>5110</v>
      </c>
      <c r="I781" s="1" t="s">
        <v>5111</v>
      </c>
      <c r="K781" s="1" t="s">
        <v>1366</v>
      </c>
      <c r="L781" s="1" t="s">
        <v>4940</v>
      </c>
    </row>
    <row r="782" spans="1:12" x14ac:dyDescent="0.25">
      <c r="A782" s="1" t="s">
        <v>5112</v>
      </c>
      <c r="B782" s="1" t="s">
        <v>4935</v>
      </c>
      <c r="C782" s="1" t="s">
        <v>1529</v>
      </c>
      <c r="D782" s="1" t="s">
        <v>1343</v>
      </c>
      <c r="E782" s="1" t="s">
        <v>1343</v>
      </c>
      <c r="F782" s="1" t="s">
        <v>5113</v>
      </c>
      <c r="G782" s="1" t="s">
        <v>5114</v>
      </c>
      <c r="H782" s="1" t="s">
        <v>5115</v>
      </c>
      <c r="I782" s="1" t="s">
        <v>5116</v>
      </c>
      <c r="K782" s="1" t="s">
        <v>1334</v>
      </c>
      <c r="L782" s="1" t="s">
        <v>4946</v>
      </c>
    </row>
    <row r="783" spans="1:12" x14ac:dyDescent="0.25">
      <c r="A783" s="1" t="s">
        <v>5117</v>
      </c>
      <c r="B783" s="1" t="s">
        <v>4935</v>
      </c>
      <c r="C783" s="1" t="s">
        <v>1529</v>
      </c>
      <c r="D783" s="1" t="s">
        <v>1349</v>
      </c>
      <c r="E783" s="1" t="s">
        <v>1349</v>
      </c>
      <c r="F783" s="1" t="s">
        <v>5118</v>
      </c>
      <c r="G783" s="1" t="s">
        <v>5119</v>
      </c>
      <c r="H783" s="1" t="s">
        <v>5120</v>
      </c>
      <c r="I783" s="1" t="s">
        <v>5121</v>
      </c>
      <c r="K783" s="1" t="s">
        <v>1334</v>
      </c>
      <c r="L783" s="1" t="s">
        <v>4971</v>
      </c>
    </row>
    <row r="784" spans="1:12" x14ac:dyDescent="0.25">
      <c r="A784" s="1" t="s">
        <v>5122</v>
      </c>
      <c r="B784" s="1" t="s">
        <v>4935</v>
      </c>
      <c r="C784" s="1" t="s">
        <v>1529</v>
      </c>
      <c r="D784" s="1" t="s">
        <v>1355</v>
      </c>
      <c r="E784" s="1" t="s">
        <v>1355</v>
      </c>
      <c r="F784" s="1" t="s">
        <v>5123</v>
      </c>
      <c r="G784" s="1" t="s">
        <v>5124</v>
      </c>
      <c r="H784" s="1" t="s">
        <v>5125</v>
      </c>
      <c r="I784" s="1" t="s">
        <v>5126</v>
      </c>
      <c r="K784" s="1" t="s">
        <v>1366</v>
      </c>
      <c r="L784" s="1" t="s">
        <v>4940</v>
      </c>
    </row>
    <row r="785" spans="1:12" x14ac:dyDescent="0.25">
      <c r="A785" s="1" t="s">
        <v>5127</v>
      </c>
      <c r="B785" s="1" t="s">
        <v>4935</v>
      </c>
      <c r="C785" s="1" t="s">
        <v>1529</v>
      </c>
      <c r="D785" s="1" t="s">
        <v>1361</v>
      </c>
      <c r="E785" s="1" t="s">
        <v>1361</v>
      </c>
      <c r="F785" s="1" t="s">
        <v>5128</v>
      </c>
      <c r="G785" s="1" t="s">
        <v>5129</v>
      </c>
      <c r="H785" s="1" t="s">
        <v>5130</v>
      </c>
      <c r="I785" s="1" t="s">
        <v>5131</v>
      </c>
      <c r="K785" s="1" t="s">
        <v>1334</v>
      </c>
      <c r="L785" s="1" t="s">
        <v>4940</v>
      </c>
    </row>
    <row r="786" spans="1:12" x14ac:dyDescent="0.25">
      <c r="A786" s="1" t="s">
        <v>5132</v>
      </c>
      <c r="B786" s="1" t="s">
        <v>4935</v>
      </c>
      <c r="C786" s="1" t="s">
        <v>1529</v>
      </c>
      <c r="D786" s="1" t="s">
        <v>1368</v>
      </c>
      <c r="E786" s="1" t="s">
        <v>1368</v>
      </c>
      <c r="F786" s="1" t="s">
        <v>5133</v>
      </c>
      <c r="G786" s="1" t="s">
        <v>5134</v>
      </c>
      <c r="H786" s="1" t="s">
        <v>5135</v>
      </c>
      <c r="I786" s="1" t="s">
        <v>5136</v>
      </c>
      <c r="K786" s="1" t="s">
        <v>1334</v>
      </c>
      <c r="L786" s="1" t="s">
        <v>4951</v>
      </c>
    </row>
    <row r="787" spans="1:12" x14ac:dyDescent="0.25">
      <c r="A787" s="1" t="s">
        <v>5137</v>
      </c>
      <c r="B787" s="1" t="s">
        <v>4935</v>
      </c>
      <c r="C787" s="1" t="s">
        <v>1529</v>
      </c>
      <c r="D787" s="1" t="s">
        <v>1374</v>
      </c>
      <c r="E787" s="1" t="s">
        <v>1374</v>
      </c>
      <c r="F787" s="1" t="s">
        <v>5138</v>
      </c>
      <c r="G787" s="1" t="s">
        <v>5139</v>
      </c>
      <c r="H787" s="1" t="s">
        <v>5140</v>
      </c>
      <c r="I787" s="1" t="s">
        <v>5141</v>
      </c>
      <c r="K787" s="1" t="s">
        <v>1366</v>
      </c>
      <c r="L787" s="1" t="s">
        <v>4971</v>
      </c>
    </row>
    <row r="788" spans="1:12" x14ac:dyDescent="0.25">
      <c r="A788" s="1" t="s">
        <v>5142</v>
      </c>
      <c r="B788" s="1" t="s">
        <v>4935</v>
      </c>
      <c r="C788" s="1" t="s">
        <v>1529</v>
      </c>
      <c r="D788" s="1" t="s">
        <v>1380</v>
      </c>
      <c r="E788" s="1" t="s">
        <v>1380</v>
      </c>
      <c r="F788" s="1" t="s">
        <v>5143</v>
      </c>
      <c r="G788" s="1" t="s">
        <v>5144</v>
      </c>
      <c r="H788" s="1" t="s">
        <v>5145</v>
      </c>
      <c r="I788" s="1" t="s">
        <v>5146</v>
      </c>
      <c r="K788" s="1" t="s">
        <v>1334</v>
      </c>
      <c r="L788" s="1" t="s">
        <v>4951</v>
      </c>
    </row>
    <row r="789" spans="1:12" x14ac:dyDescent="0.25">
      <c r="A789" s="1" t="s">
        <v>5147</v>
      </c>
      <c r="B789" s="1" t="s">
        <v>4935</v>
      </c>
      <c r="C789" s="1" t="s">
        <v>1529</v>
      </c>
      <c r="D789" s="1" t="s">
        <v>1386</v>
      </c>
      <c r="E789" s="1" t="s">
        <v>1386</v>
      </c>
      <c r="F789" s="1" t="s">
        <v>5148</v>
      </c>
      <c r="G789" s="1" t="s">
        <v>5149</v>
      </c>
      <c r="H789" s="1" t="s">
        <v>5150</v>
      </c>
      <c r="I789" s="1" t="s">
        <v>5151</v>
      </c>
      <c r="K789" s="1" t="s">
        <v>1366</v>
      </c>
      <c r="L789" s="1" t="s">
        <v>4940</v>
      </c>
    </row>
    <row r="790" spans="1:12" x14ac:dyDescent="0.25">
      <c r="A790" s="1" t="s">
        <v>5152</v>
      </c>
      <c r="B790" s="1" t="s">
        <v>4935</v>
      </c>
      <c r="C790" s="1" t="s">
        <v>1529</v>
      </c>
      <c r="D790" s="1" t="s">
        <v>1392</v>
      </c>
      <c r="E790" s="1" t="s">
        <v>1392</v>
      </c>
      <c r="F790" s="1" t="s">
        <v>5153</v>
      </c>
      <c r="G790" s="1" t="s">
        <v>5154</v>
      </c>
      <c r="H790" s="1" t="s">
        <v>5155</v>
      </c>
      <c r="I790" s="1" t="s">
        <v>5156</v>
      </c>
      <c r="K790" s="1" t="s">
        <v>1366</v>
      </c>
      <c r="L790" s="1" t="s">
        <v>4951</v>
      </c>
    </row>
    <row r="791" spans="1:12" x14ac:dyDescent="0.25">
      <c r="A791" s="1" t="s">
        <v>5157</v>
      </c>
      <c r="B791" s="1" t="s">
        <v>4935</v>
      </c>
      <c r="C791" s="1" t="s">
        <v>1529</v>
      </c>
      <c r="D791" s="1" t="s">
        <v>1398</v>
      </c>
      <c r="E791" s="1" t="s">
        <v>1398</v>
      </c>
      <c r="F791" s="1" t="s">
        <v>5158</v>
      </c>
      <c r="G791" s="1" t="s">
        <v>5159</v>
      </c>
      <c r="H791" s="1" t="s">
        <v>5160</v>
      </c>
      <c r="I791" s="1" t="s">
        <v>5161</v>
      </c>
      <c r="K791" s="1" t="s">
        <v>1334</v>
      </c>
      <c r="L791" s="1" t="s">
        <v>4951</v>
      </c>
    </row>
    <row r="792" spans="1:12" x14ac:dyDescent="0.25">
      <c r="A792" s="1" t="s">
        <v>5162</v>
      </c>
      <c r="B792" s="1" t="s">
        <v>4935</v>
      </c>
      <c r="C792" s="1" t="s">
        <v>1529</v>
      </c>
      <c r="D792" s="1" t="s">
        <v>1404</v>
      </c>
      <c r="E792" s="1" t="s">
        <v>1404</v>
      </c>
      <c r="F792" s="1" t="s">
        <v>5163</v>
      </c>
      <c r="G792" s="1" t="s">
        <v>5164</v>
      </c>
      <c r="H792" s="1" t="s">
        <v>5165</v>
      </c>
      <c r="I792" s="1" t="s">
        <v>5166</v>
      </c>
      <c r="K792" s="1" t="s">
        <v>1334</v>
      </c>
      <c r="L792" s="1" t="s">
        <v>4971</v>
      </c>
    </row>
    <row r="793" spans="1:12" x14ac:dyDescent="0.25">
      <c r="A793" s="1" t="s">
        <v>5167</v>
      </c>
      <c r="B793" s="1" t="s">
        <v>4935</v>
      </c>
      <c r="C793" s="1" t="s">
        <v>1529</v>
      </c>
      <c r="D793" s="1" t="s">
        <v>1410</v>
      </c>
      <c r="E793" s="1" t="s">
        <v>1410</v>
      </c>
      <c r="F793" s="1" t="s">
        <v>5168</v>
      </c>
      <c r="G793" s="1" t="s">
        <v>5169</v>
      </c>
      <c r="H793" s="1" t="s">
        <v>5170</v>
      </c>
      <c r="I793" s="1" t="s">
        <v>5171</v>
      </c>
      <c r="K793" s="1" t="s">
        <v>1334</v>
      </c>
      <c r="L793" s="1" t="s">
        <v>4946</v>
      </c>
    </row>
    <row r="794" spans="1:12" x14ac:dyDescent="0.25">
      <c r="A794" s="1" t="s">
        <v>5172</v>
      </c>
      <c r="B794" s="1" t="s">
        <v>4935</v>
      </c>
      <c r="C794" s="1" t="s">
        <v>1529</v>
      </c>
      <c r="D794" s="1" t="s">
        <v>1416</v>
      </c>
      <c r="E794" s="1" t="s">
        <v>1416</v>
      </c>
      <c r="F794" s="1" t="s">
        <v>5173</v>
      </c>
      <c r="G794" s="1" t="s">
        <v>5174</v>
      </c>
      <c r="H794" s="1" t="s">
        <v>5175</v>
      </c>
      <c r="I794" s="1" t="s">
        <v>5176</v>
      </c>
      <c r="K794" s="1" t="s">
        <v>1334</v>
      </c>
      <c r="L794" s="1" t="s">
        <v>4971</v>
      </c>
    </row>
    <row r="795" spans="1:12" x14ac:dyDescent="0.25">
      <c r="A795" s="1" t="s">
        <v>5177</v>
      </c>
      <c r="B795" s="1" t="s">
        <v>4935</v>
      </c>
      <c r="C795" s="1" t="s">
        <v>1529</v>
      </c>
      <c r="D795" s="1" t="s">
        <v>1422</v>
      </c>
      <c r="E795" s="1" t="s">
        <v>1422</v>
      </c>
      <c r="F795" s="1" t="s">
        <v>5178</v>
      </c>
      <c r="G795" s="1" t="s">
        <v>5179</v>
      </c>
      <c r="H795" s="1" t="s">
        <v>5180</v>
      </c>
      <c r="I795" s="1" t="s">
        <v>5181</v>
      </c>
      <c r="K795" s="1" t="s">
        <v>1334</v>
      </c>
      <c r="L795" s="1" t="s">
        <v>4951</v>
      </c>
    </row>
    <row r="796" spans="1:12" x14ac:dyDescent="0.25">
      <c r="A796" s="1" t="s">
        <v>5182</v>
      </c>
      <c r="B796" s="1" t="s">
        <v>4935</v>
      </c>
      <c r="C796" s="1" t="s">
        <v>1529</v>
      </c>
      <c r="D796" s="1" t="s">
        <v>1428</v>
      </c>
      <c r="E796" s="1" t="s">
        <v>1428</v>
      </c>
      <c r="F796" s="1" t="s">
        <v>5183</v>
      </c>
      <c r="G796" s="1" t="s">
        <v>5184</v>
      </c>
      <c r="H796" s="1" t="s">
        <v>5185</v>
      </c>
      <c r="I796" s="1" t="s">
        <v>5186</v>
      </c>
      <c r="K796" s="1" t="s">
        <v>1366</v>
      </c>
      <c r="L796" s="1" t="s">
        <v>4971</v>
      </c>
    </row>
    <row r="797" spans="1:12" x14ac:dyDescent="0.25">
      <c r="A797" s="1" t="s">
        <v>5187</v>
      </c>
      <c r="B797" s="1" t="s">
        <v>4935</v>
      </c>
      <c r="C797" s="1" t="s">
        <v>1529</v>
      </c>
      <c r="D797" s="1" t="s">
        <v>1434</v>
      </c>
      <c r="E797" s="1" t="s">
        <v>1434</v>
      </c>
      <c r="F797" s="1" t="s">
        <v>5188</v>
      </c>
      <c r="G797" s="1" t="s">
        <v>5189</v>
      </c>
      <c r="H797" s="1" t="s">
        <v>5190</v>
      </c>
      <c r="I797" s="1" t="s">
        <v>5191</v>
      </c>
      <c r="K797" s="1" t="s">
        <v>1366</v>
      </c>
      <c r="L797" s="1" t="s">
        <v>4946</v>
      </c>
    </row>
    <row r="798" spans="1:12" x14ac:dyDescent="0.25">
      <c r="A798" s="1" t="s">
        <v>5192</v>
      </c>
      <c r="B798" s="1" t="s">
        <v>4935</v>
      </c>
      <c r="C798" s="1" t="s">
        <v>1529</v>
      </c>
      <c r="D798" s="1" t="s">
        <v>1440</v>
      </c>
      <c r="E798" s="1" t="s">
        <v>1440</v>
      </c>
      <c r="F798" s="1" t="s">
        <v>5193</v>
      </c>
      <c r="G798" s="1" t="s">
        <v>5194</v>
      </c>
      <c r="H798" s="1" t="s">
        <v>5195</v>
      </c>
      <c r="I798" s="1" t="s">
        <v>5196</v>
      </c>
      <c r="K798" s="1" t="s">
        <v>1366</v>
      </c>
      <c r="L798" s="1" t="s">
        <v>4940</v>
      </c>
    </row>
    <row r="799" spans="1:12" x14ac:dyDescent="0.25">
      <c r="A799" s="1" t="s">
        <v>5197</v>
      </c>
      <c r="B799" s="1" t="s">
        <v>4935</v>
      </c>
      <c r="C799" s="1" t="s">
        <v>1529</v>
      </c>
      <c r="D799" s="1" t="s">
        <v>1446</v>
      </c>
      <c r="E799" s="1" t="s">
        <v>1446</v>
      </c>
      <c r="F799" s="1" t="s">
        <v>5198</v>
      </c>
      <c r="G799" s="1" t="s">
        <v>5199</v>
      </c>
      <c r="H799" s="1" t="s">
        <v>5200</v>
      </c>
      <c r="I799" s="1" t="s">
        <v>5201</v>
      </c>
      <c r="K799" s="1" t="s">
        <v>1366</v>
      </c>
      <c r="L799" s="1" t="s">
        <v>4951</v>
      </c>
    </row>
    <row r="800" spans="1:12" x14ac:dyDescent="0.25">
      <c r="A800" s="1" t="s">
        <v>5202</v>
      </c>
      <c r="B800" s="1" t="s">
        <v>4935</v>
      </c>
      <c r="C800" s="1" t="s">
        <v>1529</v>
      </c>
      <c r="D800" s="1" t="s">
        <v>1452</v>
      </c>
      <c r="E800" s="1" t="s">
        <v>1452</v>
      </c>
      <c r="F800" s="1" t="s">
        <v>5203</v>
      </c>
      <c r="G800" s="1" t="s">
        <v>5204</v>
      </c>
      <c r="H800" s="1" t="s">
        <v>5205</v>
      </c>
      <c r="I800" s="1" t="s">
        <v>5206</v>
      </c>
      <c r="K800" s="1" t="s">
        <v>1366</v>
      </c>
      <c r="L800" s="1" t="s">
        <v>4946</v>
      </c>
    </row>
    <row r="801" spans="1:12" x14ac:dyDescent="0.25">
      <c r="A801" s="1" t="s">
        <v>5207</v>
      </c>
      <c r="B801" s="1" t="s">
        <v>4935</v>
      </c>
      <c r="C801" s="1" t="s">
        <v>1529</v>
      </c>
      <c r="D801" s="1" t="s">
        <v>1458</v>
      </c>
      <c r="E801" s="1" t="s">
        <v>1458</v>
      </c>
      <c r="F801" s="1" t="s">
        <v>5208</v>
      </c>
      <c r="G801" s="1" t="s">
        <v>5209</v>
      </c>
      <c r="H801" s="1" t="s">
        <v>5210</v>
      </c>
      <c r="I801" s="1" t="s">
        <v>5211</v>
      </c>
      <c r="K801" s="1" t="s">
        <v>1334</v>
      </c>
      <c r="L801" s="1" t="s">
        <v>4951</v>
      </c>
    </row>
    <row r="802" spans="1:12" x14ac:dyDescent="0.25">
      <c r="A802" s="1" t="s">
        <v>628</v>
      </c>
      <c r="B802" s="1" t="s">
        <v>4935</v>
      </c>
      <c r="C802" s="1" t="s">
        <v>1529</v>
      </c>
      <c r="D802" s="1" t="s">
        <v>1464</v>
      </c>
      <c r="E802" s="1" t="s">
        <v>1464</v>
      </c>
      <c r="F802" s="1" t="s">
        <v>5212</v>
      </c>
      <c r="G802" s="1" t="s">
        <v>5213</v>
      </c>
      <c r="H802" s="1" t="s">
        <v>5214</v>
      </c>
      <c r="I802" s="1" t="s">
        <v>5215</v>
      </c>
      <c r="K802" s="1" t="s">
        <v>1334</v>
      </c>
      <c r="L802" s="1" t="s">
        <v>4946</v>
      </c>
    </row>
    <row r="803" spans="1:12" x14ac:dyDescent="0.25">
      <c r="A803" s="1" t="s">
        <v>5216</v>
      </c>
      <c r="B803" s="1" t="s">
        <v>4935</v>
      </c>
      <c r="C803" s="1" t="s">
        <v>1529</v>
      </c>
      <c r="D803" s="1" t="s">
        <v>1470</v>
      </c>
      <c r="E803" s="1" t="s">
        <v>1470</v>
      </c>
      <c r="F803" s="1" t="s">
        <v>5217</v>
      </c>
      <c r="G803" s="1" t="s">
        <v>5218</v>
      </c>
      <c r="H803" s="1" t="s">
        <v>5219</v>
      </c>
      <c r="I803" s="1" t="s">
        <v>5220</v>
      </c>
      <c r="K803" s="1" t="s">
        <v>1366</v>
      </c>
      <c r="L803" s="1" t="s">
        <v>4971</v>
      </c>
    </row>
    <row r="804" spans="1:12" x14ac:dyDescent="0.25">
      <c r="A804" s="1" t="s">
        <v>5221</v>
      </c>
      <c r="B804" s="1" t="s">
        <v>4935</v>
      </c>
      <c r="C804" s="1" t="s">
        <v>1529</v>
      </c>
      <c r="D804" s="1" t="s">
        <v>1476</v>
      </c>
      <c r="E804" s="1" t="s">
        <v>1476</v>
      </c>
      <c r="F804" s="1" t="s">
        <v>5222</v>
      </c>
      <c r="G804" s="1" t="s">
        <v>5223</v>
      </c>
      <c r="H804" s="1" t="s">
        <v>5224</v>
      </c>
      <c r="I804" s="1" t="s">
        <v>5225</v>
      </c>
      <c r="K804" s="1" t="s">
        <v>1334</v>
      </c>
      <c r="L804" s="1" t="s">
        <v>4940</v>
      </c>
    </row>
    <row r="805" spans="1:12" x14ac:dyDescent="0.25">
      <c r="A805" s="1" t="s">
        <v>5226</v>
      </c>
      <c r="B805" s="1" t="s">
        <v>4935</v>
      </c>
      <c r="C805" s="1" t="s">
        <v>1529</v>
      </c>
      <c r="D805" s="1" t="s">
        <v>1482</v>
      </c>
      <c r="E805" s="1" t="s">
        <v>1482</v>
      </c>
      <c r="F805" s="1" t="s">
        <v>5227</v>
      </c>
      <c r="G805" s="1" t="s">
        <v>5228</v>
      </c>
      <c r="H805" s="1" t="s">
        <v>5229</v>
      </c>
      <c r="I805" s="1" t="s">
        <v>5230</v>
      </c>
      <c r="K805" s="1" t="s">
        <v>1366</v>
      </c>
      <c r="L805" s="1" t="s">
        <v>4946</v>
      </c>
    </row>
    <row r="806" spans="1:12" x14ac:dyDescent="0.25">
      <c r="A806" s="1" t="s">
        <v>5231</v>
      </c>
      <c r="B806" s="1" t="s">
        <v>4935</v>
      </c>
      <c r="C806" s="1" t="s">
        <v>1529</v>
      </c>
      <c r="D806" s="1" t="s">
        <v>1488</v>
      </c>
      <c r="E806" s="1" t="s">
        <v>1488</v>
      </c>
      <c r="F806" s="1" t="s">
        <v>5232</v>
      </c>
      <c r="G806" s="1" t="s">
        <v>5233</v>
      </c>
      <c r="H806" s="1" t="s">
        <v>5234</v>
      </c>
      <c r="I806" s="1" t="s">
        <v>5235</v>
      </c>
      <c r="K806" s="1" t="s">
        <v>1366</v>
      </c>
      <c r="L806" s="1" t="s">
        <v>4940</v>
      </c>
    </row>
    <row r="807" spans="1:12" x14ac:dyDescent="0.25">
      <c r="A807" s="1" t="s">
        <v>5236</v>
      </c>
      <c r="B807" s="1" t="s">
        <v>4935</v>
      </c>
      <c r="C807" s="1" t="s">
        <v>1529</v>
      </c>
      <c r="D807" s="1" t="s">
        <v>1494</v>
      </c>
      <c r="E807" s="1" t="s">
        <v>1494</v>
      </c>
      <c r="F807" s="1" t="s">
        <v>5237</v>
      </c>
      <c r="G807" s="1" t="s">
        <v>5238</v>
      </c>
      <c r="H807" s="1" t="s">
        <v>5239</v>
      </c>
      <c r="I807" s="1" t="s">
        <v>5240</v>
      </c>
      <c r="K807" s="1" t="s">
        <v>1366</v>
      </c>
      <c r="L807" s="1" t="s">
        <v>4971</v>
      </c>
    </row>
    <row r="808" spans="1:12" x14ac:dyDescent="0.25">
      <c r="A808" s="1" t="s">
        <v>5241</v>
      </c>
      <c r="B808" s="1" t="s">
        <v>4935</v>
      </c>
      <c r="C808" s="1" t="s">
        <v>1529</v>
      </c>
      <c r="D808" s="1" t="s">
        <v>1500</v>
      </c>
      <c r="E808" s="1" t="s">
        <v>1500</v>
      </c>
      <c r="F808" s="1" t="s">
        <v>5242</v>
      </c>
      <c r="G808" s="1" t="s">
        <v>5243</v>
      </c>
      <c r="H808" s="1" t="s">
        <v>5244</v>
      </c>
      <c r="I808" s="1" t="s">
        <v>5245</v>
      </c>
      <c r="J808" s="14" t="s">
        <v>5052</v>
      </c>
      <c r="K808" s="1" t="s">
        <v>1366</v>
      </c>
      <c r="L808" s="1" t="s">
        <v>4946</v>
      </c>
    </row>
    <row r="809" spans="1:12" x14ac:dyDescent="0.25">
      <c r="A809" s="1" t="s">
        <v>5246</v>
      </c>
      <c r="B809" s="1" t="s">
        <v>4935</v>
      </c>
      <c r="C809" s="1" t="s">
        <v>1529</v>
      </c>
      <c r="D809" s="1" t="s">
        <v>1506</v>
      </c>
      <c r="E809" s="1" t="s">
        <v>1506</v>
      </c>
      <c r="F809" s="1" t="s">
        <v>5247</v>
      </c>
      <c r="G809" s="1" t="s">
        <v>5248</v>
      </c>
      <c r="H809" s="1" t="s">
        <v>5249</v>
      </c>
      <c r="I809" s="1" t="s">
        <v>5250</v>
      </c>
      <c r="K809" s="1" t="s">
        <v>1334</v>
      </c>
      <c r="L809" s="1" t="s">
        <v>4940</v>
      </c>
    </row>
    <row r="810" spans="1:12" x14ac:dyDescent="0.25">
      <c r="A810" s="1" t="s">
        <v>5251</v>
      </c>
      <c r="B810" s="1" t="s">
        <v>4935</v>
      </c>
      <c r="C810" s="1" t="s">
        <v>1529</v>
      </c>
      <c r="D810" s="1" t="s">
        <v>1512</v>
      </c>
      <c r="E810" s="1" t="s">
        <v>1512</v>
      </c>
      <c r="F810" s="1" t="s">
        <v>5252</v>
      </c>
      <c r="G810" s="1" t="s">
        <v>5253</v>
      </c>
      <c r="H810" s="1" t="s">
        <v>5254</v>
      </c>
      <c r="I810" s="1" t="s">
        <v>5255</v>
      </c>
      <c r="K810" s="1" t="s">
        <v>1366</v>
      </c>
      <c r="L810" s="1" t="s">
        <v>4946</v>
      </c>
    </row>
    <row r="811" spans="1:12" x14ac:dyDescent="0.25">
      <c r="A811" s="1" t="s">
        <v>5256</v>
      </c>
      <c r="B811" s="1" t="s">
        <v>4935</v>
      </c>
      <c r="C811" s="1" t="s">
        <v>1529</v>
      </c>
      <c r="D811" s="1" t="s">
        <v>1517</v>
      </c>
      <c r="E811" s="1" t="s">
        <v>1517</v>
      </c>
      <c r="F811" s="1" t="s">
        <v>5257</v>
      </c>
      <c r="G811" s="1" t="s">
        <v>5258</v>
      </c>
      <c r="H811" s="1" t="s">
        <v>5259</v>
      </c>
      <c r="I811" s="1" t="s">
        <v>5260</v>
      </c>
      <c r="K811" s="1" t="s">
        <v>1334</v>
      </c>
      <c r="L811" s="1" t="s">
        <v>4940</v>
      </c>
    </row>
    <row r="812" spans="1:12" x14ac:dyDescent="0.25">
      <c r="A812" s="1" t="s">
        <v>5261</v>
      </c>
      <c r="B812" s="1" t="s">
        <v>4935</v>
      </c>
      <c r="C812" s="1" t="s">
        <v>1529</v>
      </c>
      <c r="D812" s="1" t="s">
        <v>1523</v>
      </c>
      <c r="E812" s="1" t="s">
        <v>1523</v>
      </c>
      <c r="F812" s="1" t="s">
        <v>5262</v>
      </c>
      <c r="G812" s="1" t="s">
        <v>5263</v>
      </c>
      <c r="H812" s="1" t="s">
        <v>5264</v>
      </c>
      <c r="I812" s="1" t="s">
        <v>5265</v>
      </c>
      <c r="K812" s="1" t="s">
        <v>1366</v>
      </c>
      <c r="L812" s="1" t="s">
        <v>4940</v>
      </c>
    </row>
    <row r="813" spans="1:12" x14ac:dyDescent="0.25">
      <c r="A813" s="1" t="s">
        <v>5266</v>
      </c>
      <c r="B813" s="1" t="s">
        <v>4935</v>
      </c>
      <c r="C813" s="1" t="s">
        <v>1686</v>
      </c>
      <c r="D813" s="1" t="s">
        <v>1329</v>
      </c>
      <c r="E813" s="1" t="s">
        <v>1329</v>
      </c>
      <c r="F813" s="1" t="s">
        <v>5267</v>
      </c>
      <c r="G813" s="1" t="s">
        <v>5268</v>
      </c>
      <c r="H813" s="1" t="s">
        <v>5269</v>
      </c>
      <c r="I813" s="1" t="s">
        <v>5270</v>
      </c>
      <c r="K813" s="1" t="s">
        <v>1366</v>
      </c>
      <c r="L813" s="1" t="s">
        <v>4940</v>
      </c>
    </row>
    <row r="814" spans="1:12" x14ac:dyDescent="0.25">
      <c r="A814" s="1" t="s">
        <v>5271</v>
      </c>
      <c r="B814" s="1" t="s">
        <v>4935</v>
      </c>
      <c r="C814" s="1" t="s">
        <v>1686</v>
      </c>
      <c r="D814" s="1" t="s">
        <v>1337</v>
      </c>
      <c r="E814" s="1" t="s">
        <v>1337</v>
      </c>
      <c r="F814" s="1" t="s">
        <v>5272</v>
      </c>
      <c r="G814" s="1" t="s">
        <v>5273</v>
      </c>
      <c r="H814" s="1" t="s">
        <v>5210</v>
      </c>
      <c r="I814" s="1" t="s">
        <v>5274</v>
      </c>
      <c r="K814" s="1" t="s">
        <v>1366</v>
      </c>
      <c r="L814" s="1" t="s">
        <v>4946</v>
      </c>
    </row>
    <row r="815" spans="1:12" x14ac:dyDescent="0.25">
      <c r="A815" s="1" t="s">
        <v>5275</v>
      </c>
      <c r="B815" s="1" t="s">
        <v>4935</v>
      </c>
      <c r="C815" s="1" t="s">
        <v>1686</v>
      </c>
      <c r="D815" s="1" t="s">
        <v>1343</v>
      </c>
      <c r="E815" s="1" t="s">
        <v>1343</v>
      </c>
      <c r="F815" s="1" t="s">
        <v>5276</v>
      </c>
      <c r="G815" s="1" t="s">
        <v>5277</v>
      </c>
      <c r="H815" s="1" t="s">
        <v>5278</v>
      </c>
      <c r="I815" s="1" t="s">
        <v>5279</v>
      </c>
      <c r="K815" s="1" t="s">
        <v>1366</v>
      </c>
      <c r="L815" s="1" t="s">
        <v>4940</v>
      </c>
    </row>
    <row r="816" spans="1:12" x14ac:dyDescent="0.25">
      <c r="A816" s="1" t="s">
        <v>5280</v>
      </c>
      <c r="B816" s="1" t="s">
        <v>4935</v>
      </c>
      <c r="C816" s="1" t="s">
        <v>1686</v>
      </c>
      <c r="D816" s="1" t="s">
        <v>1349</v>
      </c>
      <c r="E816" s="1" t="s">
        <v>1349</v>
      </c>
      <c r="F816" s="1" t="s">
        <v>5281</v>
      </c>
      <c r="G816" s="1" t="s">
        <v>5282</v>
      </c>
      <c r="H816" s="1" t="s">
        <v>5283</v>
      </c>
      <c r="I816" s="1" t="s">
        <v>5284</v>
      </c>
      <c r="K816" s="1" t="s">
        <v>1366</v>
      </c>
      <c r="L816" s="1" t="s">
        <v>4951</v>
      </c>
    </row>
    <row r="817" spans="1:12" x14ac:dyDescent="0.25">
      <c r="A817" s="1" t="s">
        <v>5285</v>
      </c>
      <c r="B817" s="1" t="s">
        <v>4935</v>
      </c>
      <c r="C817" s="1" t="s">
        <v>1686</v>
      </c>
      <c r="D817" s="1" t="s">
        <v>1355</v>
      </c>
      <c r="E817" s="1" t="s">
        <v>1355</v>
      </c>
      <c r="F817" s="1" t="s">
        <v>5286</v>
      </c>
      <c r="G817" s="1" t="s">
        <v>5287</v>
      </c>
      <c r="H817" s="1" t="s">
        <v>5288</v>
      </c>
      <c r="I817" s="1" t="s">
        <v>5289</v>
      </c>
      <c r="K817" s="1" t="s">
        <v>1334</v>
      </c>
      <c r="L817" s="1" t="s">
        <v>4940</v>
      </c>
    </row>
    <row r="818" spans="1:12" x14ac:dyDescent="0.25">
      <c r="A818" s="1" t="s">
        <v>5290</v>
      </c>
      <c r="B818" s="1" t="s">
        <v>4935</v>
      </c>
      <c r="C818" s="1" t="s">
        <v>1686</v>
      </c>
      <c r="D818" s="1" t="s">
        <v>1361</v>
      </c>
      <c r="E818" s="1" t="s">
        <v>1361</v>
      </c>
      <c r="F818" s="1" t="s">
        <v>5291</v>
      </c>
      <c r="G818" s="1" t="s">
        <v>5292</v>
      </c>
      <c r="H818" s="1" t="s">
        <v>5293</v>
      </c>
      <c r="I818" s="1" t="s">
        <v>5294</v>
      </c>
      <c r="K818" s="1" t="s">
        <v>1334</v>
      </c>
      <c r="L818" s="1" t="s">
        <v>4946</v>
      </c>
    </row>
    <row r="819" spans="1:12" x14ac:dyDescent="0.25">
      <c r="A819" s="1" t="s">
        <v>5295</v>
      </c>
      <c r="B819" s="1" t="s">
        <v>4935</v>
      </c>
      <c r="C819" s="1" t="s">
        <v>1686</v>
      </c>
      <c r="D819" s="1" t="s">
        <v>1368</v>
      </c>
      <c r="E819" s="1" t="s">
        <v>1368</v>
      </c>
      <c r="F819" s="1" t="s">
        <v>5296</v>
      </c>
      <c r="G819" s="1" t="s">
        <v>5297</v>
      </c>
      <c r="H819" s="1" t="s">
        <v>5298</v>
      </c>
      <c r="I819" s="1" t="s">
        <v>5299</v>
      </c>
      <c r="K819" s="1" t="s">
        <v>1334</v>
      </c>
      <c r="L819" s="1" t="s">
        <v>4971</v>
      </c>
    </row>
    <row r="820" spans="1:12" x14ac:dyDescent="0.25">
      <c r="A820" s="1" t="s">
        <v>5300</v>
      </c>
      <c r="B820" s="1" t="s">
        <v>4935</v>
      </c>
      <c r="C820" s="1" t="s">
        <v>1686</v>
      </c>
      <c r="D820" s="1" t="s">
        <v>1374</v>
      </c>
      <c r="E820" s="1" t="s">
        <v>1374</v>
      </c>
      <c r="F820" s="1" t="s">
        <v>5301</v>
      </c>
      <c r="G820" s="1" t="s">
        <v>5302</v>
      </c>
      <c r="H820" s="1" t="s">
        <v>5150</v>
      </c>
      <c r="I820" s="1" t="s">
        <v>5303</v>
      </c>
      <c r="K820" s="1" t="s">
        <v>1334</v>
      </c>
      <c r="L820" s="1" t="s">
        <v>4940</v>
      </c>
    </row>
    <row r="821" spans="1:12" x14ac:dyDescent="0.25">
      <c r="A821" s="1" t="s">
        <v>5304</v>
      </c>
      <c r="B821" s="1" t="s">
        <v>4935</v>
      </c>
      <c r="C821" s="1" t="s">
        <v>1686</v>
      </c>
      <c r="D821" s="1" t="s">
        <v>1380</v>
      </c>
      <c r="E821" s="1" t="s">
        <v>1380</v>
      </c>
      <c r="F821" s="1" t="s">
        <v>5305</v>
      </c>
      <c r="G821" s="1" t="s">
        <v>5306</v>
      </c>
      <c r="H821" s="1" t="s">
        <v>5307</v>
      </c>
      <c r="I821" s="1" t="s">
        <v>5308</v>
      </c>
      <c r="K821" s="1" t="s">
        <v>1366</v>
      </c>
      <c r="L821" s="1" t="s">
        <v>4946</v>
      </c>
    </row>
    <row r="822" spans="1:12" x14ac:dyDescent="0.25">
      <c r="A822" s="1" t="s">
        <v>5309</v>
      </c>
      <c r="B822" s="1" t="s">
        <v>4935</v>
      </c>
      <c r="C822" s="1" t="s">
        <v>1686</v>
      </c>
      <c r="D822" s="1" t="s">
        <v>1386</v>
      </c>
      <c r="E822" s="1" t="s">
        <v>1386</v>
      </c>
      <c r="F822" s="1" t="s">
        <v>5310</v>
      </c>
      <c r="G822" s="1" t="s">
        <v>5311</v>
      </c>
      <c r="H822" s="1" t="s">
        <v>5312</v>
      </c>
      <c r="I822" s="1" t="s">
        <v>5313</v>
      </c>
      <c r="K822" s="1" t="s">
        <v>1334</v>
      </c>
      <c r="L822" s="1" t="s">
        <v>4946</v>
      </c>
    </row>
    <row r="823" spans="1:12" x14ac:dyDescent="0.25">
      <c r="A823" s="1" t="s">
        <v>5314</v>
      </c>
      <c r="B823" s="1" t="s">
        <v>4935</v>
      </c>
      <c r="C823" s="1" t="s">
        <v>1686</v>
      </c>
      <c r="D823" s="1" t="s">
        <v>2359</v>
      </c>
      <c r="E823" s="1" t="s">
        <v>2359</v>
      </c>
      <c r="F823" s="1" t="s">
        <v>5315</v>
      </c>
      <c r="G823" s="1" t="s">
        <v>5316</v>
      </c>
      <c r="H823" s="1" t="s">
        <v>5264</v>
      </c>
      <c r="I823" s="1" t="s">
        <v>5317</v>
      </c>
      <c r="K823" s="1" t="s">
        <v>1366</v>
      </c>
      <c r="L823" s="1" t="s">
        <v>4971</v>
      </c>
    </row>
    <row r="824" spans="1:12" x14ac:dyDescent="0.25">
      <c r="A824" s="1" t="s">
        <v>5318</v>
      </c>
      <c r="B824" s="1" t="s">
        <v>4935</v>
      </c>
      <c r="C824" s="1" t="s">
        <v>1686</v>
      </c>
      <c r="D824" s="1" t="s">
        <v>2365</v>
      </c>
      <c r="E824" s="1" t="s">
        <v>2365</v>
      </c>
      <c r="F824" s="1" t="s">
        <v>5319</v>
      </c>
      <c r="G824" s="1" t="s">
        <v>5320</v>
      </c>
      <c r="H824" s="1" t="s">
        <v>5025</v>
      </c>
      <c r="I824" s="1" t="s">
        <v>5321</v>
      </c>
      <c r="K824" s="1" t="s">
        <v>1334</v>
      </c>
      <c r="L824" s="1" t="s">
        <v>4971</v>
      </c>
    </row>
    <row r="825" spans="1:12" x14ac:dyDescent="0.25">
      <c r="A825" s="1" t="s">
        <v>5322</v>
      </c>
      <c r="B825" s="1" t="s">
        <v>4935</v>
      </c>
      <c r="C825" s="1" t="s">
        <v>1686</v>
      </c>
      <c r="D825" s="1" t="s">
        <v>2371</v>
      </c>
      <c r="E825" s="1" t="s">
        <v>2371</v>
      </c>
      <c r="F825" s="1" t="s">
        <v>5323</v>
      </c>
      <c r="G825" s="1" t="s">
        <v>5324</v>
      </c>
      <c r="H825" s="1" t="s">
        <v>5325</v>
      </c>
      <c r="I825" s="1" t="s">
        <v>5326</v>
      </c>
      <c r="K825" s="1" t="s">
        <v>1334</v>
      </c>
      <c r="L825" s="1" t="s">
        <v>4951</v>
      </c>
    </row>
    <row r="826" spans="1:12" x14ac:dyDescent="0.25">
      <c r="A826" s="1" t="s">
        <v>5327</v>
      </c>
      <c r="B826" s="1" t="s">
        <v>4935</v>
      </c>
      <c r="C826" s="1" t="s">
        <v>1686</v>
      </c>
      <c r="D826" s="1" t="s">
        <v>2377</v>
      </c>
      <c r="E826" s="1" t="s">
        <v>2377</v>
      </c>
      <c r="F826" s="1" t="s">
        <v>5328</v>
      </c>
      <c r="G826" s="1" t="s">
        <v>5329</v>
      </c>
      <c r="H826" s="1" t="s">
        <v>5330</v>
      </c>
      <c r="I826" s="1" t="s">
        <v>5331</v>
      </c>
      <c r="K826" s="1" t="s">
        <v>1334</v>
      </c>
      <c r="L826" s="1" t="s">
        <v>4946</v>
      </c>
    </row>
    <row r="827" spans="1:12" x14ac:dyDescent="0.25">
      <c r="A827" s="1" t="s">
        <v>5332</v>
      </c>
      <c r="B827" s="1" t="s">
        <v>4935</v>
      </c>
      <c r="C827" s="1" t="s">
        <v>1686</v>
      </c>
      <c r="D827" s="1" t="s">
        <v>2383</v>
      </c>
      <c r="E827" s="1" t="s">
        <v>2383</v>
      </c>
      <c r="F827" s="1" t="s">
        <v>5333</v>
      </c>
      <c r="G827" s="1" t="s">
        <v>5334</v>
      </c>
      <c r="H827" s="1" t="s">
        <v>5335</v>
      </c>
      <c r="I827" s="1" t="s">
        <v>5336</v>
      </c>
      <c r="K827" s="1" t="s">
        <v>1334</v>
      </c>
      <c r="L827" s="1" t="s">
        <v>4940</v>
      </c>
    </row>
    <row r="828" spans="1:12" x14ac:dyDescent="0.25">
      <c r="A828" s="1" t="s">
        <v>5337</v>
      </c>
      <c r="B828" s="1" t="s">
        <v>4935</v>
      </c>
      <c r="C828" s="1" t="s">
        <v>1686</v>
      </c>
      <c r="D828" s="1" t="s">
        <v>2389</v>
      </c>
      <c r="E828" s="1" t="s">
        <v>2389</v>
      </c>
      <c r="F828" s="1" t="s">
        <v>5338</v>
      </c>
      <c r="G828" s="1" t="s">
        <v>5339</v>
      </c>
      <c r="H828" s="1" t="s">
        <v>5340</v>
      </c>
      <c r="I828" s="1" t="s">
        <v>5341</v>
      </c>
      <c r="K828" s="1" t="s">
        <v>1366</v>
      </c>
      <c r="L828" s="1" t="s">
        <v>4971</v>
      </c>
    </row>
    <row r="829" spans="1:12" x14ac:dyDescent="0.25">
      <c r="A829" s="1" t="s">
        <v>5342</v>
      </c>
      <c r="B829" s="1" t="s">
        <v>4935</v>
      </c>
      <c r="C829" s="1" t="s">
        <v>1686</v>
      </c>
      <c r="D829" s="1" t="s">
        <v>2395</v>
      </c>
      <c r="E829" s="1" t="s">
        <v>2395</v>
      </c>
      <c r="F829" s="1" t="s">
        <v>5343</v>
      </c>
      <c r="G829" s="1" t="s">
        <v>5344</v>
      </c>
      <c r="H829" s="1" t="s">
        <v>5345</v>
      </c>
      <c r="I829" s="1" t="s">
        <v>5346</v>
      </c>
      <c r="K829" s="1" t="s">
        <v>1366</v>
      </c>
      <c r="L829" s="1" t="s">
        <v>4946</v>
      </c>
    </row>
    <row r="830" spans="1:12" x14ac:dyDescent="0.25">
      <c r="A830" s="1" t="s">
        <v>5347</v>
      </c>
      <c r="B830" s="1" t="s">
        <v>4935</v>
      </c>
      <c r="C830" s="1" t="s">
        <v>1686</v>
      </c>
      <c r="D830" s="1" t="s">
        <v>2401</v>
      </c>
      <c r="E830" s="1" t="s">
        <v>2401</v>
      </c>
      <c r="F830" s="1" t="s">
        <v>5348</v>
      </c>
      <c r="G830" s="1" t="s">
        <v>5349</v>
      </c>
      <c r="H830" s="1" t="s">
        <v>5350</v>
      </c>
      <c r="I830" s="1" t="s">
        <v>5351</v>
      </c>
      <c r="K830" s="1" t="s">
        <v>1366</v>
      </c>
      <c r="L830" s="1" t="s">
        <v>4951</v>
      </c>
    </row>
    <row r="831" spans="1:12" x14ac:dyDescent="0.25">
      <c r="A831" s="1" t="s">
        <v>5352</v>
      </c>
      <c r="B831" s="1" t="s">
        <v>4935</v>
      </c>
      <c r="C831" s="1" t="s">
        <v>1686</v>
      </c>
      <c r="D831" s="1" t="s">
        <v>2407</v>
      </c>
      <c r="E831" s="1" t="s">
        <v>2407</v>
      </c>
      <c r="F831" s="1" t="s">
        <v>5353</v>
      </c>
      <c r="G831" s="1" t="s">
        <v>5354</v>
      </c>
      <c r="H831" s="1" t="s">
        <v>5355</v>
      </c>
      <c r="I831" s="1" t="s">
        <v>5356</v>
      </c>
      <c r="K831" s="1" t="s">
        <v>1366</v>
      </c>
      <c r="L831" s="1" t="s">
        <v>4946</v>
      </c>
    </row>
    <row r="832" spans="1:12" x14ac:dyDescent="0.25">
      <c r="A832" s="1" t="s">
        <v>5357</v>
      </c>
      <c r="B832" s="1" t="s">
        <v>4935</v>
      </c>
      <c r="C832" s="1" t="s">
        <v>1686</v>
      </c>
      <c r="D832" s="1" t="s">
        <v>2413</v>
      </c>
      <c r="E832" s="1" t="s">
        <v>2413</v>
      </c>
      <c r="F832" s="1" t="s">
        <v>5358</v>
      </c>
      <c r="G832" s="1" t="s">
        <v>5359</v>
      </c>
      <c r="H832" s="1" t="s">
        <v>5360</v>
      </c>
      <c r="I832" s="1" t="s">
        <v>5361</v>
      </c>
      <c r="K832" s="1" t="s">
        <v>1366</v>
      </c>
      <c r="L832" s="1" t="s">
        <v>4940</v>
      </c>
    </row>
    <row r="833" spans="1:12" x14ac:dyDescent="0.25">
      <c r="A833" s="1" t="s">
        <v>5362</v>
      </c>
      <c r="B833" s="1" t="s">
        <v>4935</v>
      </c>
      <c r="C833" s="1" t="s">
        <v>1686</v>
      </c>
      <c r="D833" s="1" t="s">
        <v>2419</v>
      </c>
      <c r="E833" s="1" t="s">
        <v>2419</v>
      </c>
      <c r="F833" s="1" t="s">
        <v>5363</v>
      </c>
      <c r="G833" s="1" t="s">
        <v>5364</v>
      </c>
      <c r="H833" s="1" t="s">
        <v>5365</v>
      </c>
      <c r="I833" s="1" t="s">
        <v>5366</v>
      </c>
      <c r="K833" s="1" t="s">
        <v>1366</v>
      </c>
      <c r="L833" s="1" t="s">
        <v>4971</v>
      </c>
    </row>
    <row r="834" spans="1:12" x14ac:dyDescent="0.25">
      <c r="A834" s="1" t="s">
        <v>5367</v>
      </c>
      <c r="B834" s="1" t="s">
        <v>4935</v>
      </c>
      <c r="C834" s="1" t="s">
        <v>1686</v>
      </c>
      <c r="D834" s="1" t="s">
        <v>2425</v>
      </c>
      <c r="E834" s="1" t="s">
        <v>2425</v>
      </c>
      <c r="F834" s="1" t="s">
        <v>5368</v>
      </c>
      <c r="G834" s="1" t="s">
        <v>5369</v>
      </c>
      <c r="H834" s="1" t="s">
        <v>5370</v>
      </c>
      <c r="I834" s="1" t="s">
        <v>5371</v>
      </c>
      <c r="K834" s="1" t="s">
        <v>1334</v>
      </c>
      <c r="L834" s="1" t="s">
        <v>4946</v>
      </c>
    </row>
    <row r="835" spans="1:12" x14ac:dyDescent="0.25">
      <c r="A835" s="1" t="s">
        <v>5372</v>
      </c>
      <c r="B835" s="1" t="s">
        <v>4935</v>
      </c>
      <c r="C835" s="1" t="s">
        <v>1686</v>
      </c>
      <c r="D835" s="1" t="s">
        <v>2431</v>
      </c>
      <c r="E835" s="1" t="s">
        <v>2431</v>
      </c>
      <c r="F835" s="1" t="s">
        <v>5373</v>
      </c>
      <c r="G835" s="1" t="s">
        <v>5374</v>
      </c>
      <c r="H835" s="1" t="s">
        <v>5375</v>
      </c>
      <c r="I835" s="1" t="s">
        <v>5376</v>
      </c>
      <c r="K835" s="1" t="s">
        <v>1366</v>
      </c>
      <c r="L835" s="1" t="s">
        <v>4946</v>
      </c>
    </row>
    <row r="836" spans="1:12" x14ac:dyDescent="0.25">
      <c r="A836" s="1" t="s">
        <v>5377</v>
      </c>
      <c r="B836" s="1" t="s">
        <v>4935</v>
      </c>
      <c r="C836" s="1" t="s">
        <v>1686</v>
      </c>
      <c r="D836" s="1" t="s">
        <v>2437</v>
      </c>
      <c r="E836" s="1" t="s">
        <v>2437</v>
      </c>
      <c r="F836" s="1" t="s">
        <v>5378</v>
      </c>
      <c r="G836" s="1" t="s">
        <v>5379</v>
      </c>
      <c r="H836" s="1" t="s">
        <v>5380</v>
      </c>
      <c r="I836" s="1" t="s">
        <v>5381</v>
      </c>
      <c r="K836" s="1" t="s">
        <v>1366</v>
      </c>
      <c r="L836" s="1" t="s">
        <v>4940</v>
      </c>
    </row>
    <row r="837" spans="1:12" x14ac:dyDescent="0.25">
      <c r="A837" s="1" t="s">
        <v>5382</v>
      </c>
      <c r="B837" s="1" t="s">
        <v>4935</v>
      </c>
      <c r="C837" s="1" t="s">
        <v>1686</v>
      </c>
      <c r="D837" s="1" t="s">
        <v>2442</v>
      </c>
      <c r="E837" s="1" t="s">
        <v>2442</v>
      </c>
      <c r="F837" s="1" t="s">
        <v>5383</v>
      </c>
      <c r="G837" s="1" t="s">
        <v>5384</v>
      </c>
      <c r="H837" s="1" t="s">
        <v>5066</v>
      </c>
      <c r="I837" s="1" t="s">
        <v>5385</v>
      </c>
      <c r="K837" s="1" t="s">
        <v>1334</v>
      </c>
      <c r="L837" s="1" t="s">
        <v>4951</v>
      </c>
    </row>
    <row r="838" spans="1:12" x14ac:dyDescent="0.25">
      <c r="A838" s="1" t="s">
        <v>5386</v>
      </c>
      <c r="B838" s="1" t="s">
        <v>4935</v>
      </c>
      <c r="C838" s="1" t="s">
        <v>1686</v>
      </c>
      <c r="D838" s="1" t="s">
        <v>2448</v>
      </c>
      <c r="E838" s="1" t="s">
        <v>2448</v>
      </c>
      <c r="F838" s="1" t="s">
        <v>5387</v>
      </c>
      <c r="G838" s="1" t="s">
        <v>5388</v>
      </c>
      <c r="H838" s="1" t="s">
        <v>5389</v>
      </c>
      <c r="I838" s="1" t="s">
        <v>5390</v>
      </c>
      <c r="K838" s="1" t="s">
        <v>1366</v>
      </c>
      <c r="L838" s="1" t="s">
        <v>4971</v>
      </c>
    </row>
    <row r="839" spans="1:12" x14ac:dyDescent="0.25">
      <c r="A839" s="1" t="s">
        <v>5391</v>
      </c>
      <c r="B839" s="1" t="s">
        <v>4935</v>
      </c>
      <c r="C839" s="1" t="s">
        <v>1686</v>
      </c>
      <c r="D839" s="1" t="s">
        <v>2454</v>
      </c>
      <c r="E839" s="1" t="s">
        <v>2454</v>
      </c>
      <c r="F839" s="1" t="s">
        <v>5392</v>
      </c>
      <c r="G839" s="1" t="s">
        <v>5393</v>
      </c>
      <c r="H839" s="1" t="s">
        <v>5394</v>
      </c>
      <c r="I839" s="1" t="s">
        <v>5395</v>
      </c>
      <c r="K839" s="1" t="s">
        <v>1334</v>
      </c>
      <c r="L839" s="1" t="s">
        <v>4971</v>
      </c>
    </row>
    <row r="840" spans="1:12" x14ac:dyDescent="0.25">
      <c r="A840" s="1" t="s">
        <v>5396</v>
      </c>
      <c r="B840" s="1" t="s">
        <v>4935</v>
      </c>
      <c r="C840" s="1" t="s">
        <v>1686</v>
      </c>
      <c r="D840" s="1" t="s">
        <v>2460</v>
      </c>
      <c r="E840" s="1" t="s">
        <v>2460</v>
      </c>
      <c r="F840" s="1" t="s">
        <v>5397</v>
      </c>
      <c r="G840" s="1" t="s">
        <v>5398</v>
      </c>
      <c r="H840" s="1" t="s">
        <v>5399</v>
      </c>
      <c r="I840" s="1" t="s">
        <v>5400</v>
      </c>
      <c r="K840" s="1" t="s">
        <v>1366</v>
      </c>
      <c r="L840" s="1" t="s">
        <v>4951</v>
      </c>
    </row>
    <row r="841" spans="1:12" x14ac:dyDescent="0.25">
      <c r="A841" s="1" t="s">
        <v>5401</v>
      </c>
      <c r="B841" s="1" t="s">
        <v>4935</v>
      </c>
      <c r="C841" s="1" t="s">
        <v>1686</v>
      </c>
      <c r="D841" s="1" t="s">
        <v>2466</v>
      </c>
      <c r="E841" s="1" t="s">
        <v>2466</v>
      </c>
      <c r="F841" s="1" t="s">
        <v>5402</v>
      </c>
      <c r="G841" s="1" t="s">
        <v>5403</v>
      </c>
      <c r="H841" s="1" t="s">
        <v>5404</v>
      </c>
      <c r="I841" s="1" t="s">
        <v>5405</v>
      </c>
      <c r="K841" s="1" t="s">
        <v>1334</v>
      </c>
      <c r="L841" s="1" t="s">
        <v>4951</v>
      </c>
    </row>
    <row r="842" spans="1:12" x14ac:dyDescent="0.25">
      <c r="A842" s="1" t="s">
        <v>5406</v>
      </c>
      <c r="B842" s="1" t="s">
        <v>4935</v>
      </c>
      <c r="C842" s="1" t="s">
        <v>1686</v>
      </c>
      <c r="D842" s="1" t="s">
        <v>2472</v>
      </c>
      <c r="E842" s="1" t="s">
        <v>2472</v>
      </c>
      <c r="F842" s="1" t="s">
        <v>5407</v>
      </c>
      <c r="G842" s="1" t="s">
        <v>5408</v>
      </c>
      <c r="H842" s="1" t="s">
        <v>5219</v>
      </c>
      <c r="I842" s="1" t="s">
        <v>5409</v>
      </c>
      <c r="K842" s="1" t="s">
        <v>1366</v>
      </c>
      <c r="L842" s="1" t="s">
        <v>4951</v>
      </c>
    </row>
    <row r="843" spans="1:12" x14ac:dyDescent="0.25">
      <c r="A843" s="1" t="s">
        <v>5410</v>
      </c>
      <c r="B843" s="1" t="s">
        <v>4935</v>
      </c>
      <c r="C843" s="1" t="s">
        <v>1686</v>
      </c>
      <c r="D843" s="1" t="s">
        <v>5411</v>
      </c>
      <c r="E843" s="1" t="s">
        <v>5411</v>
      </c>
      <c r="F843" s="1" t="s">
        <v>5412</v>
      </c>
      <c r="G843" s="1" t="s">
        <v>5413</v>
      </c>
      <c r="H843" s="1" t="s">
        <v>5414</v>
      </c>
      <c r="I843" s="1" t="s">
        <v>5415</v>
      </c>
      <c r="K843" s="1" t="s">
        <v>1334</v>
      </c>
      <c r="L843" s="1" t="s">
        <v>4971</v>
      </c>
    </row>
    <row r="844" spans="1:12" x14ac:dyDescent="0.25">
      <c r="A844" s="1" t="s">
        <v>5416</v>
      </c>
      <c r="B844" s="1" t="s">
        <v>4935</v>
      </c>
      <c r="C844" s="1" t="s">
        <v>1686</v>
      </c>
      <c r="D844" s="1" t="s">
        <v>5417</v>
      </c>
      <c r="E844" s="1" t="s">
        <v>5417</v>
      </c>
      <c r="F844" s="1" t="s">
        <v>5418</v>
      </c>
      <c r="G844" s="1" t="s">
        <v>5419</v>
      </c>
      <c r="H844" s="1" t="s">
        <v>5420</v>
      </c>
      <c r="I844" s="1" t="s">
        <v>5421</v>
      </c>
      <c r="K844" s="1" t="s">
        <v>1334</v>
      </c>
      <c r="L844" s="1" t="s">
        <v>4951</v>
      </c>
    </row>
    <row r="845" spans="1:12" x14ac:dyDescent="0.25">
      <c r="A845" s="1" t="s">
        <v>5422</v>
      </c>
      <c r="B845" s="1" t="s">
        <v>4935</v>
      </c>
      <c r="C845" s="1" t="s">
        <v>1843</v>
      </c>
      <c r="D845" s="1" t="s">
        <v>1329</v>
      </c>
      <c r="E845" s="1" t="s">
        <v>1329</v>
      </c>
      <c r="F845" s="1" t="s">
        <v>5423</v>
      </c>
      <c r="G845" s="1" t="s">
        <v>5424</v>
      </c>
      <c r="H845" s="1" t="s">
        <v>5404</v>
      </c>
      <c r="I845" s="1" t="s">
        <v>5425</v>
      </c>
      <c r="K845" s="1" t="s">
        <v>1334</v>
      </c>
      <c r="L845" s="1" t="s">
        <v>4946</v>
      </c>
    </row>
    <row r="846" spans="1:12" x14ac:dyDescent="0.25">
      <c r="A846" s="1" t="s">
        <v>5426</v>
      </c>
      <c r="B846" s="1" t="s">
        <v>4935</v>
      </c>
      <c r="C846" s="1" t="s">
        <v>1843</v>
      </c>
      <c r="D846" s="1" t="s">
        <v>1337</v>
      </c>
      <c r="E846" s="1" t="s">
        <v>1337</v>
      </c>
      <c r="F846" s="1" t="s">
        <v>5427</v>
      </c>
      <c r="G846" s="1" t="s">
        <v>5428</v>
      </c>
      <c r="H846" s="1" t="s">
        <v>5429</v>
      </c>
      <c r="I846" s="1" t="s">
        <v>5430</v>
      </c>
      <c r="K846" s="1" t="s">
        <v>1334</v>
      </c>
      <c r="L846" s="1" t="s">
        <v>4940</v>
      </c>
    </row>
    <row r="847" spans="1:12" x14ac:dyDescent="0.25">
      <c r="A847" s="1" t="s">
        <v>5431</v>
      </c>
      <c r="B847" s="1" t="s">
        <v>4935</v>
      </c>
      <c r="C847" s="1" t="s">
        <v>1843</v>
      </c>
      <c r="D847" s="1" t="s">
        <v>1343</v>
      </c>
      <c r="E847" s="1" t="s">
        <v>1343</v>
      </c>
      <c r="F847" s="1" t="s">
        <v>5432</v>
      </c>
      <c r="G847" s="1" t="s">
        <v>5433</v>
      </c>
      <c r="H847" s="1" t="s">
        <v>5434</v>
      </c>
      <c r="I847" s="1" t="s">
        <v>5435</v>
      </c>
      <c r="K847" s="1" t="s">
        <v>1334</v>
      </c>
      <c r="L847" s="1" t="s">
        <v>4971</v>
      </c>
    </row>
    <row r="848" spans="1:12" x14ac:dyDescent="0.25">
      <c r="A848" s="1" t="s">
        <v>5436</v>
      </c>
      <c r="B848" s="1" t="s">
        <v>4935</v>
      </c>
      <c r="C848" s="1" t="s">
        <v>1843</v>
      </c>
      <c r="D848" s="1" t="s">
        <v>1349</v>
      </c>
      <c r="E848" s="1" t="s">
        <v>1349</v>
      </c>
      <c r="F848" s="1" t="s">
        <v>5437</v>
      </c>
      <c r="G848" s="1" t="s">
        <v>5438</v>
      </c>
      <c r="H848" s="1" t="s">
        <v>5259</v>
      </c>
      <c r="I848" s="1" t="s">
        <v>5439</v>
      </c>
      <c r="K848" s="1" t="s">
        <v>1334</v>
      </c>
      <c r="L848" s="1" t="s">
        <v>4951</v>
      </c>
    </row>
    <row r="849" spans="1:12" x14ac:dyDescent="0.25">
      <c r="A849" s="1" t="s">
        <v>5440</v>
      </c>
      <c r="B849" s="1" t="s">
        <v>4935</v>
      </c>
      <c r="C849" s="1" t="s">
        <v>1843</v>
      </c>
      <c r="D849" s="1" t="s">
        <v>1355</v>
      </c>
      <c r="E849" s="1" t="s">
        <v>1355</v>
      </c>
      <c r="F849" s="1" t="s">
        <v>5441</v>
      </c>
      <c r="G849" s="1" t="s">
        <v>5442</v>
      </c>
      <c r="H849" s="1" t="s">
        <v>5105</v>
      </c>
      <c r="I849" s="1" t="s">
        <v>5443</v>
      </c>
      <c r="K849" s="1" t="s">
        <v>1366</v>
      </c>
      <c r="L849" s="1" t="s">
        <v>4951</v>
      </c>
    </row>
    <row r="850" spans="1:12" x14ac:dyDescent="0.25">
      <c r="A850" s="1" t="s">
        <v>5444</v>
      </c>
      <c r="B850" s="1" t="s">
        <v>4935</v>
      </c>
      <c r="C850" s="1" t="s">
        <v>1843</v>
      </c>
      <c r="D850" s="1" t="s">
        <v>1361</v>
      </c>
      <c r="E850" s="1" t="s">
        <v>1361</v>
      </c>
      <c r="F850" s="1" t="s">
        <v>5445</v>
      </c>
      <c r="G850" s="1" t="s">
        <v>5446</v>
      </c>
      <c r="H850" s="1" t="s">
        <v>5447</v>
      </c>
      <c r="I850" s="1" t="s">
        <v>5448</v>
      </c>
      <c r="K850" s="1" t="s">
        <v>1334</v>
      </c>
      <c r="L850" s="1" t="s">
        <v>4951</v>
      </c>
    </row>
    <row r="851" spans="1:12" x14ac:dyDescent="0.25">
      <c r="A851" s="1" t="s">
        <v>5449</v>
      </c>
      <c r="B851" s="1" t="s">
        <v>4935</v>
      </c>
      <c r="C851" s="1" t="s">
        <v>1843</v>
      </c>
      <c r="D851" s="1" t="s">
        <v>1368</v>
      </c>
      <c r="E851" s="1" t="s">
        <v>1368</v>
      </c>
      <c r="F851" s="1" t="s">
        <v>5450</v>
      </c>
      <c r="G851" s="1" t="s">
        <v>5451</v>
      </c>
      <c r="H851" s="1" t="s">
        <v>5452</v>
      </c>
      <c r="I851" s="1" t="s">
        <v>5453</v>
      </c>
      <c r="K851" s="1" t="s">
        <v>1366</v>
      </c>
      <c r="L851" s="1" t="s">
        <v>4971</v>
      </c>
    </row>
    <row r="852" spans="1:12" x14ac:dyDescent="0.25">
      <c r="A852" s="1" t="s">
        <v>5454</v>
      </c>
      <c r="B852" s="1" t="s">
        <v>4935</v>
      </c>
      <c r="C852" s="1" t="s">
        <v>1843</v>
      </c>
      <c r="D852" s="1" t="s">
        <v>1374</v>
      </c>
      <c r="E852" s="1" t="s">
        <v>1374</v>
      </c>
      <c r="F852" s="1" t="s">
        <v>5455</v>
      </c>
      <c r="G852" s="1" t="s">
        <v>5456</v>
      </c>
      <c r="H852" s="1" t="s">
        <v>5457</v>
      </c>
      <c r="I852" s="1" t="s">
        <v>5458</v>
      </c>
      <c r="K852" s="1" t="s">
        <v>1366</v>
      </c>
      <c r="L852" s="1" t="s">
        <v>4940</v>
      </c>
    </row>
    <row r="853" spans="1:12" x14ac:dyDescent="0.25">
      <c r="A853" s="1" t="s">
        <v>787</v>
      </c>
      <c r="B853" s="1" t="s">
        <v>4935</v>
      </c>
      <c r="C853" s="1" t="s">
        <v>1843</v>
      </c>
      <c r="D853" s="1" t="s">
        <v>1380</v>
      </c>
      <c r="E853" s="1" t="s">
        <v>1380</v>
      </c>
      <c r="F853" s="1" t="s">
        <v>5459</v>
      </c>
      <c r="G853" s="1" t="s">
        <v>5460</v>
      </c>
      <c r="H853" s="1" t="s">
        <v>5461</v>
      </c>
      <c r="I853" s="1" t="s">
        <v>5462</v>
      </c>
      <c r="K853" s="1" t="s">
        <v>1334</v>
      </c>
      <c r="L853" s="1" t="s">
        <v>4946</v>
      </c>
    </row>
    <row r="854" spans="1:12" x14ac:dyDescent="0.25">
      <c r="A854" s="1" t="s">
        <v>5463</v>
      </c>
      <c r="B854" s="1" t="s">
        <v>4935</v>
      </c>
      <c r="C854" s="1" t="s">
        <v>1843</v>
      </c>
      <c r="D854" s="1" t="s">
        <v>1386</v>
      </c>
      <c r="E854" s="1" t="s">
        <v>1386</v>
      </c>
      <c r="F854" s="1" t="s">
        <v>5464</v>
      </c>
      <c r="G854" s="1" t="s">
        <v>5465</v>
      </c>
      <c r="H854" s="1" t="s">
        <v>5466</v>
      </c>
      <c r="I854" s="1" t="s">
        <v>5467</v>
      </c>
      <c r="K854" s="1" t="s">
        <v>1366</v>
      </c>
      <c r="L854" s="1" t="s">
        <v>4951</v>
      </c>
    </row>
    <row r="855" spans="1:12" x14ac:dyDescent="0.25">
      <c r="A855" s="1" t="s">
        <v>5468</v>
      </c>
      <c r="B855" s="1" t="s">
        <v>4935</v>
      </c>
      <c r="C855" s="1" t="s">
        <v>1843</v>
      </c>
      <c r="D855" s="1" t="s">
        <v>1392</v>
      </c>
      <c r="E855" s="1" t="s">
        <v>1392</v>
      </c>
      <c r="F855" s="1" t="s">
        <v>5469</v>
      </c>
      <c r="G855" s="1" t="s">
        <v>5470</v>
      </c>
      <c r="H855" s="1" t="s">
        <v>5471</v>
      </c>
      <c r="I855" s="1" t="s">
        <v>5472</v>
      </c>
      <c r="K855" s="1" t="s">
        <v>1334</v>
      </c>
      <c r="L855" s="1" t="s">
        <v>4946</v>
      </c>
    </row>
    <row r="856" spans="1:12" x14ac:dyDescent="0.25">
      <c r="A856" s="1" t="s">
        <v>5473</v>
      </c>
      <c r="B856" s="1" t="s">
        <v>4935</v>
      </c>
      <c r="C856" s="1" t="s">
        <v>1843</v>
      </c>
      <c r="D856" s="1" t="s">
        <v>1398</v>
      </c>
      <c r="E856" s="1" t="s">
        <v>1398</v>
      </c>
      <c r="F856" s="1" t="s">
        <v>5474</v>
      </c>
      <c r="G856" s="1" t="s">
        <v>5475</v>
      </c>
      <c r="H856" s="1" t="s">
        <v>5476</v>
      </c>
      <c r="I856" s="1" t="s">
        <v>5477</v>
      </c>
      <c r="K856" s="1" t="s">
        <v>1366</v>
      </c>
      <c r="L856" s="1" t="s">
        <v>4940</v>
      </c>
    </row>
    <row r="857" spans="1:12" x14ac:dyDescent="0.25">
      <c r="A857" s="1" t="s">
        <v>5478</v>
      </c>
      <c r="B857" s="1" t="s">
        <v>4935</v>
      </c>
      <c r="C857" s="1" t="s">
        <v>1843</v>
      </c>
      <c r="D857" s="1" t="s">
        <v>1404</v>
      </c>
      <c r="E857" s="1" t="s">
        <v>1404</v>
      </c>
      <c r="F857" s="1" t="s">
        <v>5479</v>
      </c>
      <c r="G857" s="1" t="s">
        <v>5480</v>
      </c>
      <c r="H857" s="1" t="s">
        <v>5481</v>
      </c>
      <c r="I857" s="1" t="s">
        <v>5482</v>
      </c>
      <c r="K857" s="1" t="s">
        <v>1366</v>
      </c>
      <c r="L857" s="1" t="s">
        <v>4971</v>
      </c>
    </row>
    <row r="858" spans="1:12" x14ac:dyDescent="0.25">
      <c r="A858" s="1" t="s">
        <v>5483</v>
      </c>
      <c r="B858" s="1" t="s">
        <v>4935</v>
      </c>
      <c r="C858" s="1" t="s">
        <v>1843</v>
      </c>
      <c r="D858" s="1" t="s">
        <v>1410</v>
      </c>
      <c r="E858" s="1" t="s">
        <v>1410</v>
      </c>
      <c r="F858" s="1" t="s">
        <v>5484</v>
      </c>
      <c r="G858" s="1" t="s">
        <v>5485</v>
      </c>
      <c r="H858" s="1" t="s">
        <v>5486</v>
      </c>
      <c r="I858" s="1" t="s">
        <v>5487</v>
      </c>
      <c r="K858" s="1" t="s">
        <v>1366</v>
      </c>
      <c r="L858" s="1" t="s">
        <v>4971</v>
      </c>
    </row>
    <row r="859" spans="1:12" x14ac:dyDescent="0.25">
      <c r="A859" s="1" t="s">
        <v>5488</v>
      </c>
      <c r="B859" s="1" t="s">
        <v>4935</v>
      </c>
      <c r="C859" s="1" t="s">
        <v>1843</v>
      </c>
      <c r="D859" s="1" t="s">
        <v>1416</v>
      </c>
      <c r="E859" s="1" t="s">
        <v>1416</v>
      </c>
      <c r="F859" s="1" t="s">
        <v>5489</v>
      </c>
      <c r="G859" s="1" t="s">
        <v>5490</v>
      </c>
      <c r="H859" s="1" t="s">
        <v>5491</v>
      </c>
      <c r="I859" s="1" t="s">
        <v>5492</v>
      </c>
      <c r="K859" s="1" t="s">
        <v>1366</v>
      </c>
      <c r="L859" s="1" t="s">
        <v>4946</v>
      </c>
    </row>
    <row r="860" spans="1:12" x14ac:dyDescent="0.25">
      <c r="A860" s="1" t="s">
        <v>5493</v>
      </c>
      <c r="B860" s="1" t="s">
        <v>4935</v>
      </c>
      <c r="C860" s="1" t="s">
        <v>1843</v>
      </c>
      <c r="D860" s="1" t="s">
        <v>1422</v>
      </c>
      <c r="E860" s="1" t="s">
        <v>1422</v>
      </c>
      <c r="F860" s="1" t="s">
        <v>5494</v>
      </c>
      <c r="G860" s="1" t="s">
        <v>5495</v>
      </c>
      <c r="H860" s="1" t="s">
        <v>5496</v>
      </c>
      <c r="I860" s="1" t="s">
        <v>5497</v>
      </c>
      <c r="K860" s="1" t="s">
        <v>1334</v>
      </c>
      <c r="L860" s="1" t="s">
        <v>4946</v>
      </c>
    </row>
    <row r="861" spans="1:12" x14ac:dyDescent="0.25">
      <c r="A861" s="1" t="s">
        <v>5498</v>
      </c>
      <c r="B861" s="1" t="s">
        <v>4935</v>
      </c>
      <c r="C861" s="1" t="s">
        <v>1843</v>
      </c>
      <c r="D861" s="1" t="s">
        <v>1428</v>
      </c>
      <c r="E861" s="1" t="s">
        <v>1428</v>
      </c>
      <c r="F861" s="1" t="s">
        <v>5499</v>
      </c>
      <c r="G861" s="1" t="s">
        <v>5500</v>
      </c>
      <c r="H861" s="1" t="s">
        <v>5501</v>
      </c>
      <c r="I861" s="1" t="s">
        <v>5502</v>
      </c>
      <c r="K861" s="1" t="s">
        <v>1334</v>
      </c>
      <c r="L861" s="1" t="s">
        <v>4940</v>
      </c>
    </row>
    <row r="862" spans="1:12" x14ac:dyDescent="0.25">
      <c r="A862" s="1" t="s">
        <v>5503</v>
      </c>
      <c r="B862" s="1" t="s">
        <v>4935</v>
      </c>
      <c r="C862" s="1" t="s">
        <v>1843</v>
      </c>
      <c r="D862" s="1" t="s">
        <v>1434</v>
      </c>
      <c r="E862" s="1" t="s">
        <v>1434</v>
      </c>
      <c r="F862" s="1" t="s">
        <v>5504</v>
      </c>
      <c r="G862" s="1" t="s">
        <v>5505</v>
      </c>
      <c r="H862" s="1" t="s">
        <v>5506</v>
      </c>
      <c r="I862" s="1" t="s">
        <v>5507</v>
      </c>
      <c r="K862" s="1" t="s">
        <v>1334</v>
      </c>
      <c r="L862" s="1" t="s">
        <v>4971</v>
      </c>
    </row>
    <row r="863" spans="1:12" x14ac:dyDescent="0.25">
      <c r="A863" s="1" t="s">
        <v>5508</v>
      </c>
      <c r="B863" s="1" t="s">
        <v>4935</v>
      </c>
      <c r="C863" s="1" t="s">
        <v>1843</v>
      </c>
      <c r="D863" s="1" t="s">
        <v>1440</v>
      </c>
      <c r="E863" s="1" t="s">
        <v>1440</v>
      </c>
      <c r="F863" s="1" t="s">
        <v>5509</v>
      </c>
      <c r="G863" s="1" t="s">
        <v>5510</v>
      </c>
      <c r="H863" s="1" t="s">
        <v>5511</v>
      </c>
      <c r="I863" s="1" t="s">
        <v>5512</v>
      </c>
      <c r="K863" s="1" t="s">
        <v>1366</v>
      </c>
      <c r="L863" s="1" t="s">
        <v>4940</v>
      </c>
    </row>
    <row r="864" spans="1:12" x14ac:dyDescent="0.25">
      <c r="A864" s="1" t="s">
        <v>5513</v>
      </c>
      <c r="B864" s="1" t="s">
        <v>4935</v>
      </c>
      <c r="C864" s="1" t="s">
        <v>1843</v>
      </c>
      <c r="D864" s="1" t="s">
        <v>1446</v>
      </c>
      <c r="E864" s="1" t="s">
        <v>1446</v>
      </c>
      <c r="F864" s="1" t="s">
        <v>5514</v>
      </c>
      <c r="G864" s="1" t="s">
        <v>5515</v>
      </c>
      <c r="H864" s="1" t="s">
        <v>5516</v>
      </c>
      <c r="I864" s="1" t="s">
        <v>5517</v>
      </c>
      <c r="K864" s="1" t="s">
        <v>1366</v>
      </c>
      <c r="L864" s="1" t="s">
        <v>4971</v>
      </c>
    </row>
    <row r="865" spans="1:12" x14ac:dyDescent="0.25">
      <c r="A865" s="1" t="s">
        <v>5518</v>
      </c>
      <c r="B865" s="1" t="s">
        <v>4935</v>
      </c>
      <c r="C865" s="1" t="s">
        <v>1843</v>
      </c>
      <c r="D865" s="1" t="s">
        <v>1452</v>
      </c>
      <c r="E865" s="1" t="s">
        <v>1452</v>
      </c>
      <c r="F865" s="1" t="s">
        <v>5519</v>
      </c>
      <c r="G865" s="1" t="s">
        <v>5520</v>
      </c>
      <c r="H865" s="1" t="s">
        <v>5110</v>
      </c>
      <c r="I865" s="1" t="s">
        <v>5521</v>
      </c>
      <c r="K865" s="1" t="s">
        <v>1334</v>
      </c>
      <c r="L865" s="1" t="s">
        <v>4951</v>
      </c>
    </row>
    <row r="866" spans="1:12" x14ac:dyDescent="0.25">
      <c r="A866" s="1" t="s">
        <v>5522</v>
      </c>
      <c r="B866" s="1" t="s">
        <v>4935</v>
      </c>
      <c r="C866" s="1" t="s">
        <v>1843</v>
      </c>
      <c r="D866" s="1" t="s">
        <v>1458</v>
      </c>
      <c r="E866" s="1" t="s">
        <v>1458</v>
      </c>
      <c r="F866" s="1" t="s">
        <v>5523</v>
      </c>
      <c r="G866" s="1" t="s">
        <v>5524</v>
      </c>
      <c r="H866" s="1" t="s">
        <v>5175</v>
      </c>
      <c r="I866" s="1" t="s">
        <v>5525</v>
      </c>
      <c r="K866" s="1" t="s">
        <v>1366</v>
      </c>
      <c r="L866" s="1" t="s">
        <v>4940</v>
      </c>
    </row>
    <row r="867" spans="1:12" x14ac:dyDescent="0.25">
      <c r="A867" s="1" t="s">
        <v>5526</v>
      </c>
      <c r="B867" s="1" t="s">
        <v>4935</v>
      </c>
      <c r="C867" s="1" t="s">
        <v>1843</v>
      </c>
      <c r="D867" s="1" t="s">
        <v>1464</v>
      </c>
      <c r="E867" s="1" t="s">
        <v>1464</v>
      </c>
      <c r="F867" s="1" t="s">
        <v>5527</v>
      </c>
      <c r="G867" s="1" t="s">
        <v>5528</v>
      </c>
      <c r="H867" s="1" t="s">
        <v>5529</v>
      </c>
      <c r="I867" s="1" t="s">
        <v>5530</v>
      </c>
      <c r="K867" s="1" t="s">
        <v>1366</v>
      </c>
      <c r="L867" s="1" t="s">
        <v>4951</v>
      </c>
    </row>
    <row r="868" spans="1:12" x14ac:dyDescent="0.25">
      <c r="A868" s="1" t="s">
        <v>5531</v>
      </c>
      <c r="B868" s="1" t="s">
        <v>4935</v>
      </c>
      <c r="C868" s="1" t="s">
        <v>1843</v>
      </c>
      <c r="D868" s="1" t="s">
        <v>1470</v>
      </c>
      <c r="E868" s="1" t="s">
        <v>1470</v>
      </c>
      <c r="F868" s="1" t="s">
        <v>5532</v>
      </c>
      <c r="G868" s="1" t="s">
        <v>5533</v>
      </c>
      <c r="H868" s="1" t="s">
        <v>5534</v>
      </c>
      <c r="I868" s="1" t="s">
        <v>5535</v>
      </c>
      <c r="K868" s="1" t="s">
        <v>1334</v>
      </c>
      <c r="L868" s="1" t="s">
        <v>4940</v>
      </c>
    </row>
    <row r="869" spans="1:12" x14ac:dyDescent="0.25">
      <c r="A869" s="1" t="s">
        <v>5536</v>
      </c>
      <c r="B869" s="1" t="s">
        <v>4935</v>
      </c>
      <c r="C869" s="1" t="s">
        <v>1843</v>
      </c>
      <c r="D869" s="1" t="s">
        <v>1476</v>
      </c>
      <c r="E869" s="1" t="s">
        <v>1476</v>
      </c>
      <c r="F869" s="1" t="s">
        <v>5537</v>
      </c>
      <c r="G869" s="1" t="s">
        <v>5538</v>
      </c>
      <c r="H869" s="1" t="s">
        <v>5539</v>
      </c>
      <c r="I869" s="1" t="s">
        <v>5540</v>
      </c>
      <c r="K869" s="1" t="s">
        <v>1366</v>
      </c>
      <c r="L869" s="1" t="s">
        <v>4946</v>
      </c>
    </row>
    <row r="870" spans="1:12" x14ac:dyDescent="0.25">
      <c r="A870" s="1" t="s">
        <v>5541</v>
      </c>
      <c r="B870" s="1" t="s">
        <v>4935</v>
      </c>
      <c r="C870" s="1" t="s">
        <v>1843</v>
      </c>
      <c r="D870" s="1" t="s">
        <v>1482</v>
      </c>
      <c r="E870" s="1" t="s">
        <v>1482</v>
      </c>
      <c r="F870" s="1" t="s">
        <v>5542</v>
      </c>
      <c r="G870" s="1" t="s">
        <v>5543</v>
      </c>
      <c r="H870" s="1" t="s">
        <v>5544</v>
      </c>
      <c r="I870" s="1" t="s">
        <v>5545</v>
      </c>
      <c r="K870" s="1" t="s">
        <v>1334</v>
      </c>
      <c r="L870" s="1" t="s">
        <v>4940</v>
      </c>
    </row>
    <row r="871" spans="1:12" x14ac:dyDescent="0.25">
      <c r="A871" s="1" t="s">
        <v>5546</v>
      </c>
      <c r="B871" s="1" t="s">
        <v>4935</v>
      </c>
      <c r="C871" s="1" t="s">
        <v>1843</v>
      </c>
      <c r="D871" s="1" t="s">
        <v>1488</v>
      </c>
      <c r="E871" s="1" t="s">
        <v>1488</v>
      </c>
      <c r="F871" s="1" t="s">
        <v>5547</v>
      </c>
      <c r="G871" s="1" t="s">
        <v>5548</v>
      </c>
      <c r="H871" s="1" t="s">
        <v>5214</v>
      </c>
      <c r="I871" s="1" t="s">
        <v>5549</v>
      </c>
      <c r="K871" s="1" t="s">
        <v>1366</v>
      </c>
      <c r="L871" s="1" t="s">
        <v>4946</v>
      </c>
    </row>
    <row r="872" spans="1:12" x14ac:dyDescent="0.25">
      <c r="A872" s="1" t="s">
        <v>5550</v>
      </c>
      <c r="B872" s="1" t="s">
        <v>4935</v>
      </c>
      <c r="C872" s="1" t="s">
        <v>1843</v>
      </c>
      <c r="D872" s="1" t="s">
        <v>1494</v>
      </c>
      <c r="E872" s="1" t="s">
        <v>1494</v>
      </c>
      <c r="F872" s="1" t="s">
        <v>5551</v>
      </c>
      <c r="G872" s="1" t="s">
        <v>5552</v>
      </c>
      <c r="H872" s="1" t="s">
        <v>5553</v>
      </c>
      <c r="I872" s="1" t="s">
        <v>5554</v>
      </c>
      <c r="K872" s="1" t="s">
        <v>1366</v>
      </c>
      <c r="L872" s="1" t="s">
        <v>4940</v>
      </c>
    </row>
    <row r="873" spans="1:12" x14ac:dyDescent="0.25">
      <c r="A873" s="1" t="s">
        <v>5555</v>
      </c>
      <c r="B873" s="1" t="s">
        <v>4935</v>
      </c>
      <c r="C873" s="1" t="s">
        <v>1843</v>
      </c>
      <c r="D873" s="1" t="s">
        <v>1500</v>
      </c>
      <c r="E873" s="1" t="s">
        <v>1500</v>
      </c>
      <c r="F873" s="1" t="s">
        <v>5556</v>
      </c>
      <c r="G873" s="1" t="s">
        <v>5557</v>
      </c>
      <c r="H873" s="1" t="s">
        <v>5558</v>
      </c>
      <c r="I873" s="1" t="s">
        <v>5559</v>
      </c>
      <c r="K873" s="1" t="s">
        <v>1366</v>
      </c>
      <c r="L873" s="1" t="s">
        <v>4951</v>
      </c>
    </row>
    <row r="874" spans="1:12" x14ac:dyDescent="0.25">
      <c r="A874" s="1" t="s">
        <v>5560</v>
      </c>
      <c r="B874" s="1" t="s">
        <v>4935</v>
      </c>
      <c r="C874" s="1" t="s">
        <v>1843</v>
      </c>
      <c r="D874" s="1" t="s">
        <v>1506</v>
      </c>
      <c r="E874" s="1" t="s">
        <v>1506</v>
      </c>
      <c r="F874" s="1" t="s">
        <v>5561</v>
      </c>
      <c r="G874" s="1" t="s">
        <v>5562</v>
      </c>
      <c r="H874" s="1" t="s">
        <v>5563</v>
      </c>
      <c r="I874" s="1" t="s">
        <v>5564</v>
      </c>
      <c r="K874" s="1" t="s">
        <v>1366</v>
      </c>
      <c r="L874" s="1" t="s">
        <v>4946</v>
      </c>
    </row>
    <row r="875" spans="1:12" x14ac:dyDescent="0.25">
      <c r="A875" s="1" t="s">
        <v>5565</v>
      </c>
      <c r="B875" s="1" t="s">
        <v>4935</v>
      </c>
      <c r="C875" s="1" t="s">
        <v>1843</v>
      </c>
      <c r="D875" s="1" t="s">
        <v>1512</v>
      </c>
      <c r="E875" s="1" t="s">
        <v>1512</v>
      </c>
      <c r="F875" s="1" t="s">
        <v>5566</v>
      </c>
      <c r="G875" s="1" t="s">
        <v>5567</v>
      </c>
      <c r="H875" s="1" t="s">
        <v>5568</v>
      </c>
      <c r="I875" s="1" t="s">
        <v>5569</v>
      </c>
      <c r="K875" s="1" t="s">
        <v>1366</v>
      </c>
      <c r="L875" s="1" t="s">
        <v>4951</v>
      </c>
    </row>
    <row r="876" spans="1:12" x14ac:dyDescent="0.25">
      <c r="A876" s="1" t="s">
        <v>5570</v>
      </c>
      <c r="B876" s="1" t="s">
        <v>4935</v>
      </c>
      <c r="C876" s="1" t="s">
        <v>1843</v>
      </c>
      <c r="D876" s="1" t="s">
        <v>1517</v>
      </c>
      <c r="E876" s="1" t="s">
        <v>1517</v>
      </c>
      <c r="F876" s="1" t="s">
        <v>5571</v>
      </c>
      <c r="G876" s="1" t="s">
        <v>5572</v>
      </c>
      <c r="H876" s="1" t="s">
        <v>5573</v>
      </c>
      <c r="I876" s="1" t="s">
        <v>5574</v>
      </c>
      <c r="K876" s="1" t="s">
        <v>1334</v>
      </c>
      <c r="L876" s="1" t="s">
        <v>4946</v>
      </c>
    </row>
    <row r="877" spans="1:12" x14ac:dyDescent="0.25">
      <c r="A877" s="1" t="s">
        <v>5575</v>
      </c>
      <c r="B877" s="1" t="s">
        <v>5576</v>
      </c>
      <c r="C877" s="1" t="s">
        <v>1328</v>
      </c>
      <c r="D877" s="1" t="s">
        <v>1329</v>
      </c>
      <c r="E877" s="1" t="s">
        <v>1329</v>
      </c>
      <c r="F877" s="1" t="s">
        <v>5577</v>
      </c>
      <c r="G877" s="1" t="s">
        <v>5578</v>
      </c>
      <c r="H877" s="1" t="s">
        <v>5579</v>
      </c>
      <c r="I877" s="1" t="s">
        <v>5580</v>
      </c>
      <c r="K877" s="1" t="s">
        <v>1366</v>
      </c>
      <c r="L877" s="1" t="s">
        <v>4946</v>
      </c>
    </row>
    <row r="878" spans="1:12" x14ac:dyDescent="0.25">
      <c r="A878" s="1" t="s">
        <v>5581</v>
      </c>
      <c r="B878" s="1" t="s">
        <v>5576</v>
      </c>
      <c r="C878" s="1" t="s">
        <v>1328</v>
      </c>
      <c r="D878" s="1" t="s">
        <v>1337</v>
      </c>
      <c r="E878" s="1" t="s">
        <v>1337</v>
      </c>
      <c r="F878" s="1" t="s">
        <v>5582</v>
      </c>
      <c r="G878" s="1" t="s">
        <v>5583</v>
      </c>
      <c r="H878" s="1" t="s">
        <v>5584</v>
      </c>
      <c r="I878" s="1" t="s">
        <v>5585</v>
      </c>
      <c r="K878" s="1" t="s">
        <v>1334</v>
      </c>
      <c r="L878" s="1" t="s">
        <v>4951</v>
      </c>
    </row>
    <row r="879" spans="1:12" x14ac:dyDescent="0.25">
      <c r="A879" s="1" t="s">
        <v>5586</v>
      </c>
      <c r="B879" s="1" t="s">
        <v>5576</v>
      </c>
      <c r="C879" s="1" t="s">
        <v>1328</v>
      </c>
      <c r="D879" s="1" t="s">
        <v>1343</v>
      </c>
      <c r="E879" s="1" t="s">
        <v>1343</v>
      </c>
      <c r="F879" s="1" t="s">
        <v>5587</v>
      </c>
      <c r="G879" s="1" t="s">
        <v>5588</v>
      </c>
      <c r="H879" s="1" t="s">
        <v>5589</v>
      </c>
      <c r="I879" s="1" t="s">
        <v>5590</v>
      </c>
      <c r="K879" s="1" t="s">
        <v>1334</v>
      </c>
      <c r="L879" s="1" t="s">
        <v>4940</v>
      </c>
    </row>
    <row r="880" spans="1:12" x14ac:dyDescent="0.25">
      <c r="A880" s="1" t="s">
        <v>5591</v>
      </c>
      <c r="B880" s="1" t="s">
        <v>5576</v>
      </c>
      <c r="C880" s="1" t="s">
        <v>1328</v>
      </c>
      <c r="D880" s="1" t="s">
        <v>1349</v>
      </c>
      <c r="E880" s="1" t="s">
        <v>1349</v>
      </c>
      <c r="F880" s="1" t="s">
        <v>5592</v>
      </c>
      <c r="G880" s="1" t="s">
        <v>5593</v>
      </c>
      <c r="H880" s="1" t="s">
        <v>5594</v>
      </c>
      <c r="I880" s="1" t="s">
        <v>5595</v>
      </c>
      <c r="K880" s="1" t="s">
        <v>1334</v>
      </c>
      <c r="L880" s="1" t="s">
        <v>4946</v>
      </c>
    </row>
    <row r="881" spans="1:12" x14ac:dyDescent="0.25">
      <c r="A881" s="1" t="s">
        <v>5596</v>
      </c>
      <c r="B881" s="1" t="s">
        <v>5576</v>
      </c>
      <c r="C881" s="1" t="s">
        <v>1328</v>
      </c>
      <c r="D881" s="1" t="s">
        <v>1355</v>
      </c>
      <c r="E881" s="1" t="s">
        <v>1355</v>
      </c>
      <c r="F881" s="1" t="s">
        <v>5597</v>
      </c>
      <c r="G881" s="1" t="s">
        <v>5598</v>
      </c>
      <c r="H881" s="1" t="s">
        <v>5599</v>
      </c>
      <c r="I881" s="1" t="s">
        <v>5600</v>
      </c>
      <c r="K881" s="1" t="s">
        <v>1366</v>
      </c>
      <c r="L881" s="1" t="s">
        <v>4946</v>
      </c>
    </row>
    <row r="882" spans="1:12" x14ac:dyDescent="0.25">
      <c r="A882" s="1" t="s">
        <v>5601</v>
      </c>
      <c r="B882" s="1" t="s">
        <v>5576</v>
      </c>
      <c r="C882" s="1" t="s">
        <v>1328</v>
      </c>
      <c r="D882" s="1" t="s">
        <v>1361</v>
      </c>
      <c r="E882" s="1" t="s">
        <v>1361</v>
      </c>
      <c r="F882" s="1" t="s">
        <v>5602</v>
      </c>
      <c r="G882" s="1" t="s">
        <v>5603</v>
      </c>
      <c r="H882" s="1" t="s">
        <v>5604</v>
      </c>
      <c r="I882" s="1" t="s">
        <v>5605</v>
      </c>
      <c r="J882" s="14" t="s">
        <v>1726</v>
      </c>
      <c r="K882" s="1" t="s">
        <v>1366</v>
      </c>
      <c r="L882" s="1" t="s">
        <v>4946</v>
      </c>
    </row>
    <row r="883" spans="1:12" x14ac:dyDescent="0.25">
      <c r="A883" s="1" t="s">
        <v>5606</v>
      </c>
      <c r="B883" s="1" t="s">
        <v>5576</v>
      </c>
      <c r="C883" s="1" t="s">
        <v>1328</v>
      </c>
      <c r="D883" s="1" t="s">
        <v>1368</v>
      </c>
      <c r="E883" s="1" t="s">
        <v>1368</v>
      </c>
      <c r="F883" s="1" t="s">
        <v>5607</v>
      </c>
      <c r="G883" s="1" t="s">
        <v>5608</v>
      </c>
      <c r="H883" s="1" t="s">
        <v>5609</v>
      </c>
      <c r="I883" s="1" t="s">
        <v>5610</v>
      </c>
      <c r="K883" s="1" t="s">
        <v>1334</v>
      </c>
      <c r="L883" s="1" t="s">
        <v>4940</v>
      </c>
    </row>
    <row r="884" spans="1:12" x14ac:dyDescent="0.25">
      <c r="A884" s="1" t="s">
        <v>5611</v>
      </c>
      <c r="B884" s="1" t="s">
        <v>5576</v>
      </c>
      <c r="C884" s="1" t="s">
        <v>1328</v>
      </c>
      <c r="D884" s="1" t="s">
        <v>1374</v>
      </c>
      <c r="E884" s="1" t="s">
        <v>1374</v>
      </c>
      <c r="F884" s="1" t="s">
        <v>5612</v>
      </c>
      <c r="G884" s="1" t="s">
        <v>5613</v>
      </c>
      <c r="H884" s="1" t="s">
        <v>5614</v>
      </c>
      <c r="I884" s="1" t="s">
        <v>5615</v>
      </c>
      <c r="K884" s="1" t="s">
        <v>1334</v>
      </c>
      <c r="L884" s="1" t="s">
        <v>4971</v>
      </c>
    </row>
    <row r="885" spans="1:12" x14ac:dyDescent="0.25">
      <c r="A885" s="1" t="s">
        <v>5616</v>
      </c>
      <c r="B885" s="1" t="s">
        <v>5576</v>
      </c>
      <c r="C885" s="1" t="s">
        <v>1328</v>
      </c>
      <c r="D885" s="1" t="s">
        <v>1380</v>
      </c>
      <c r="E885" s="1" t="s">
        <v>1380</v>
      </c>
      <c r="F885" s="1" t="s">
        <v>5617</v>
      </c>
      <c r="G885" s="1" t="s">
        <v>5618</v>
      </c>
      <c r="H885" s="1" t="s">
        <v>5619</v>
      </c>
      <c r="I885" s="1" t="s">
        <v>5620</v>
      </c>
      <c r="K885" s="1" t="s">
        <v>1366</v>
      </c>
      <c r="L885" s="1" t="s">
        <v>4971</v>
      </c>
    </row>
    <row r="886" spans="1:12" x14ac:dyDescent="0.25">
      <c r="A886" s="1" t="s">
        <v>5621</v>
      </c>
      <c r="B886" s="1" t="s">
        <v>5576</v>
      </c>
      <c r="C886" s="1" t="s">
        <v>1328</v>
      </c>
      <c r="D886" s="1" t="s">
        <v>1386</v>
      </c>
      <c r="E886" s="1" t="s">
        <v>1386</v>
      </c>
      <c r="F886" s="1" t="s">
        <v>5622</v>
      </c>
      <c r="G886" s="1" t="s">
        <v>5623</v>
      </c>
      <c r="H886" s="1" t="s">
        <v>5624</v>
      </c>
      <c r="I886" s="1" t="s">
        <v>5625</v>
      </c>
      <c r="K886" s="1" t="s">
        <v>1366</v>
      </c>
      <c r="L886" s="1" t="s">
        <v>4971</v>
      </c>
    </row>
    <row r="887" spans="1:12" x14ac:dyDescent="0.25">
      <c r="A887" s="1" t="s">
        <v>5626</v>
      </c>
      <c r="B887" s="1" t="s">
        <v>5576</v>
      </c>
      <c r="C887" s="1" t="s">
        <v>1328</v>
      </c>
      <c r="D887" s="1" t="s">
        <v>1392</v>
      </c>
      <c r="E887" s="1" t="s">
        <v>1392</v>
      </c>
      <c r="F887" s="1" t="s">
        <v>5627</v>
      </c>
      <c r="G887" s="1" t="s">
        <v>5628</v>
      </c>
      <c r="H887" s="1" t="s">
        <v>5629</v>
      </c>
      <c r="I887" s="1" t="s">
        <v>5630</v>
      </c>
      <c r="K887" s="1" t="s">
        <v>1334</v>
      </c>
      <c r="L887" s="1" t="s">
        <v>4951</v>
      </c>
    </row>
    <row r="888" spans="1:12" x14ac:dyDescent="0.25">
      <c r="A888" s="1" t="s">
        <v>5631</v>
      </c>
      <c r="B888" s="1" t="s">
        <v>5576</v>
      </c>
      <c r="C888" s="1" t="s">
        <v>1328</v>
      </c>
      <c r="D888" s="1" t="s">
        <v>1398</v>
      </c>
      <c r="E888" s="1" t="s">
        <v>1398</v>
      </c>
      <c r="F888" s="1" t="s">
        <v>5632</v>
      </c>
      <c r="G888" s="1" t="s">
        <v>5633</v>
      </c>
      <c r="H888" s="1" t="s">
        <v>5634</v>
      </c>
      <c r="I888" s="1" t="s">
        <v>5635</v>
      </c>
      <c r="K888" s="1" t="s">
        <v>1334</v>
      </c>
      <c r="L888" s="1" t="s">
        <v>4946</v>
      </c>
    </row>
    <row r="889" spans="1:12" x14ac:dyDescent="0.25">
      <c r="A889" s="1" t="s">
        <v>5636</v>
      </c>
      <c r="B889" s="1" t="s">
        <v>5576</v>
      </c>
      <c r="C889" s="1" t="s">
        <v>1328</v>
      </c>
      <c r="D889" s="1" t="s">
        <v>1404</v>
      </c>
      <c r="E889" s="1" t="s">
        <v>1404</v>
      </c>
      <c r="F889" s="1" t="s">
        <v>5637</v>
      </c>
      <c r="G889" s="1" t="s">
        <v>5638</v>
      </c>
      <c r="H889" s="1" t="s">
        <v>5639</v>
      </c>
      <c r="I889" s="1" t="s">
        <v>5640</v>
      </c>
      <c r="K889" s="1" t="s">
        <v>1334</v>
      </c>
      <c r="L889" s="1" t="s">
        <v>4940</v>
      </c>
    </row>
    <row r="890" spans="1:12" x14ac:dyDescent="0.25">
      <c r="A890" s="1" t="s">
        <v>5641</v>
      </c>
      <c r="B890" s="1" t="s">
        <v>5576</v>
      </c>
      <c r="C890" s="1" t="s">
        <v>1328</v>
      </c>
      <c r="D890" s="1" t="s">
        <v>1410</v>
      </c>
      <c r="E890" s="1" t="s">
        <v>1410</v>
      </c>
      <c r="F890" s="1" t="s">
        <v>5642</v>
      </c>
      <c r="G890" s="1" t="s">
        <v>5643</v>
      </c>
      <c r="H890" s="1" t="s">
        <v>5614</v>
      </c>
      <c r="I890" s="1" t="s">
        <v>5644</v>
      </c>
      <c r="K890" s="1" t="s">
        <v>1334</v>
      </c>
      <c r="L890" s="1" t="s">
        <v>4951</v>
      </c>
    </row>
    <row r="891" spans="1:12" x14ac:dyDescent="0.25">
      <c r="A891" s="1" t="s">
        <v>5645</v>
      </c>
      <c r="B891" s="1" t="s">
        <v>5576</v>
      </c>
      <c r="C891" s="1" t="s">
        <v>1328</v>
      </c>
      <c r="D891" s="1" t="s">
        <v>1416</v>
      </c>
      <c r="E891" s="1" t="s">
        <v>1416</v>
      </c>
      <c r="F891" s="1" t="s">
        <v>5646</v>
      </c>
      <c r="G891" s="1" t="s">
        <v>5647</v>
      </c>
      <c r="H891" s="1" t="s">
        <v>5648</v>
      </c>
      <c r="I891" s="1" t="s">
        <v>5649</v>
      </c>
      <c r="K891" s="1" t="s">
        <v>1366</v>
      </c>
      <c r="L891" s="1" t="s">
        <v>4951</v>
      </c>
    </row>
    <row r="892" spans="1:12" x14ac:dyDescent="0.25">
      <c r="A892" s="1" t="s">
        <v>5650</v>
      </c>
      <c r="B892" s="1" t="s">
        <v>5576</v>
      </c>
      <c r="C892" s="1" t="s">
        <v>1328</v>
      </c>
      <c r="D892" s="1" t="s">
        <v>1422</v>
      </c>
      <c r="E892" s="1" t="s">
        <v>1422</v>
      </c>
      <c r="F892" s="1" t="s">
        <v>5651</v>
      </c>
      <c r="G892" s="1" t="s">
        <v>5652</v>
      </c>
      <c r="H892" s="1" t="s">
        <v>5653</v>
      </c>
      <c r="I892" s="1" t="s">
        <v>5654</v>
      </c>
      <c r="K892" s="1" t="s">
        <v>1366</v>
      </c>
      <c r="L892" s="1" t="s">
        <v>4946</v>
      </c>
    </row>
    <row r="893" spans="1:12" x14ac:dyDescent="0.25">
      <c r="A893" s="1" t="s">
        <v>5655</v>
      </c>
      <c r="B893" s="1" t="s">
        <v>5576</v>
      </c>
      <c r="C893" s="1" t="s">
        <v>1328</v>
      </c>
      <c r="D893" s="1" t="s">
        <v>1428</v>
      </c>
      <c r="E893" s="1" t="s">
        <v>1428</v>
      </c>
      <c r="F893" s="1" t="s">
        <v>5656</v>
      </c>
      <c r="G893" s="1" t="s">
        <v>5657</v>
      </c>
      <c r="H893" s="1" t="s">
        <v>5658</v>
      </c>
      <c r="I893" s="1" t="s">
        <v>5659</v>
      </c>
      <c r="K893" s="1" t="s">
        <v>1366</v>
      </c>
      <c r="L893" s="1" t="s">
        <v>4946</v>
      </c>
    </row>
    <row r="894" spans="1:12" x14ac:dyDescent="0.25">
      <c r="A894" s="1" t="s">
        <v>5660</v>
      </c>
      <c r="B894" s="1" t="s">
        <v>5576</v>
      </c>
      <c r="C894" s="1" t="s">
        <v>1328</v>
      </c>
      <c r="D894" s="1" t="s">
        <v>1434</v>
      </c>
      <c r="E894" s="1" t="s">
        <v>1434</v>
      </c>
      <c r="F894" s="1" t="s">
        <v>5661</v>
      </c>
      <c r="G894" s="1" t="s">
        <v>5662</v>
      </c>
      <c r="H894" s="1" t="s">
        <v>5663</v>
      </c>
      <c r="I894" s="1" t="s">
        <v>5664</v>
      </c>
      <c r="K894" s="1" t="s">
        <v>1334</v>
      </c>
      <c r="L894" s="1" t="s">
        <v>4951</v>
      </c>
    </row>
    <row r="895" spans="1:12" x14ac:dyDescent="0.25">
      <c r="A895" s="1" t="s">
        <v>5665</v>
      </c>
      <c r="B895" s="1" t="s">
        <v>5576</v>
      </c>
      <c r="C895" s="1" t="s">
        <v>1328</v>
      </c>
      <c r="D895" s="1" t="s">
        <v>1440</v>
      </c>
      <c r="E895" s="1" t="s">
        <v>1440</v>
      </c>
      <c r="F895" s="1" t="s">
        <v>5666</v>
      </c>
      <c r="G895" s="1" t="s">
        <v>5667</v>
      </c>
      <c r="H895" s="1" t="s">
        <v>5584</v>
      </c>
      <c r="I895" s="1" t="s">
        <v>5668</v>
      </c>
      <c r="K895" s="1" t="s">
        <v>1334</v>
      </c>
      <c r="L895" s="1" t="s">
        <v>4971</v>
      </c>
    </row>
    <row r="896" spans="1:12" x14ac:dyDescent="0.25">
      <c r="A896" s="1" t="s">
        <v>5669</v>
      </c>
      <c r="B896" s="1" t="s">
        <v>5576</v>
      </c>
      <c r="C896" s="1" t="s">
        <v>1328</v>
      </c>
      <c r="D896" s="1" t="s">
        <v>1446</v>
      </c>
      <c r="E896" s="1" t="s">
        <v>1446</v>
      </c>
      <c r="F896" s="1" t="s">
        <v>5670</v>
      </c>
      <c r="G896" s="1" t="s">
        <v>5671</v>
      </c>
      <c r="H896" s="1" t="s">
        <v>5672</v>
      </c>
      <c r="I896" s="1" t="s">
        <v>5673</v>
      </c>
      <c r="K896" s="1" t="s">
        <v>1366</v>
      </c>
      <c r="L896" s="1" t="s">
        <v>4971</v>
      </c>
    </row>
    <row r="897" spans="1:12" x14ac:dyDescent="0.25">
      <c r="A897" s="1" t="s">
        <v>5674</v>
      </c>
      <c r="B897" s="1" t="s">
        <v>5576</v>
      </c>
      <c r="C897" s="1" t="s">
        <v>1328</v>
      </c>
      <c r="D897" s="1" t="s">
        <v>1452</v>
      </c>
      <c r="E897" s="1" t="s">
        <v>1452</v>
      </c>
      <c r="F897" s="1" t="s">
        <v>5675</v>
      </c>
      <c r="G897" s="1" t="s">
        <v>5676</v>
      </c>
      <c r="H897" s="1" t="s">
        <v>5579</v>
      </c>
      <c r="I897" s="1" t="s">
        <v>5677</v>
      </c>
      <c r="K897" s="1" t="s">
        <v>1366</v>
      </c>
      <c r="L897" s="1" t="s">
        <v>4940</v>
      </c>
    </row>
    <row r="898" spans="1:12" x14ac:dyDescent="0.25">
      <c r="A898" s="1" t="s">
        <v>5678</v>
      </c>
      <c r="B898" s="1" t="s">
        <v>5576</v>
      </c>
      <c r="C898" s="1" t="s">
        <v>1328</v>
      </c>
      <c r="D898" s="1" t="s">
        <v>1458</v>
      </c>
      <c r="E898" s="1" t="s">
        <v>1458</v>
      </c>
      <c r="F898" s="1" t="s">
        <v>5679</v>
      </c>
      <c r="G898" s="1" t="s">
        <v>5680</v>
      </c>
      <c r="H898" s="1" t="s">
        <v>5681</v>
      </c>
      <c r="I898" s="1" t="s">
        <v>5682</v>
      </c>
      <c r="K898" s="1" t="s">
        <v>1366</v>
      </c>
      <c r="L898" s="1" t="s">
        <v>4951</v>
      </c>
    </row>
    <row r="899" spans="1:12" x14ac:dyDescent="0.25">
      <c r="A899" s="1" t="s">
        <v>5683</v>
      </c>
      <c r="B899" s="1" t="s">
        <v>5576</v>
      </c>
      <c r="C899" s="1" t="s">
        <v>1328</v>
      </c>
      <c r="D899" s="1" t="s">
        <v>1464</v>
      </c>
      <c r="E899" s="1" t="s">
        <v>1464</v>
      </c>
      <c r="F899" s="1" t="s">
        <v>5684</v>
      </c>
      <c r="G899" s="1" t="s">
        <v>5685</v>
      </c>
      <c r="H899" s="1" t="s">
        <v>5686</v>
      </c>
      <c r="I899" s="1" t="s">
        <v>5687</v>
      </c>
      <c r="K899" s="1" t="s">
        <v>1366</v>
      </c>
      <c r="L899" s="1" t="s">
        <v>4946</v>
      </c>
    </row>
    <row r="900" spans="1:12" x14ac:dyDescent="0.25">
      <c r="A900" s="1" t="s">
        <v>5688</v>
      </c>
      <c r="B900" s="1" t="s">
        <v>5576</v>
      </c>
      <c r="C900" s="1" t="s">
        <v>1328</v>
      </c>
      <c r="D900" s="1" t="s">
        <v>1470</v>
      </c>
      <c r="E900" s="1" t="s">
        <v>1470</v>
      </c>
      <c r="F900" s="1" t="s">
        <v>5689</v>
      </c>
      <c r="G900" s="1" t="s">
        <v>5690</v>
      </c>
      <c r="H900" s="1" t="s">
        <v>5691</v>
      </c>
      <c r="I900" s="1" t="s">
        <v>5692</v>
      </c>
      <c r="K900" s="1" t="s">
        <v>1334</v>
      </c>
      <c r="L900" s="1" t="s">
        <v>4951</v>
      </c>
    </row>
    <row r="901" spans="1:12" x14ac:dyDescent="0.25">
      <c r="A901" s="1" t="s">
        <v>5693</v>
      </c>
      <c r="B901" s="1" t="s">
        <v>5576</v>
      </c>
      <c r="C901" s="1" t="s">
        <v>1328</v>
      </c>
      <c r="D901" s="1" t="s">
        <v>1476</v>
      </c>
      <c r="E901" s="1" t="s">
        <v>1476</v>
      </c>
      <c r="F901" s="1" t="s">
        <v>5694</v>
      </c>
      <c r="G901" s="1" t="s">
        <v>5695</v>
      </c>
      <c r="H901" s="1" t="s">
        <v>5696</v>
      </c>
      <c r="I901" s="1" t="s">
        <v>5697</v>
      </c>
      <c r="K901" s="1" t="s">
        <v>1366</v>
      </c>
      <c r="L901" s="1" t="s">
        <v>4971</v>
      </c>
    </row>
    <row r="902" spans="1:12" x14ac:dyDescent="0.25">
      <c r="A902" s="1" t="s">
        <v>5698</v>
      </c>
      <c r="B902" s="1" t="s">
        <v>5576</v>
      </c>
      <c r="C902" s="1" t="s">
        <v>1328</v>
      </c>
      <c r="D902" s="1" t="s">
        <v>1482</v>
      </c>
      <c r="E902" s="1" t="s">
        <v>1482</v>
      </c>
      <c r="F902" s="1" t="s">
        <v>5699</v>
      </c>
      <c r="G902" s="1" t="s">
        <v>5700</v>
      </c>
      <c r="H902" s="1" t="s">
        <v>5701</v>
      </c>
      <c r="I902" s="1" t="s">
        <v>5702</v>
      </c>
      <c r="K902" s="1" t="s">
        <v>1334</v>
      </c>
      <c r="L902" s="1" t="s">
        <v>4951</v>
      </c>
    </row>
    <row r="903" spans="1:12" x14ac:dyDescent="0.25">
      <c r="A903" s="1" t="s">
        <v>5703</v>
      </c>
      <c r="B903" s="1" t="s">
        <v>5576</v>
      </c>
      <c r="C903" s="1" t="s">
        <v>1328</v>
      </c>
      <c r="D903" s="1" t="s">
        <v>1488</v>
      </c>
      <c r="E903" s="1" t="s">
        <v>1488</v>
      </c>
      <c r="F903" s="1" t="s">
        <v>5704</v>
      </c>
      <c r="G903" s="1" t="s">
        <v>5705</v>
      </c>
      <c r="H903" s="1" t="s">
        <v>5706</v>
      </c>
      <c r="I903" s="1" t="s">
        <v>5707</v>
      </c>
      <c r="J903" s="14" t="s">
        <v>5052</v>
      </c>
      <c r="K903" s="1" t="s">
        <v>1334</v>
      </c>
      <c r="L903" s="1" t="s">
        <v>4946</v>
      </c>
    </row>
    <row r="904" spans="1:12" x14ac:dyDescent="0.25">
      <c r="A904" s="1" t="s">
        <v>5708</v>
      </c>
      <c r="B904" s="1" t="s">
        <v>5576</v>
      </c>
      <c r="C904" s="1" t="s">
        <v>1328</v>
      </c>
      <c r="D904" s="1" t="s">
        <v>1494</v>
      </c>
      <c r="E904" s="1" t="s">
        <v>1494</v>
      </c>
      <c r="F904" s="1" t="s">
        <v>5709</v>
      </c>
      <c r="G904" s="1" t="s">
        <v>5710</v>
      </c>
      <c r="H904" s="1" t="s">
        <v>5711</v>
      </c>
      <c r="I904" s="1" t="s">
        <v>5712</v>
      </c>
      <c r="K904" s="1" t="s">
        <v>1334</v>
      </c>
      <c r="L904" s="1" t="s">
        <v>4971</v>
      </c>
    </row>
    <row r="905" spans="1:12" x14ac:dyDescent="0.25">
      <c r="A905" s="1" t="s">
        <v>5713</v>
      </c>
      <c r="B905" s="1" t="s">
        <v>5576</v>
      </c>
      <c r="C905" s="1" t="s">
        <v>1328</v>
      </c>
      <c r="D905" s="1" t="s">
        <v>1500</v>
      </c>
      <c r="E905" s="1" t="s">
        <v>1500</v>
      </c>
      <c r="F905" s="1" t="s">
        <v>5714</v>
      </c>
      <c r="G905" s="1" t="s">
        <v>5715</v>
      </c>
      <c r="H905" s="1" t="s">
        <v>5716</v>
      </c>
      <c r="I905" s="1" t="s">
        <v>5717</v>
      </c>
      <c r="K905" s="1" t="s">
        <v>1366</v>
      </c>
      <c r="L905" s="1" t="s">
        <v>4971</v>
      </c>
    </row>
    <row r="906" spans="1:12" x14ac:dyDescent="0.25">
      <c r="A906" s="1" t="s">
        <v>5718</v>
      </c>
      <c r="B906" s="1" t="s">
        <v>5576</v>
      </c>
      <c r="C906" s="1" t="s">
        <v>1328</v>
      </c>
      <c r="D906" s="1" t="s">
        <v>1506</v>
      </c>
      <c r="E906" s="1" t="s">
        <v>1506</v>
      </c>
      <c r="F906" s="1" t="s">
        <v>5719</v>
      </c>
      <c r="G906" s="1" t="s">
        <v>5720</v>
      </c>
      <c r="H906" s="1" t="s">
        <v>5721</v>
      </c>
      <c r="I906" s="1" t="s">
        <v>5722</v>
      </c>
      <c r="K906" s="1" t="s">
        <v>1366</v>
      </c>
      <c r="L906" s="1" t="s">
        <v>4940</v>
      </c>
    </row>
    <row r="907" spans="1:12" x14ac:dyDescent="0.25">
      <c r="A907" s="1" t="s">
        <v>5723</v>
      </c>
      <c r="B907" s="1" t="s">
        <v>5576</v>
      </c>
      <c r="C907" s="1" t="s">
        <v>1328</v>
      </c>
      <c r="D907" s="1" t="s">
        <v>1512</v>
      </c>
      <c r="E907" s="1" t="s">
        <v>1512</v>
      </c>
      <c r="F907" s="1" t="s">
        <v>5724</v>
      </c>
      <c r="G907" s="1" t="s">
        <v>5725</v>
      </c>
      <c r="H907" s="1" t="s">
        <v>5726</v>
      </c>
      <c r="I907" s="1" t="s">
        <v>5727</v>
      </c>
      <c r="K907" s="1" t="s">
        <v>1334</v>
      </c>
      <c r="L907" s="1" t="s">
        <v>4951</v>
      </c>
    </row>
    <row r="908" spans="1:12" x14ac:dyDescent="0.25">
      <c r="A908" s="1" t="s">
        <v>5728</v>
      </c>
      <c r="B908" s="1" t="s">
        <v>5576</v>
      </c>
      <c r="C908" s="1" t="s">
        <v>1328</v>
      </c>
      <c r="D908" s="1" t="s">
        <v>1517</v>
      </c>
      <c r="E908" s="1" t="s">
        <v>1517</v>
      </c>
      <c r="F908" s="1" t="s">
        <v>5729</v>
      </c>
      <c r="G908" s="1" t="s">
        <v>5730</v>
      </c>
      <c r="H908" s="1" t="s">
        <v>5731</v>
      </c>
      <c r="I908" s="1" t="s">
        <v>5732</v>
      </c>
      <c r="K908" s="1" t="s">
        <v>1334</v>
      </c>
      <c r="L908" s="1" t="s">
        <v>4946</v>
      </c>
    </row>
    <row r="909" spans="1:12" x14ac:dyDescent="0.25">
      <c r="A909" s="1" t="s">
        <v>5733</v>
      </c>
      <c r="B909" s="1" t="s">
        <v>5576</v>
      </c>
      <c r="C909" s="1" t="s">
        <v>1328</v>
      </c>
      <c r="D909" s="1" t="s">
        <v>1523</v>
      </c>
      <c r="E909" s="1" t="s">
        <v>1523</v>
      </c>
      <c r="F909" s="1" t="s">
        <v>5734</v>
      </c>
      <c r="G909" s="1" t="s">
        <v>5735</v>
      </c>
      <c r="H909" s="1" t="s">
        <v>5736</v>
      </c>
      <c r="I909" s="1" t="s">
        <v>5737</v>
      </c>
      <c r="K909" s="1" t="s">
        <v>1366</v>
      </c>
      <c r="L909" s="1" t="s">
        <v>4940</v>
      </c>
    </row>
    <row r="910" spans="1:12" x14ac:dyDescent="0.25">
      <c r="A910" s="1" t="s">
        <v>5738</v>
      </c>
      <c r="B910" s="1" t="s">
        <v>5576</v>
      </c>
      <c r="C910" s="1" t="s">
        <v>1328</v>
      </c>
      <c r="D910" s="1" t="s">
        <v>5739</v>
      </c>
      <c r="E910" s="1" t="s">
        <v>5739</v>
      </c>
      <c r="F910" s="1" t="s">
        <v>5740</v>
      </c>
      <c r="G910" s="1" t="s">
        <v>5741</v>
      </c>
      <c r="H910" s="1" t="s">
        <v>5742</v>
      </c>
      <c r="I910" s="1" t="s">
        <v>5743</v>
      </c>
      <c r="K910" s="1" t="s">
        <v>1366</v>
      </c>
      <c r="L910" s="1" t="s">
        <v>4971</v>
      </c>
    </row>
    <row r="911" spans="1:12" x14ac:dyDescent="0.25">
      <c r="A911" s="1" t="s">
        <v>5744</v>
      </c>
      <c r="B911" s="1" t="s">
        <v>5576</v>
      </c>
      <c r="C911" s="1" t="s">
        <v>1529</v>
      </c>
      <c r="D911" s="1" t="s">
        <v>1329</v>
      </c>
      <c r="E911" s="1" t="s">
        <v>1329</v>
      </c>
      <c r="F911" s="1" t="s">
        <v>5745</v>
      </c>
      <c r="G911" s="1" t="s">
        <v>5746</v>
      </c>
      <c r="H911" s="1" t="s">
        <v>5747</v>
      </c>
      <c r="I911" s="1" t="s">
        <v>5748</v>
      </c>
      <c r="K911" s="1" t="s">
        <v>1334</v>
      </c>
      <c r="L911" s="1" t="s">
        <v>4946</v>
      </c>
    </row>
    <row r="912" spans="1:12" x14ac:dyDescent="0.25">
      <c r="A912" s="1" t="s">
        <v>5749</v>
      </c>
      <c r="B912" s="1" t="s">
        <v>5576</v>
      </c>
      <c r="C912" s="1" t="s">
        <v>1529</v>
      </c>
      <c r="D912" s="1" t="s">
        <v>1337</v>
      </c>
      <c r="E912" s="1" t="s">
        <v>1337</v>
      </c>
      <c r="F912" s="1" t="s">
        <v>5750</v>
      </c>
      <c r="G912" s="1" t="s">
        <v>5751</v>
      </c>
      <c r="H912" s="1" t="s">
        <v>5752</v>
      </c>
      <c r="I912" s="1" t="s">
        <v>5753</v>
      </c>
      <c r="K912" s="1" t="s">
        <v>1334</v>
      </c>
      <c r="L912" s="1" t="s">
        <v>4940</v>
      </c>
    </row>
    <row r="913" spans="1:12" x14ac:dyDescent="0.25">
      <c r="A913" s="1" t="s">
        <v>5754</v>
      </c>
      <c r="B913" s="1" t="s">
        <v>5576</v>
      </c>
      <c r="C913" s="1" t="s">
        <v>1529</v>
      </c>
      <c r="D913" s="1" t="s">
        <v>1343</v>
      </c>
      <c r="E913" s="1" t="s">
        <v>1343</v>
      </c>
      <c r="F913" s="1" t="s">
        <v>5755</v>
      </c>
      <c r="G913" s="1" t="s">
        <v>5756</v>
      </c>
      <c r="H913" s="1" t="s">
        <v>5757</v>
      </c>
      <c r="I913" s="1" t="s">
        <v>5758</v>
      </c>
      <c r="K913" s="1" t="s">
        <v>1334</v>
      </c>
      <c r="L913" s="1" t="s">
        <v>4946</v>
      </c>
    </row>
    <row r="914" spans="1:12" x14ac:dyDescent="0.25">
      <c r="A914" s="1" t="s">
        <v>5759</v>
      </c>
      <c r="B914" s="1" t="s">
        <v>5576</v>
      </c>
      <c r="C914" s="1" t="s">
        <v>1529</v>
      </c>
      <c r="D914" s="1" t="s">
        <v>1349</v>
      </c>
      <c r="E914" s="1" t="s">
        <v>1349</v>
      </c>
      <c r="F914" s="1" t="s">
        <v>5760</v>
      </c>
      <c r="G914" s="1" t="s">
        <v>5761</v>
      </c>
      <c r="H914" s="1" t="s">
        <v>5762</v>
      </c>
      <c r="I914" s="1" t="s">
        <v>5763</v>
      </c>
      <c r="K914" s="1" t="s">
        <v>1366</v>
      </c>
      <c r="L914" s="1" t="s">
        <v>4940</v>
      </c>
    </row>
    <row r="915" spans="1:12" x14ac:dyDescent="0.25">
      <c r="A915" s="1" t="s">
        <v>4512</v>
      </c>
      <c r="B915" s="1" t="s">
        <v>5576</v>
      </c>
      <c r="C915" s="1" t="s">
        <v>1529</v>
      </c>
      <c r="D915" s="1" t="s">
        <v>1355</v>
      </c>
      <c r="E915" s="1" t="s">
        <v>1355</v>
      </c>
      <c r="F915" s="1" t="s">
        <v>5764</v>
      </c>
      <c r="G915" s="1" t="s">
        <v>5765</v>
      </c>
      <c r="H915" s="1" t="s">
        <v>5766</v>
      </c>
      <c r="I915" s="1" t="s">
        <v>5767</v>
      </c>
      <c r="K915" s="1" t="s">
        <v>1366</v>
      </c>
      <c r="L915" s="1" t="s">
        <v>4951</v>
      </c>
    </row>
    <row r="916" spans="1:12" x14ac:dyDescent="0.25">
      <c r="A916" s="1" t="s">
        <v>5768</v>
      </c>
      <c r="B916" s="1" t="s">
        <v>5576</v>
      </c>
      <c r="C916" s="1" t="s">
        <v>1529</v>
      </c>
      <c r="D916" s="1" t="s">
        <v>1361</v>
      </c>
      <c r="E916" s="1" t="s">
        <v>1361</v>
      </c>
      <c r="F916" s="1" t="s">
        <v>5769</v>
      </c>
      <c r="G916" s="1" t="s">
        <v>5770</v>
      </c>
      <c r="H916" s="1" t="s">
        <v>5771</v>
      </c>
      <c r="I916" s="1" t="s">
        <v>5772</v>
      </c>
      <c r="K916" s="1" t="s">
        <v>1366</v>
      </c>
      <c r="L916" s="1" t="s">
        <v>4946</v>
      </c>
    </row>
    <row r="917" spans="1:12" x14ac:dyDescent="0.25">
      <c r="A917" s="1" t="s">
        <v>5773</v>
      </c>
      <c r="B917" s="1" t="s">
        <v>5576</v>
      </c>
      <c r="C917" s="1" t="s">
        <v>1529</v>
      </c>
      <c r="D917" s="1" t="s">
        <v>1368</v>
      </c>
      <c r="E917" s="1" t="s">
        <v>1368</v>
      </c>
      <c r="F917" s="1" t="s">
        <v>5774</v>
      </c>
      <c r="G917" s="1" t="s">
        <v>5775</v>
      </c>
      <c r="H917" s="1" t="s">
        <v>5776</v>
      </c>
      <c r="I917" s="1" t="s">
        <v>5777</v>
      </c>
      <c r="K917" s="1" t="s">
        <v>1366</v>
      </c>
      <c r="L917" s="1" t="s">
        <v>4951</v>
      </c>
    </row>
    <row r="918" spans="1:12" x14ac:dyDescent="0.25">
      <c r="A918" s="1" t="s">
        <v>5778</v>
      </c>
      <c r="B918" s="1" t="s">
        <v>5576</v>
      </c>
      <c r="C918" s="1" t="s">
        <v>1529</v>
      </c>
      <c r="D918" s="1" t="s">
        <v>1374</v>
      </c>
      <c r="E918" s="1" t="s">
        <v>1374</v>
      </c>
      <c r="F918" s="1" t="s">
        <v>5779</v>
      </c>
      <c r="G918" s="1" t="s">
        <v>5780</v>
      </c>
      <c r="H918" s="1" t="s">
        <v>5781</v>
      </c>
      <c r="I918" s="1" t="s">
        <v>5782</v>
      </c>
      <c r="K918" s="1" t="s">
        <v>1334</v>
      </c>
      <c r="L918" s="1" t="s">
        <v>4940</v>
      </c>
    </row>
    <row r="919" spans="1:12" x14ac:dyDescent="0.25">
      <c r="A919" s="1" t="s">
        <v>5783</v>
      </c>
      <c r="B919" s="1" t="s">
        <v>5576</v>
      </c>
      <c r="C919" s="1" t="s">
        <v>1529</v>
      </c>
      <c r="D919" s="1" t="s">
        <v>1380</v>
      </c>
      <c r="E919" s="1" t="s">
        <v>1380</v>
      </c>
      <c r="F919" s="1" t="s">
        <v>5784</v>
      </c>
      <c r="G919" s="1" t="s">
        <v>5785</v>
      </c>
      <c r="H919" s="1" t="s">
        <v>5020</v>
      </c>
      <c r="I919" s="1" t="s">
        <v>5786</v>
      </c>
      <c r="K919" s="1" t="s">
        <v>1334</v>
      </c>
      <c r="L919" s="1" t="s">
        <v>4971</v>
      </c>
    </row>
    <row r="920" spans="1:12" x14ac:dyDescent="0.25">
      <c r="A920" s="1" t="s">
        <v>5787</v>
      </c>
      <c r="B920" s="1" t="s">
        <v>5576</v>
      </c>
      <c r="C920" s="1" t="s">
        <v>1529</v>
      </c>
      <c r="D920" s="1" t="s">
        <v>1386</v>
      </c>
      <c r="E920" s="1" t="s">
        <v>1386</v>
      </c>
      <c r="F920" s="1" t="s">
        <v>5788</v>
      </c>
      <c r="G920" s="1" t="s">
        <v>5789</v>
      </c>
      <c r="H920" s="1" t="s">
        <v>5790</v>
      </c>
      <c r="I920" s="1" t="s">
        <v>5791</v>
      </c>
      <c r="K920" s="1" t="s">
        <v>1366</v>
      </c>
      <c r="L920" s="1" t="s">
        <v>4971</v>
      </c>
    </row>
    <row r="921" spans="1:12" x14ac:dyDescent="0.25">
      <c r="A921" s="1" t="s">
        <v>5792</v>
      </c>
      <c r="B921" s="1" t="s">
        <v>5576</v>
      </c>
      <c r="C921" s="1" t="s">
        <v>1529</v>
      </c>
      <c r="D921" s="1" t="s">
        <v>1392</v>
      </c>
      <c r="E921" s="1" t="s">
        <v>1392</v>
      </c>
      <c r="F921" s="1" t="s">
        <v>5793</v>
      </c>
      <c r="G921" s="1" t="s">
        <v>5794</v>
      </c>
      <c r="H921" s="1" t="s">
        <v>5795</v>
      </c>
      <c r="I921" s="1" t="s">
        <v>5796</v>
      </c>
      <c r="K921" s="1" t="s">
        <v>1366</v>
      </c>
      <c r="L921" s="1" t="s">
        <v>4940</v>
      </c>
    </row>
    <row r="922" spans="1:12" x14ac:dyDescent="0.25">
      <c r="A922" s="1" t="s">
        <v>5797</v>
      </c>
      <c r="B922" s="1" t="s">
        <v>5576</v>
      </c>
      <c r="C922" s="1" t="s">
        <v>1529</v>
      </c>
      <c r="D922" s="1" t="s">
        <v>1398</v>
      </c>
      <c r="E922" s="1" t="s">
        <v>1398</v>
      </c>
      <c r="F922" s="1" t="s">
        <v>5798</v>
      </c>
      <c r="G922" s="1" t="s">
        <v>5799</v>
      </c>
      <c r="H922" s="1" t="s">
        <v>5800</v>
      </c>
      <c r="I922" s="1" t="s">
        <v>5801</v>
      </c>
      <c r="K922" s="1" t="s">
        <v>1366</v>
      </c>
      <c r="L922" s="1" t="s">
        <v>4951</v>
      </c>
    </row>
    <row r="923" spans="1:12" x14ac:dyDescent="0.25">
      <c r="A923" s="1" t="s">
        <v>5802</v>
      </c>
      <c r="B923" s="1" t="s">
        <v>5576</v>
      </c>
      <c r="C923" s="1" t="s">
        <v>1529</v>
      </c>
      <c r="D923" s="1" t="s">
        <v>1404</v>
      </c>
      <c r="E923" s="1" t="s">
        <v>1404</v>
      </c>
      <c r="F923" s="1" t="s">
        <v>5803</v>
      </c>
      <c r="G923" s="1" t="s">
        <v>5804</v>
      </c>
      <c r="H923" s="1" t="s">
        <v>5805</v>
      </c>
      <c r="I923" s="1" t="s">
        <v>5806</v>
      </c>
      <c r="K923" s="1" t="s">
        <v>1334</v>
      </c>
      <c r="L923" s="1" t="s">
        <v>4951</v>
      </c>
    </row>
    <row r="924" spans="1:12" x14ac:dyDescent="0.25">
      <c r="A924" s="1" t="s">
        <v>5807</v>
      </c>
      <c r="B924" s="1" t="s">
        <v>5576</v>
      </c>
      <c r="C924" s="1" t="s">
        <v>1529</v>
      </c>
      <c r="D924" s="1" t="s">
        <v>1410</v>
      </c>
      <c r="E924" s="1" t="s">
        <v>1410</v>
      </c>
      <c r="F924" s="1" t="s">
        <v>5808</v>
      </c>
      <c r="G924" s="1" t="s">
        <v>5809</v>
      </c>
      <c r="H924" s="1" t="s">
        <v>5810</v>
      </c>
      <c r="I924" s="1" t="s">
        <v>5811</v>
      </c>
      <c r="K924" s="1" t="s">
        <v>1334</v>
      </c>
      <c r="L924" s="1" t="s">
        <v>4946</v>
      </c>
    </row>
    <row r="925" spans="1:12" x14ac:dyDescent="0.25">
      <c r="A925" s="1" t="s">
        <v>5812</v>
      </c>
      <c r="B925" s="1" t="s">
        <v>5576</v>
      </c>
      <c r="C925" s="1" t="s">
        <v>1529</v>
      </c>
      <c r="D925" s="1" t="s">
        <v>1416</v>
      </c>
      <c r="E925" s="1" t="s">
        <v>1416</v>
      </c>
      <c r="F925" s="1" t="s">
        <v>5813</v>
      </c>
      <c r="G925" s="1" t="s">
        <v>5814</v>
      </c>
      <c r="H925" s="1" t="s">
        <v>5815</v>
      </c>
      <c r="I925" s="1" t="s">
        <v>5816</v>
      </c>
      <c r="K925" s="1" t="s">
        <v>1334</v>
      </c>
      <c r="L925" s="1" t="s">
        <v>4951</v>
      </c>
    </row>
    <row r="926" spans="1:12" x14ac:dyDescent="0.25">
      <c r="A926" s="1" t="s">
        <v>5817</v>
      </c>
      <c r="B926" s="1" t="s">
        <v>5576</v>
      </c>
      <c r="C926" s="1" t="s">
        <v>1529</v>
      </c>
      <c r="D926" s="1" t="s">
        <v>1422</v>
      </c>
      <c r="E926" s="1" t="s">
        <v>1422</v>
      </c>
      <c r="F926" s="1" t="s">
        <v>5818</v>
      </c>
      <c r="G926" s="1" t="s">
        <v>5819</v>
      </c>
      <c r="H926" s="1" t="s">
        <v>5820</v>
      </c>
      <c r="I926" s="1" t="s">
        <v>5821</v>
      </c>
      <c r="K926" s="1" t="s">
        <v>1334</v>
      </c>
      <c r="L926" s="1" t="s">
        <v>4971</v>
      </c>
    </row>
    <row r="927" spans="1:12" x14ac:dyDescent="0.25">
      <c r="A927" s="1" t="s">
        <v>5822</v>
      </c>
      <c r="B927" s="1" t="s">
        <v>5576</v>
      </c>
      <c r="C927" s="1" t="s">
        <v>1529</v>
      </c>
      <c r="D927" s="1" t="s">
        <v>1428</v>
      </c>
      <c r="E927" s="1" t="s">
        <v>1428</v>
      </c>
      <c r="F927" s="1" t="s">
        <v>5823</v>
      </c>
      <c r="G927" s="1" t="s">
        <v>5824</v>
      </c>
      <c r="H927" s="1" t="s">
        <v>5825</v>
      </c>
      <c r="I927" s="1" t="s">
        <v>5826</v>
      </c>
      <c r="K927" s="1" t="s">
        <v>1366</v>
      </c>
      <c r="L927" s="1" t="s">
        <v>4940</v>
      </c>
    </row>
    <row r="928" spans="1:12" x14ac:dyDescent="0.25">
      <c r="A928" s="1" t="s">
        <v>5827</v>
      </c>
      <c r="B928" s="1" t="s">
        <v>5576</v>
      </c>
      <c r="C928" s="1" t="s">
        <v>1529</v>
      </c>
      <c r="D928" s="1" t="s">
        <v>1434</v>
      </c>
      <c r="E928" s="1" t="s">
        <v>1434</v>
      </c>
      <c r="F928" s="1" t="s">
        <v>5828</v>
      </c>
      <c r="G928" s="1" t="s">
        <v>5829</v>
      </c>
      <c r="H928" s="1" t="s">
        <v>5830</v>
      </c>
      <c r="I928" s="1" t="s">
        <v>5831</v>
      </c>
      <c r="K928" s="1" t="s">
        <v>1334</v>
      </c>
      <c r="L928" s="1" t="s">
        <v>4946</v>
      </c>
    </row>
    <row r="929" spans="1:12" x14ac:dyDescent="0.25">
      <c r="A929" s="1" t="s">
        <v>5832</v>
      </c>
      <c r="B929" s="1" t="s">
        <v>5576</v>
      </c>
      <c r="C929" s="1" t="s">
        <v>1529</v>
      </c>
      <c r="D929" s="1" t="s">
        <v>1440</v>
      </c>
      <c r="E929" s="1" t="s">
        <v>1440</v>
      </c>
      <c r="F929" s="1" t="s">
        <v>5833</v>
      </c>
      <c r="G929" s="1" t="s">
        <v>5834</v>
      </c>
      <c r="H929" s="1" t="s">
        <v>5835</v>
      </c>
      <c r="I929" s="1" t="s">
        <v>5836</v>
      </c>
      <c r="K929" s="1" t="s">
        <v>1334</v>
      </c>
      <c r="L929" s="1" t="s">
        <v>4940</v>
      </c>
    </row>
    <row r="930" spans="1:12" x14ac:dyDescent="0.25">
      <c r="A930" s="1" t="s">
        <v>5837</v>
      </c>
      <c r="B930" s="1" t="s">
        <v>5576</v>
      </c>
      <c r="C930" s="1" t="s">
        <v>1529</v>
      </c>
      <c r="D930" s="1" t="s">
        <v>1446</v>
      </c>
      <c r="E930" s="1" t="s">
        <v>1446</v>
      </c>
      <c r="F930" s="1" t="s">
        <v>5838</v>
      </c>
      <c r="G930" s="1" t="s">
        <v>5839</v>
      </c>
      <c r="H930" s="1" t="s">
        <v>5840</v>
      </c>
      <c r="I930" s="1" t="s">
        <v>5841</v>
      </c>
      <c r="K930" s="1" t="s">
        <v>1334</v>
      </c>
      <c r="L930" s="1" t="s">
        <v>4940</v>
      </c>
    </row>
    <row r="931" spans="1:12" x14ac:dyDescent="0.25">
      <c r="A931" s="1" t="s">
        <v>5842</v>
      </c>
      <c r="B931" s="1" t="s">
        <v>5576</v>
      </c>
      <c r="C931" s="1" t="s">
        <v>1529</v>
      </c>
      <c r="D931" s="1" t="s">
        <v>1452</v>
      </c>
      <c r="E931" s="1" t="s">
        <v>1452</v>
      </c>
      <c r="F931" s="1" t="s">
        <v>5843</v>
      </c>
      <c r="G931" s="1" t="s">
        <v>5844</v>
      </c>
      <c r="H931" s="1" t="s">
        <v>5845</v>
      </c>
      <c r="I931" s="1" t="s">
        <v>5846</v>
      </c>
      <c r="K931" s="1" t="s">
        <v>1366</v>
      </c>
      <c r="L931" s="1" t="s">
        <v>4971</v>
      </c>
    </row>
    <row r="932" spans="1:12" x14ac:dyDescent="0.25">
      <c r="A932" s="1" t="s">
        <v>5847</v>
      </c>
      <c r="B932" s="1" t="s">
        <v>5576</v>
      </c>
      <c r="C932" s="1" t="s">
        <v>1529</v>
      </c>
      <c r="D932" s="1" t="s">
        <v>1458</v>
      </c>
      <c r="E932" s="1" t="s">
        <v>1458</v>
      </c>
      <c r="F932" s="1" t="s">
        <v>5848</v>
      </c>
      <c r="G932" s="1" t="s">
        <v>5849</v>
      </c>
      <c r="H932" s="1" t="s">
        <v>5850</v>
      </c>
      <c r="I932" s="1" t="s">
        <v>5851</v>
      </c>
      <c r="J932" s="14" t="s">
        <v>5052</v>
      </c>
      <c r="K932" s="1" t="s">
        <v>1366</v>
      </c>
      <c r="L932" s="1" t="s">
        <v>4946</v>
      </c>
    </row>
    <row r="933" spans="1:12" x14ac:dyDescent="0.25">
      <c r="A933" s="1" t="s">
        <v>853</v>
      </c>
      <c r="B933" s="1" t="s">
        <v>5576</v>
      </c>
      <c r="C933" s="1" t="s">
        <v>1529</v>
      </c>
      <c r="D933" s="1" t="s">
        <v>1464</v>
      </c>
      <c r="E933" s="1" t="s">
        <v>1464</v>
      </c>
      <c r="F933" s="1" t="s">
        <v>5852</v>
      </c>
      <c r="G933" s="1" t="s">
        <v>5853</v>
      </c>
      <c r="H933" s="1" t="s">
        <v>5854</v>
      </c>
      <c r="I933" s="1" t="s">
        <v>5855</v>
      </c>
      <c r="K933" s="1" t="s">
        <v>1334</v>
      </c>
      <c r="L933" s="1" t="s">
        <v>4946</v>
      </c>
    </row>
    <row r="934" spans="1:12" x14ac:dyDescent="0.25">
      <c r="A934" s="1" t="s">
        <v>5856</v>
      </c>
      <c r="B934" s="1" t="s">
        <v>5576</v>
      </c>
      <c r="C934" s="1" t="s">
        <v>1529</v>
      </c>
      <c r="D934" s="1" t="s">
        <v>1470</v>
      </c>
      <c r="E934" s="1" t="s">
        <v>1470</v>
      </c>
      <c r="F934" s="1" t="s">
        <v>5857</v>
      </c>
      <c r="G934" s="1" t="s">
        <v>5858</v>
      </c>
      <c r="H934" s="1" t="s">
        <v>5859</v>
      </c>
      <c r="I934" s="1" t="s">
        <v>5860</v>
      </c>
      <c r="K934" s="1" t="s">
        <v>1334</v>
      </c>
      <c r="L934" s="1" t="s">
        <v>4946</v>
      </c>
    </row>
    <row r="935" spans="1:12" x14ac:dyDescent="0.25">
      <c r="A935" s="1" t="s">
        <v>5861</v>
      </c>
      <c r="B935" s="1" t="s">
        <v>5576</v>
      </c>
      <c r="C935" s="1" t="s">
        <v>1529</v>
      </c>
      <c r="D935" s="1" t="s">
        <v>1476</v>
      </c>
      <c r="E935" s="1" t="s">
        <v>1476</v>
      </c>
      <c r="F935" s="1" t="s">
        <v>5862</v>
      </c>
      <c r="G935" s="1" t="s">
        <v>5863</v>
      </c>
      <c r="H935" s="1" t="s">
        <v>5864</v>
      </c>
      <c r="I935" s="1" t="s">
        <v>5865</v>
      </c>
      <c r="K935" s="1" t="s">
        <v>1366</v>
      </c>
      <c r="L935" s="1" t="s">
        <v>4951</v>
      </c>
    </row>
    <row r="936" spans="1:12" x14ac:dyDescent="0.25">
      <c r="A936" s="1" t="s">
        <v>5866</v>
      </c>
      <c r="B936" s="1" t="s">
        <v>5576</v>
      </c>
      <c r="C936" s="1" t="s">
        <v>1529</v>
      </c>
      <c r="D936" s="1" t="s">
        <v>1482</v>
      </c>
      <c r="E936" s="1" t="s">
        <v>1482</v>
      </c>
      <c r="F936" s="1" t="s">
        <v>5867</v>
      </c>
      <c r="G936" s="1" t="s">
        <v>5868</v>
      </c>
      <c r="H936" s="1" t="s">
        <v>5810</v>
      </c>
      <c r="I936" s="1" t="s">
        <v>5869</v>
      </c>
      <c r="K936" s="1" t="s">
        <v>1366</v>
      </c>
      <c r="L936" s="1" t="s">
        <v>4971</v>
      </c>
    </row>
    <row r="937" spans="1:12" x14ac:dyDescent="0.25">
      <c r="A937" s="1" t="s">
        <v>5870</v>
      </c>
      <c r="B937" s="1" t="s">
        <v>5576</v>
      </c>
      <c r="C937" s="1" t="s">
        <v>1529</v>
      </c>
      <c r="D937" s="1" t="s">
        <v>1488</v>
      </c>
      <c r="E937" s="1" t="s">
        <v>1488</v>
      </c>
      <c r="F937" s="1" t="s">
        <v>5871</v>
      </c>
      <c r="G937" s="1" t="s">
        <v>5872</v>
      </c>
      <c r="H937" s="1" t="s">
        <v>5835</v>
      </c>
      <c r="I937" s="1" t="s">
        <v>5873</v>
      </c>
      <c r="K937" s="1" t="s">
        <v>1334</v>
      </c>
      <c r="L937" s="1" t="s">
        <v>4940</v>
      </c>
    </row>
    <row r="938" spans="1:12" x14ac:dyDescent="0.25">
      <c r="A938" s="1" t="s">
        <v>5874</v>
      </c>
      <c r="B938" s="1" t="s">
        <v>5576</v>
      </c>
      <c r="C938" s="1" t="s">
        <v>1529</v>
      </c>
      <c r="D938" s="1" t="s">
        <v>1494</v>
      </c>
      <c r="E938" s="1" t="s">
        <v>1494</v>
      </c>
      <c r="F938" s="1" t="s">
        <v>5875</v>
      </c>
      <c r="G938" s="1" t="s">
        <v>5876</v>
      </c>
      <c r="H938" s="1" t="s">
        <v>5877</v>
      </c>
      <c r="I938" s="1" t="s">
        <v>5878</v>
      </c>
      <c r="K938" s="1" t="s">
        <v>1366</v>
      </c>
      <c r="L938" s="1" t="s">
        <v>4971</v>
      </c>
    </row>
    <row r="939" spans="1:12" x14ac:dyDescent="0.25">
      <c r="A939" s="1" t="s">
        <v>5879</v>
      </c>
      <c r="B939" s="1" t="s">
        <v>5576</v>
      </c>
      <c r="C939" s="1" t="s">
        <v>1529</v>
      </c>
      <c r="D939" s="1" t="s">
        <v>1500</v>
      </c>
      <c r="E939" s="1" t="s">
        <v>1500</v>
      </c>
      <c r="F939" s="1" t="s">
        <v>5880</v>
      </c>
      <c r="G939" s="1" t="s">
        <v>5881</v>
      </c>
      <c r="H939" s="1" t="s">
        <v>5731</v>
      </c>
      <c r="I939" s="1" t="s">
        <v>5882</v>
      </c>
      <c r="K939" s="1" t="s">
        <v>1334</v>
      </c>
      <c r="L939" s="1" t="s">
        <v>4971</v>
      </c>
    </row>
    <row r="940" spans="1:12" x14ac:dyDescent="0.25">
      <c r="A940" s="1" t="s">
        <v>5883</v>
      </c>
      <c r="B940" s="1" t="s">
        <v>5576</v>
      </c>
      <c r="C940" s="1" t="s">
        <v>1529</v>
      </c>
      <c r="D940" s="1" t="s">
        <v>1506</v>
      </c>
      <c r="E940" s="1" t="s">
        <v>1506</v>
      </c>
      <c r="F940" s="1" t="s">
        <v>5884</v>
      </c>
      <c r="G940" s="1" t="s">
        <v>5885</v>
      </c>
      <c r="H940" s="1" t="s">
        <v>5886</v>
      </c>
      <c r="I940" s="1" t="s">
        <v>5887</v>
      </c>
      <c r="K940" s="1" t="s">
        <v>1366</v>
      </c>
      <c r="L940" s="1" t="s">
        <v>4946</v>
      </c>
    </row>
    <row r="941" spans="1:12" x14ac:dyDescent="0.25">
      <c r="A941" s="1" t="s">
        <v>5888</v>
      </c>
      <c r="B941" s="1" t="s">
        <v>5576</v>
      </c>
      <c r="C941" s="1" t="s">
        <v>1529</v>
      </c>
      <c r="D941" s="1" t="s">
        <v>1512</v>
      </c>
      <c r="E941" s="1" t="s">
        <v>1512</v>
      </c>
      <c r="F941" s="1" t="s">
        <v>5889</v>
      </c>
      <c r="G941" s="1" t="s">
        <v>5890</v>
      </c>
      <c r="H941" s="1" t="s">
        <v>5877</v>
      </c>
      <c r="I941" s="1" t="s">
        <v>5891</v>
      </c>
      <c r="K941" s="1" t="s">
        <v>1334</v>
      </c>
      <c r="L941" s="1" t="s">
        <v>4951</v>
      </c>
    </row>
    <row r="942" spans="1:12" x14ac:dyDescent="0.25">
      <c r="A942" s="1" t="s">
        <v>5892</v>
      </c>
      <c r="B942" s="1" t="s">
        <v>5576</v>
      </c>
      <c r="C942" s="1" t="s">
        <v>1529</v>
      </c>
      <c r="D942" s="1" t="s">
        <v>1517</v>
      </c>
      <c r="E942" s="1" t="s">
        <v>1517</v>
      </c>
      <c r="F942" s="1" t="s">
        <v>5893</v>
      </c>
      <c r="G942" s="1" t="s">
        <v>5894</v>
      </c>
      <c r="H942" s="1" t="s">
        <v>5895</v>
      </c>
      <c r="I942" s="1" t="s">
        <v>5896</v>
      </c>
      <c r="K942" s="1" t="s">
        <v>1366</v>
      </c>
      <c r="L942" s="1" t="s">
        <v>4951</v>
      </c>
    </row>
    <row r="943" spans="1:12" x14ac:dyDescent="0.25">
      <c r="A943" s="1" t="s">
        <v>5897</v>
      </c>
      <c r="B943" s="1" t="s">
        <v>5576</v>
      </c>
      <c r="C943" s="1" t="s">
        <v>1529</v>
      </c>
      <c r="D943" s="1" t="s">
        <v>1523</v>
      </c>
      <c r="E943" s="1" t="s">
        <v>1523</v>
      </c>
      <c r="F943" s="1" t="s">
        <v>5898</v>
      </c>
      <c r="G943" s="1" t="s">
        <v>5899</v>
      </c>
      <c r="H943" s="1" t="s">
        <v>5900</v>
      </c>
      <c r="I943" s="1" t="s">
        <v>5901</v>
      </c>
      <c r="K943" s="1" t="s">
        <v>1334</v>
      </c>
      <c r="L943" s="1" t="s">
        <v>4940</v>
      </c>
    </row>
    <row r="944" spans="1:12" x14ac:dyDescent="0.25">
      <c r="A944" s="1" t="s">
        <v>5902</v>
      </c>
      <c r="B944" s="1" t="s">
        <v>5576</v>
      </c>
      <c r="C944" s="1" t="s">
        <v>1529</v>
      </c>
      <c r="D944" s="1" t="s">
        <v>5739</v>
      </c>
      <c r="E944" s="1" t="s">
        <v>5739</v>
      </c>
      <c r="F944" s="1" t="s">
        <v>5903</v>
      </c>
      <c r="G944" s="1" t="s">
        <v>5904</v>
      </c>
      <c r="H944" s="1" t="s">
        <v>5905</v>
      </c>
      <c r="I944" s="1" t="s">
        <v>5906</v>
      </c>
      <c r="K944" s="1" t="s">
        <v>1366</v>
      </c>
      <c r="L944" s="1" t="s">
        <v>4971</v>
      </c>
    </row>
    <row r="945" spans="1:12" x14ac:dyDescent="0.25">
      <c r="A945" s="1" t="s">
        <v>5907</v>
      </c>
      <c r="B945" s="1" t="s">
        <v>5576</v>
      </c>
      <c r="C945" s="1" t="s">
        <v>1529</v>
      </c>
      <c r="D945" s="1" t="s">
        <v>5908</v>
      </c>
      <c r="E945" s="1" t="s">
        <v>5908</v>
      </c>
      <c r="F945" s="1" t="s">
        <v>5909</v>
      </c>
      <c r="G945" s="1" t="s">
        <v>5910</v>
      </c>
      <c r="H945" s="1" t="s">
        <v>5663</v>
      </c>
      <c r="I945" s="1" t="s">
        <v>5911</v>
      </c>
      <c r="K945" s="1" t="s">
        <v>1366</v>
      </c>
      <c r="L945" s="1" t="s">
        <v>4946</v>
      </c>
    </row>
    <row r="946" spans="1:12" x14ac:dyDescent="0.25">
      <c r="A946" s="1" t="s">
        <v>5912</v>
      </c>
      <c r="B946" s="1" t="s">
        <v>5576</v>
      </c>
      <c r="C946" s="1" t="s">
        <v>1686</v>
      </c>
      <c r="D946" s="1" t="s">
        <v>1329</v>
      </c>
      <c r="E946" s="1" t="s">
        <v>1329</v>
      </c>
      <c r="F946" s="1" t="s">
        <v>5913</v>
      </c>
      <c r="G946" s="1" t="s">
        <v>5914</v>
      </c>
      <c r="H946" s="1" t="s">
        <v>5915</v>
      </c>
      <c r="I946" s="1" t="s">
        <v>5916</v>
      </c>
      <c r="K946" s="1" t="s">
        <v>1334</v>
      </c>
      <c r="L946" s="1" t="s">
        <v>4971</v>
      </c>
    </row>
    <row r="947" spans="1:12" x14ac:dyDescent="0.25">
      <c r="A947" s="1" t="s">
        <v>5917</v>
      </c>
      <c r="B947" s="1" t="s">
        <v>5576</v>
      </c>
      <c r="C947" s="1" t="s">
        <v>1686</v>
      </c>
      <c r="D947" s="1" t="s">
        <v>1337</v>
      </c>
      <c r="E947" s="1" t="s">
        <v>1337</v>
      </c>
      <c r="F947" s="1" t="s">
        <v>5918</v>
      </c>
      <c r="G947" s="1" t="s">
        <v>5919</v>
      </c>
      <c r="H947" s="1" t="s">
        <v>5920</v>
      </c>
      <c r="I947" s="1" t="s">
        <v>5921</v>
      </c>
      <c r="K947" s="1" t="s">
        <v>1334</v>
      </c>
      <c r="L947" s="1" t="s">
        <v>4951</v>
      </c>
    </row>
    <row r="948" spans="1:12" x14ac:dyDescent="0.25">
      <c r="A948" s="1" t="s">
        <v>5922</v>
      </c>
      <c r="B948" s="1" t="s">
        <v>5576</v>
      </c>
      <c r="C948" s="1" t="s">
        <v>1686</v>
      </c>
      <c r="D948" s="1" t="s">
        <v>1343</v>
      </c>
      <c r="E948" s="1" t="s">
        <v>1343</v>
      </c>
      <c r="F948" s="1" t="s">
        <v>5923</v>
      </c>
      <c r="G948" s="1" t="s">
        <v>5924</v>
      </c>
      <c r="H948" s="1" t="s">
        <v>5925</v>
      </c>
      <c r="I948" s="1" t="s">
        <v>5926</v>
      </c>
      <c r="K948" s="1" t="s">
        <v>1334</v>
      </c>
      <c r="L948" s="1" t="s">
        <v>4971</v>
      </c>
    </row>
    <row r="949" spans="1:12" x14ac:dyDescent="0.25">
      <c r="A949" s="1" t="s">
        <v>5927</v>
      </c>
      <c r="B949" s="1" t="s">
        <v>5576</v>
      </c>
      <c r="C949" s="1" t="s">
        <v>1686</v>
      </c>
      <c r="D949" s="1" t="s">
        <v>1349</v>
      </c>
      <c r="E949" s="1" t="s">
        <v>1349</v>
      </c>
      <c r="F949" s="1" t="s">
        <v>5928</v>
      </c>
      <c r="G949" s="1" t="s">
        <v>5929</v>
      </c>
      <c r="H949" s="1" t="s">
        <v>5584</v>
      </c>
      <c r="I949" s="1" t="s">
        <v>5930</v>
      </c>
      <c r="K949" s="1" t="s">
        <v>1366</v>
      </c>
      <c r="L949" s="1" t="s">
        <v>4971</v>
      </c>
    </row>
    <row r="950" spans="1:12" x14ac:dyDescent="0.25">
      <c r="A950" s="1" t="s">
        <v>5931</v>
      </c>
      <c r="B950" s="1" t="s">
        <v>5576</v>
      </c>
      <c r="C950" s="1" t="s">
        <v>1686</v>
      </c>
      <c r="D950" s="1" t="s">
        <v>1355</v>
      </c>
      <c r="E950" s="1" t="s">
        <v>1355</v>
      </c>
      <c r="F950" s="1" t="s">
        <v>5932</v>
      </c>
      <c r="G950" s="1" t="s">
        <v>5933</v>
      </c>
      <c r="H950" s="1" t="s">
        <v>5934</v>
      </c>
      <c r="I950" s="1" t="s">
        <v>5935</v>
      </c>
      <c r="K950" s="1" t="s">
        <v>1366</v>
      </c>
      <c r="L950" s="1" t="s">
        <v>4940</v>
      </c>
    </row>
    <row r="951" spans="1:12" x14ac:dyDescent="0.25">
      <c r="A951" s="1" t="s">
        <v>5936</v>
      </c>
      <c r="B951" s="1" t="s">
        <v>5576</v>
      </c>
      <c r="C951" s="1" t="s">
        <v>1686</v>
      </c>
      <c r="D951" s="1" t="s">
        <v>1361</v>
      </c>
      <c r="E951" s="1" t="s">
        <v>1361</v>
      </c>
      <c r="F951" s="1" t="s">
        <v>5937</v>
      </c>
      <c r="G951" s="1" t="s">
        <v>5938</v>
      </c>
      <c r="H951" s="1" t="s">
        <v>5939</v>
      </c>
      <c r="I951" s="1" t="s">
        <v>5940</v>
      </c>
      <c r="K951" s="1" t="s">
        <v>1334</v>
      </c>
      <c r="L951" s="1" t="s">
        <v>4951</v>
      </c>
    </row>
    <row r="952" spans="1:12" x14ac:dyDescent="0.25">
      <c r="A952" s="1" t="s">
        <v>5941</v>
      </c>
      <c r="B952" s="1" t="s">
        <v>5576</v>
      </c>
      <c r="C952" s="1" t="s">
        <v>1686</v>
      </c>
      <c r="D952" s="1" t="s">
        <v>1368</v>
      </c>
      <c r="E952" s="1" t="s">
        <v>1368</v>
      </c>
      <c r="F952" s="1" t="s">
        <v>5942</v>
      </c>
      <c r="G952" s="1" t="s">
        <v>5943</v>
      </c>
      <c r="H952" s="1" t="s">
        <v>5944</v>
      </c>
      <c r="I952" s="1" t="s">
        <v>5945</v>
      </c>
      <c r="K952" s="1" t="s">
        <v>1366</v>
      </c>
      <c r="L952" s="1" t="s">
        <v>4971</v>
      </c>
    </row>
    <row r="953" spans="1:12" x14ac:dyDescent="0.25">
      <c r="A953" s="1" t="s">
        <v>5946</v>
      </c>
      <c r="B953" s="1" t="s">
        <v>5576</v>
      </c>
      <c r="C953" s="1" t="s">
        <v>1686</v>
      </c>
      <c r="D953" s="1" t="s">
        <v>1374</v>
      </c>
      <c r="E953" s="1" t="s">
        <v>1374</v>
      </c>
      <c r="F953" s="1" t="s">
        <v>5947</v>
      </c>
      <c r="G953" s="1" t="s">
        <v>5948</v>
      </c>
      <c r="H953" s="1" t="s">
        <v>5949</v>
      </c>
      <c r="I953" s="1" t="s">
        <v>5950</v>
      </c>
      <c r="K953" s="1" t="s">
        <v>1366</v>
      </c>
      <c r="L953" s="1" t="s">
        <v>4951</v>
      </c>
    </row>
    <row r="954" spans="1:12" x14ac:dyDescent="0.25">
      <c r="A954" s="1" t="s">
        <v>5951</v>
      </c>
      <c r="B954" s="1" t="s">
        <v>5576</v>
      </c>
      <c r="C954" s="1" t="s">
        <v>1686</v>
      </c>
      <c r="D954" s="1" t="s">
        <v>1380</v>
      </c>
      <c r="E954" s="1" t="s">
        <v>1380</v>
      </c>
      <c r="F954" s="1" t="s">
        <v>5952</v>
      </c>
      <c r="G954" s="1" t="s">
        <v>5953</v>
      </c>
      <c r="H954" s="1" t="s">
        <v>5954</v>
      </c>
      <c r="I954" s="1" t="s">
        <v>5955</v>
      </c>
      <c r="J954" s="14" t="s">
        <v>5052</v>
      </c>
      <c r="K954" s="1" t="s">
        <v>1334</v>
      </c>
      <c r="L954" s="1" t="s">
        <v>4951</v>
      </c>
    </row>
    <row r="955" spans="1:12" x14ac:dyDescent="0.25">
      <c r="A955" s="1" t="s">
        <v>5956</v>
      </c>
      <c r="B955" s="1" t="s">
        <v>5576</v>
      </c>
      <c r="C955" s="1" t="s">
        <v>1686</v>
      </c>
      <c r="D955" s="1" t="s">
        <v>1386</v>
      </c>
      <c r="E955" s="1" t="s">
        <v>1386</v>
      </c>
      <c r="F955" s="1" t="s">
        <v>5957</v>
      </c>
      <c r="G955" s="1" t="s">
        <v>5958</v>
      </c>
      <c r="H955" s="1" t="s">
        <v>5959</v>
      </c>
      <c r="I955" s="1" t="s">
        <v>5960</v>
      </c>
      <c r="K955" s="1" t="s">
        <v>1334</v>
      </c>
      <c r="L955" s="1" t="s">
        <v>4946</v>
      </c>
    </row>
    <row r="956" spans="1:12" x14ac:dyDescent="0.25">
      <c r="A956" s="1" t="s">
        <v>5961</v>
      </c>
      <c r="B956" s="1" t="s">
        <v>5576</v>
      </c>
      <c r="C956" s="1" t="s">
        <v>1686</v>
      </c>
      <c r="D956" s="1" t="s">
        <v>1392</v>
      </c>
      <c r="E956" s="1" t="s">
        <v>1392</v>
      </c>
      <c r="F956" s="1" t="s">
        <v>5962</v>
      </c>
      <c r="G956" s="1" t="s">
        <v>5963</v>
      </c>
      <c r="H956" s="1" t="s">
        <v>5964</v>
      </c>
      <c r="I956" s="1" t="s">
        <v>5965</v>
      </c>
      <c r="K956" s="1" t="s">
        <v>1334</v>
      </c>
      <c r="L956" s="1" t="s">
        <v>4951</v>
      </c>
    </row>
    <row r="957" spans="1:12" x14ac:dyDescent="0.25">
      <c r="A957" s="1" t="s">
        <v>4437</v>
      </c>
      <c r="B957" s="1" t="s">
        <v>5576</v>
      </c>
      <c r="C957" s="1" t="s">
        <v>1686</v>
      </c>
      <c r="D957" s="1" t="s">
        <v>1398</v>
      </c>
      <c r="E957" s="1" t="s">
        <v>1398</v>
      </c>
      <c r="F957" s="1" t="s">
        <v>5966</v>
      </c>
      <c r="G957" s="1" t="s">
        <v>5967</v>
      </c>
      <c r="H957" s="1" t="s">
        <v>5968</v>
      </c>
      <c r="I957" s="1" t="s">
        <v>5969</v>
      </c>
      <c r="K957" s="1" t="s">
        <v>1334</v>
      </c>
      <c r="L957" s="1" t="s">
        <v>4940</v>
      </c>
    </row>
    <row r="958" spans="1:12" x14ac:dyDescent="0.25">
      <c r="A958" s="1" t="s">
        <v>5970</v>
      </c>
      <c r="B958" s="1" t="s">
        <v>5576</v>
      </c>
      <c r="C958" s="1" t="s">
        <v>1686</v>
      </c>
      <c r="D958" s="1" t="s">
        <v>1404</v>
      </c>
      <c r="E958" s="1" t="s">
        <v>1404</v>
      </c>
      <c r="F958" s="1" t="s">
        <v>5971</v>
      </c>
      <c r="G958" s="1" t="s">
        <v>5972</v>
      </c>
      <c r="H958" s="1" t="s">
        <v>5973</v>
      </c>
      <c r="I958" s="1" t="s">
        <v>5974</v>
      </c>
      <c r="K958" s="1" t="s">
        <v>1366</v>
      </c>
      <c r="L958" s="1" t="s">
        <v>4940</v>
      </c>
    </row>
    <row r="959" spans="1:12" x14ac:dyDescent="0.25">
      <c r="A959" s="1" t="s">
        <v>843</v>
      </c>
      <c r="B959" s="1" t="s">
        <v>5576</v>
      </c>
      <c r="C959" s="1" t="s">
        <v>1686</v>
      </c>
      <c r="D959" s="1" t="s">
        <v>1410</v>
      </c>
      <c r="E959" s="1" t="s">
        <v>1410</v>
      </c>
      <c r="F959" s="1" t="s">
        <v>5975</v>
      </c>
      <c r="G959" s="1" t="s">
        <v>5976</v>
      </c>
      <c r="H959" s="1" t="s">
        <v>5977</v>
      </c>
      <c r="I959" s="1" t="s">
        <v>5978</v>
      </c>
      <c r="K959" s="1" t="s">
        <v>1334</v>
      </c>
      <c r="L959" s="1" t="s">
        <v>4946</v>
      </c>
    </row>
    <row r="960" spans="1:12" x14ac:dyDescent="0.25">
      <c r="A960" s="1" t="s">
        <v>5979</v>
      </c>
      <c r="B960" s="1" t="s">
        <v>5576</v>
      </c>
      <c r="C960" s="1" t="s">
        <v>1686</v>
      </c>
      <c r="D960" s="1" t="s">
        <v>1416</v>
      </c>
      <c r="E960" s="1" t="s">
        <v>1416</v>
      </c>
      <c r="F960" s="1" t="s">
        <v>5980</v>
      </c>
      <c r="G960" s="1" t="s">
        <v>5981</v>
      </c>
      <c r="H960" s="1" t="s">
        <v>5982</v>
      </c>
      <c r="I960" s="1" t="s">
        <v>5983</v>
      </c>
      <c r="K960" s="1" t="s">
        <v>1334</v>
      </c>
      <c r="L960" s="1" t="s">
        <v>4951</v>
      </c>
    </row>
    <row r="961" spans="1:12" x14ac:dyDescent="0.25">
      <c r="A961" s="1" t="s">
        <v>5984</v>
      </c>
      <c r="B961" s="1" t="s">
        <v>5576</v>
      </c>
      <c r="C961" s="1" t="s">
        <v>1686</v>
      </c>
      <c r="D961" s="1" t="s">
        <v>1422</v>
      </c>
      <c r="E961" s="1" t="s">
        <v>1422</v>
      </c>
      <c r="F961" s="1" t="s">
        <v>5985</v>
      </c>
      <c r="G961" s="1" t="s">
        <v>5986</v>
      </c>
      <c r="H961" s="1" t="s">
        <v>5987</v>
      </c>
      <c r="I961" s="1" t="s">
        <v>5988</v>
      </c>
      <c r="K961" s="1" t="s">
        <v>1334</v>
      </c>
      <c r="L961" s="1" t="s">
        <v>4940</v>
      </c>
    </row>
    <row r="962" spans="1:12" x14ac:dyDescent="0.25">
      <c r="A962" s="1" t="s">
        <v>5989</v>
      </c>
      <c r="B962" s="1" t="s">
        <v>5576</v>
      </c>
      <c r="C962" s="1" t="s">
        <v>1686</v>
      </c>
      <c r="D962" s="1" t="s">
        <v>1428</v>
      </c>
      <c r="E962" s="1" t="s">
        <v>1428</v>
      </c>
      <c r="F962" s="1" t="s">
        <v>5990</v>
      </c>
      <c r="G962" s="1" t="s">
        <v>5991</v>
      </c>
      <c r="H962" s="1" t="s">
        <v>5992</v>
      </c>
      <c r="I962" s="1" t="s">
        <v>5993</v>
      </c>
      <c r="K962" s="1" t="s">
        <v>1366</v>
      </c>
      <c r="L962" s="1" t="s">
        <v>4946</v>
      </c>
    </row>
    <row r="963" spans="1:12" x14ac:dyDescent="0.25">
      <c r="A963" s="1" t="s">
        <v>5994</v>
      </c>
      <c r="B963" s="1" t="s">
        <v>5576</v>
      </c>
      <c r="C963" s="1" t="s">
        <v>1686</v>
      </c>
      <c r="D963" s="1" t="s">
        <v>1434</v>
      </c>
      <c r="E963" s="1" t="s">
        <v>1434</v>
      </c>
      <c r="F963" s="1" t="s">
        <v>5995</v>
      </c>
      <c r="G963" s="1" t="s">
        <v>5996</v>
      </c>
      <c r="H963" s="1" t="s">
        <v>5506</v>
      </c>
      <c r="I963" s="1" t="s">
        <v>5997</v>
      </c>
      <c r="K963" s="1" t="s">
        <v>1334</v>
      </c>
      <c r="L963" s="1" t="s">
        <v>4971</v>
      </c>
    </row>
    <row r="964" spans="1:12" x14ac:dyDescent="0.25">
      <c r="A964" s="1" t="s">
        <v>5998</v>
      </c>
      <c r="B964" s="1" t="s">
        <v>5576</v>
      </c>
      <c r="C964" s="1" t="s">
        <v>1686</v>
      </c>
      <c r="D964" s="1" t="s">
        <v>1440</v>
      </c>
      <c r="E964" s="1" t="s">
        <v>1440</v>
      </c>
      <c r="F964" s="1" t="s">
        <v>5999</v>
      </c>
      <c r="G964" s="1" t="s">
        <v>6000</v>
      </c>
      <c r="H964" s="1" t="s">
        <v>6001</v>
      </c>
      <c r="I964" s="1" t="s">
        <v>6002</v>
      </c>
      <c r="K964" s="1" t="s">
        <v>1366</v>
      </c>
      <c r="L964" s="1" t="s">
        <v>4971</v>
      </c>
    </row>
    <row r="965" spans="1:12" x14ac:dyDescent="0.25">
      <c r="A965" s="1" t="s">
        <v>6003</v>
      </c>
      <c r="B965" s="1" t="s">
        <v>5576</v>
      </c>
      <c r="C965" s="1" t="s">
        <v>1686</v>
      </c>
      <c r="D965" s="1" t="s">
        <v>1446</v>
      </c>
      <c r="E965" s="1" t="s">
        <v>1446</v>
      </c>
      <c r="F965" s="1" t="s">
        <v>6004</v>
      </c>
      <c r="G965" s="1" t="s">
        <v>6005</v>
      </c>
      <c r="H965" s="1" t="s">
        <v>5830</v>
      </c>
      <c r="I965" s="1" t="s">
        <v>6006</v>
      </c>
      <c r="K965" s="1" t="s">
        <v>1334</v>
      </c>
      <c r="L965" s="1" t="s">
        <v>4971</v>
      </c>
    </row>
    <row r="966" spans="1:12" x14ac:dyDescent="0.25">
      <c r="A966" s="1" t="s">
        <v>6007</v>
      </c>
      <c r="B966" s="1" t="s">
        <v>5576</v>
      </c>
      <c r="C966" s="1" t="s">
        <v>1686</v>
      </c>
      <c r="D966" s="1" t="s">
        <v>1452</v>
      </c>
      <c r="E966" s="1" t="s">
        <v>1452</v>
      </c>
      <c r="F966" s="1" t="s">
        <v>6008</v>
      </c>
      <c r="G966" s="1" t="s">
        <v>6009</v>
      </c>
      <c r="H966" s="1" t="s">
        <v>6010</v>
      </c>
      <c r="I966" s="1" t="s">
        <v>6011</v>
      </c>
      <c r="K966" s="1" t="s">
        <v>1366</v>
      </c>
      <c r="L966" s="1" t="s">
        <v>4940</v>
      </c>
    </row>
    <row r="967" spans="1:12" x14ac:dyDescent="0.25">
      <c r="A967" s="1" t="s">
        <v>6012</v>
      </c>
      <c r="B967" s="1" t="s">
        <v>5576</v>
      </c>
      <c r="C967" s="1" t="s">
        <v>1686</v>
      </c>
      <c r="D967" s="1" t="s">
        <v>1458</v>
      </c>
      <c r="E967" s="1" t="s">
        <v>1458</v>
      </c>
      <c r="F967" s="1" t="s">
        <v>6013</v>
      </c>
      <c r="G967" s="1" t="s">
        <v>6014</v>
      </c>
      <c r="H967" s="1" t="s">
        <v>6015</v>
      </c>
      <c r="I967" s="1" t="s">
        <v>6016</v>
      </c>
      <c r="K967" s="1" t="s">
        <v>1366</v>
      </c>
      <c r="L967" s="1" t="s">
        <v>4951</v>
      </c>
    </row>
    <row r="968" spans="1:12" x14ac:dyDescent="0.25">
      <c r="A968" s="1" t="s">
        <v>6017</v>
      </c>
      <c r="B968" s="1" t="s">
        <v>5576</v>
      </c>
      <c r="C968" s="1" t="s">
        <v>1686</v>
      </c>
      <c r="D968" s="1" t="s">
        <v>1464</v>
      </c>
      <c r="E968" s="1" t="s">
        <v>1464</v>
      </c>
      <c r="F968" s="1" t="s">
        <v>6018</v>
      </c>
      <c r="G968" s="1" t="s">
        <v>6019</v>
      </c>
      <c r="H968" s="1" t="s">
        <v>6020</v>
      </c>
      <c r="I968" s="1" t="s">
        <v>6021</v>
      </c>
      <c r="K968" s="1" t="s">
        <v>1334</v>
      </c>
      <c r="L968" s="1" t="s">
        <v>4951</v>
      </c>
    </row>
    <row r="969" spans="1:12" x14ac:dyDescent="0.25">
      <c r="A969" s="1" t="s">
        <v>6022</v>
      </c>
      <c r="B969" s="1" t="s">
        <v>5576</v>
      </c>
      <c r="C969" s="1" t="s">
        <v>1686</v>
      </c>
      <c r="D969" s="1" t="s">
        <v>1470</v>
      </c>
      <c r="E969" s="1" t="s">
        <v>1470</v>
      </c>
      <c r="F969" s="1" t="s">
        <v>6023</v>
      </c>
      <c r="G969" s="1" t="s">
        <v>6024</v>
      </c>
      <c r="H969" s="1" t="s">
        <v>6025</v>
      </c>
      <c r="I969" s="1" t="s">
        <v>6026</v>
      </c>
      <c r="K969" s="1" t="s">
        <v>1334</v>
      </c>
      <c r="L969" s="1" t="s">
        <v>4940</v>
      </c>
    </row>
    <row r="970" spans="1:12" x14ac:dyDescent="0.25">
      <c r="A970" s="1" t="s">
        <v>6027</v>
      </c>
      <c r="B970" s="1" t="s">
        <v>5576</v>
      </c>
      <c r="C970" s="1" t="s">
        <v>1686</v>
      </c>
      <c r="D970" s="1" t="s">
        <v>1476</v>
      </c>
      <c r="E970" s="1" t="s">
        <v>1476</v>
      </c>
      <c r="F970" s="1" t="s">
        <v>6028</v>
      </c>
      <c r="G970" s="1" t="s">
        <v>6029</v>
      </c>
      <c r="H970" s="1" t="s">
        <v>5757</v>
      </c>
      <c r="I970" s="1" t="s">
        <v>6030</v>
      </c>
      <c r="K970" s="1" t="s">
        <v>1366</v>
      </c>
      <c r="L970" s="1" t="s">
        <v>4940</v>
      </c>
    </row>
    <row r="971" spans="1:12" x14ac:dyDescent="0.25">
      <c r="A971" s="1" t="s">
        <v>6031</v>
      </c>
      <c r="B971" s="1" t="s">
        <v>5576</v>
      </c>
      <c r="C971" s="1" t="s">
        <v>1686</v>
      </c>
      <c r="D971" s="1" t="s">
        <v>1482</v>
      </c>
      <c r="E971" s="1" t="s">
        <v>1482</v>
      </c>
      <c r="F971" s="1" t="s">
        <v>6032</v>
      </c>
      <c r="G971" s="1" t="s">
        <v>6033</v>
      </c>
      <c r="H971" s="1" t="s">
        <v>5721</v>
      </c>
      <c r="I971" s="1" t="s">
        <v>6034</v>
      </c>
      <c r="J971" s="14" t="s">
        <v>1726</v>
      </c>
      <c r="K971" s="1" t="s">
        <v>1366</v>
      </c>
      <c r="L971" s="1" t="s">
        <v>4971</v>
      </c>
    </row>
    <row r="972" spans="1:12" x14ac:dyDescent="0.25">
      <c r="A972" s="1" t="s">
        <v>6035</v>
      </c>
      <c r="B972" s="1" t="s">
        <v>5576</v>
      </c>
      <c r="C972" s="1" t="s">
        <v>1686</v>
      </c>
      <c r="D972" s="1" t="s">
        <v>1488</v>
      </c>
      <c r="E972" s="1" t="s">
        <v>1488</v>
      </c>
      <c r="F972" s="1" t="s">
        <v>6036</v>
      </c>
      <c r="G972" s="1" t="s">
        <v>6037</v>
      </c>
      <c r="H972" s="1" t="s">
        <v>6038</v>
      </c>
      <c r="I972" s="1" t="s">
        <v>6039</v>
      </c>
      <c r="K972" s="1" t="s">
        <v>1366</v>
      </c>
      <c r="L972" s="1" t="s">
        <v>4946</v>
      </c>
    </row>
    <row r="973" spans="1:12" x14ac:dyDescent="0.25">
      <c r="A973" s="1" t="s">
        <v>6040</v>
      </c>
      <c r="B973" s="1" t="s">
        <v>5576</v>
      </c>
      <c r="C973" s="1" t="s">
        <v>1686</v>
      </c>
      <c r="D973" s="1" t="s">
        <v>1494</v>
      </c>
      <c r="E973" s="1" t="s">
        <v>1494</v>
      </c>
      <c r="F973" s="1" t="s">
        <v>6041</v>
      </c>
      <c r="G973" s="1" t="s">
        <v>6042</v>
      </c>
      <c r="H973" s="1" t="s">
        <v>6043</v>
      </c>
      <c r="I973" s="1" t="s">
        <v>6044</v>
      </c>
      <c r="K973" s="1" t="s">
        <v>1334</v>
      </c>
      <c r="L973" s="1" t="s">
        <v>4940</v>
      </c>
    </row>
    <row r="974" spans="1:12" x14ac:dyDescent="0.25">
      <c r="A974" s="1" t="s">
        <v>6045</v>
      </c>
      <c r="B974" s="1" t="s">
        <v>5576</v>
      </c>
      <c r="C974" s="1" t="s">
        <v>1686</v>
      </c>
      <c r="D974" s="1" t="s">
        <v>1500</v>
      </c>
      <c r="E974" s="1" t="s">
        <v>1500</v>
      </c>
      <c r="F974" s="1" t="s">
        <v>6046</v>
      </c>
      <c r="G974" s="1" t="s">
        <v>6047</v>
      </c>
      <c r="H974" s="1" t="s">
        <v>6048</v>
      </c>
      <c r="I974" s="1" t="s">
        <v>6049</v>
      </c>
      <c r="K974" s="1" t="s">
        <v>1366</v>
      </c>
      <c r="L974" s="1" t="s">
        <v>4940</v>
      </c>
    </row>
    <row r="975" spans="1:12" x14ac:dyDescent="0.25">
      <c r="A975" s="1" t="s">
        <v>5396</v>
      </c>
      <c r="B975" s="1" t="s">
        <v>5576</v>
      </c>
      <c r="C975" s="1" t="s">
        <v>1686</v>
      </c>
      <c r="D975" s="1" t="s">
        <v>1506</v>
      </c>
      <c r="E975" s="1" t="s">
        <v>1506</v>
      </c>
      <c r="F975" s="1" t="s">
        <v>6050</v>
      </c>
      <c r="G975" s="1" t="s">
        <v>6051</v>
      </c>
      <c r="H975" s="1" t="s">
        <v>6052</v>
      </c>
      <c r="I975" s="1" t="s">
        <v>5400</v>
      </c>
      <c r="K975" s="1" t="s">
        <v>1366</v>
      </c>
      <c r="L975" s="1" t="s">
        <v>4951</v>
      </c>
    </row>
    <row r="976" spans="1:12" x14ac:dyDescent="0.25">
      <c r="A976" s="1" t="s">
        <v>6053</v>
      </c>
      <c r="B976" s="1" t="s">
        <v>5576</v>
      </c>
      <c r="C976" s="1" t="s">
        <v>1686</v>
      </c>
      <c r="D976" s="1" t="s">
        <v>1512</v>
      </c>
      <c r="E976" s="1" t="s">
        <v>1512</v>
      </c>
      <c r="F976" s="1" t="s">
        <v>6054</v>
      </c>
      <c r="G976" s="1" t="s">
        <v>6055</v>
      </c>
      <c r="H976" s="1" t="s">
        <v>6056</v>
      </c>
      <c r="I976" s="1" t="s">
        <v>6057</v>
      </c>
      <c r="K976" s="1" t="s">
        <v>1366</v>
      </c>
      <c r="L976" s="1" t="s">
        <v>4940</v>
      </c>
    </row>
    <row r="977" spans="1:12" x14ac:dyDescent="0.25">
      <c r="A977" s="1" t="s">
        <v>6058</v>
      </c>
      <c r="B977" s="1" t="s">
        <v>5576</v>
      </c>
      <c r="C977" s="1" t="s">
        <v>1686</v>
      </c>
      <c r="D977" s="1" t="s">
        <v>1517</v>
      </c>
      <c r="E977" s="1" t="s">
        <v>1517</v>
      </c>
      <c r="F977" s="1" t="s">
        <v>6059</v>
      </c>
      <c r="G977" s="1" t="s">
        <v>6060</v>
      </c>
      <c r="H977" s="1" t="s">
        <v>6061</v>
      </c>
      <c r="I977" s="1" t="s">
        <v>6062</v>
      </c>
      <c r="K977" s="1" t="s">
        <v>1334</v>
      </c>
      <c r="L977" s="1" t="s">
        <v>4940</v>
      </c>
    </row>
    <row r="978" spans="1:12" x14ac:dyDescent="0.25">
      <c r="A978" s="1" t="s">
        <v>352</v>
      </c>
      <c r="B978" s="1" t="s">
        <v>5576</v>
      </c>
      <c r="C978" s="1" t="s">
        <v>1686</v>
      </c>
      <c r="D978" s="1" t="s">
        <v>1523</v>
      </c>
      <c r="E978" s="1" t="s">
        <v>1523</v>
      </c>
      <c r="F978" s="1" t="s">
        <v>6063</v>
      </c>
      <c r="G978" s="1" t="s">
        <v>6064</v>
      </c>
      <c r="H978" s="1" t="s">
        <v>6065</v>
      </c>
      <c r="I978" s="1" t="s">
        <v>6066</v>
      </c>
      <c r="K978" s="1" t="s">
        <v>1334</v>
      </c>
      <c r="L978" s="1" t="s">
        <v>4946</v>
      </c>
    </row>
    <row r="979" spans="1:12" x14ac:dyDescent="0.25">
      <c r="A979" s="1" t="s">
        <v>6067</v>
      </c>
      <c r="B979" s="1" t="s">
        <v>5576</v>
      </c>
      <c r="C979" s="1" t="s">
        <v>1686</v>
      </c>
      <c r="D979" s="1" t="s">
        <v>5739</v>
      </c>
      <c r="E979" s="1" t="s">
        <v>5739</v>
      </c>
      <c r="F979" s="1" t="s">
        <v>6068</v>
      </c>
      <c r="G979" s="1" t="s">
        <v>6069</v>
      </c>
      <c r="H979" s="1" t="s">
        <v>6052</v>
      </c>
      <c r="I979" s="1" t="s">
        <v>6070</v>
      </c>
      <c r="K979" s="1" t="s">
        <v>1334</v>
      </c>
      <c r="L979" s="1" t="s">
        <v>4940</v>
      </c>
    </row>
    <row r="980" spans="1:12" x14ac:dyDescent="0.25">
      <c r="A980" s="1" t="s">
        <v>6071</v>
      </c>
      <c r="B980" s="1" t="s">
        <v>5576</v>
      </c>
      <c r="C980" s="1" t="s">
        <v>1686</v>
      </c>
      <c r="D980" s="1" t="s">
        <v>5908</v>
      </c>
      <c r="E980" s="1" t="s">
        <v>5908</v>
      </c>
      <c r="F980" s="1" t="s">
        <v>6072</v>
      </c>
      <c r="G980" s="1" t="s">
        <v>6073</v>
      </c>
      <c r="H980" s="1" t="s">
        <v>6074</v>
      </c>
      <c r="I980" s="1" t="s">
        <v>6075</v>
      </c>
      <c r="K980" s="1" t="s">
        <v>1334</v>
      </c>
      <c r="L980" s="1" t="s">
        <v>4971</v>
      </c>
    </row>
    <row r="981" spans="1:12" x14ac:dyDescent="0.25">
      <c r="A981" s="1" t="s">
        <v>6076</v>
      </c>
      <c r="B981" s="1" t="s">
        <v>5576</v>
      </c>
      <c r="C981" s="1" t="s">
        <v>1843</v>
      </c>
      <c r="D981" s="1" t="s">
        <v>1329</v>
      </c>
      <c r="E981" s="1" t="s">
        <v>1329</v>
      </c>
      <c r="F981" s="1" t="s">
        <v>6077</v>
      </c>
      <c r="G981" s="1" t="s">
        <v>6078</v>
      </c>
      <c r="H981" s="1" t="s">
        <v>5579</v>
      </c>
      <c r="I981" s="1" t="s">
        <v>6079</v>
      </c>
      <c r="K981" s="1" t="s">
        <v>1366</v>
      </c>
      <c r="L981" s="1" t="s">
        <v>4971</v>
      </c>
    </row>
    <row r="982" spans="1:12" x14ac:dyDescent="0.25">
      <c r="A982" s="1" t="s">
        <v>6080</v>
      </c>
      <c r="B982" s="1" t="s">
        <v>5576</v>
      </c>
      <c r="C982" s="1" t="s">
        <v>1843</v>
      </c>
      <c r="D982" s="1" t="s">
        <v>1337</v>
      </c>
      <c r="E982" s="1" t="s">
        <v>1337</v>
      </c>
      <c r="F982" s="1" t="s">
        <v>6081</v>
      </c>
      <c r="G982" s="1" t="s">
        <v>6082</v>
      </c>
      <c r="H982" s="1" t="s">
        <v>6083</v>
      </c>
      <c r="I982" s="1" t="s">
        <v>6084</v>
      </c>
      <c r="K982" s="1" t="s">
        <v>1334</v>
      </c>
      <c r="L982" s="1" t="s">
        <v>4940</v>
      </c>
    </row>
    <row r="983" spans="1:12" x14ac:dyDescent="0.25">
      <c r="A983" s="1" t="s">
        <v>6085</v>
      </c>
      <c r="B983" s="1" t="s">
        <v>5576</v>
      </c>
      <c r="C983" s="1" t="s">
        <v>1843</v>
      </c>
      <c r="D983" s="1" t="s">
        <v>1343</v>
      </c>
      <c r="E983" s="1" t="s">
        <v>1343</v>
      </c>
      <c r="F983" s="1" t="s">
        <v>6086</v>
      </c>
      <c r="G983" s="1" t="s">
        <v>6087</v>
      </c>
      <c r="H983" s="1" t="s">
        <v>6088</v>
      </c>
      <c r="I983" s="1" t="s">
        <v>6089</v>
      </c>
      <c r="K983" s="1" t="s">
        <v>1334</v>
      </c>
      <c r="L983" s="1" t="s">
        <v>4946</v>
      </c>
    </row>
    <row r="984" spans="1:12" x14ac:dyDescent="0.25">
      <c r="A984" s="1" t="s">
        <v>6090</v>
      </c>
      <c r="B984" s="1" t="s">
        <v>5576</v>
      </c>
      <c r="C984" s="1" t="s">
        <v>1843</v>
      </c>
      <c r="D984" s="1" t="s">
        <v>1349</v>
      </c>
      <c r="E984" s="1" t="s">
        <v>1349</v>
      </c>
      <c r="F984" s="1" t="s">
        <v>6091</v>
      </c>
      <c r="G984" s="1" t="s">
        <v>6092</v>
      </c>
      <c r="H984" s="1" t="s">
        <v>6093</v>
      </c>
      <c r="I984" s="1" t="s">
        <v>6094</v>
      </c>
      <c r="K984" s="1" t="s">
        <v>1366</v>
      </c>
      <c r="L984" s="1" t="s">
        <v>4946</v>
      </c>
    </row>
    <row r="985" spans="1:12" x14ac:dyDescent="0.25">
      <c r="A985" s="1" t="s">
        <v>6095</v>
      </c>
      <c r="B985" s="1" t="s">
        <v>5576</v>
      </c>
      <c r="C985" s="1" t="s">
        <v>1843</v>
      </c>
      <c r="D985" s="1" t="s">
        <v>1355</v>
      </c>
      <c r="E985" s="1" t="s">
        <v>1355</v>
      </c>
      <c r="F985" s="1" t="s">
        <v>6096</v>
      </c>
      <c r="G985" s="1" t="s">
        <v>6097</v>
      </c>
      <c r="H985" s="1" t="s">
        <v>6098</v>
      </c>
      <c r="I985" s="1" t="s">
        <v>6099</v>
      </c>
      <c r="K985" s="1" t="s">
        <v>1334</v>
      </c>
      <c r="L985" s="1" t="s">
        <v>4971</v>
      </c>
    </row>
    <row r="986" spans="1:12" x14ac:dyDescent="0.25">
      <c r="A986" s="1" t="s">
        <v>6100</v>
      </c>
      <c r="B986" s="1" t="s">
        <v>5576</v>
      </c>
      <c r="C986" s="1" t="s">
        <v>1843</v>
      </c>
      <c r="D986" s="1" t="s">
        <v>1361</v>
      </c>
      <c r="E986" s="1" t="s">
        <v>1361</v>
      </c>
      <c r="F986" s="1" t="s">
        <v>6101</v>
      </c>
      <c r="G986" s="1" t="s">
        <v>6102</v>
      </c>
      <c r="H986" s="1" t="s">
        <v>5781</v>
      </c>
      <c r="I986" s="1" t="s">
        <v>6103</v>
      </c>
      <c r="K986" s="1" t="s">
        <v>1366</v>
      </c>
      <c r="L986" s="1" t="s">
        <v>4940</v>
      </c>
    </row>
    <row r="987" spans="1:12" x14ac:dyDescent="0.25">
      <c r="A987" s="1" t="s">
        <v>6104</v>
      </c>
      <c r="B987" s="1" t="s">
        <v>5576</v>
      </c>
      <c r="C987" s="1" t="s">
        <v>1843</v>
      </c>
      <c r="D987" s="1" t="s">
        <v>1368</v>
      </c>
      <c r="E987" s="1" t="s">
        <v>1368</v>
      </c>
      <c r="F987" s="1" t="s">
        <v>6105</v>
      </c>
      <c r="G987" s="1" t="s">
        <v>6106</v>
      </c>
      <c r="H987" s="1" t="s">
        <v>6107</v>
      </c>
      <c r="I987" s="1" t="s">
        <v>6108</v>
      </c>
      <c r="K987" s="1" t="s">
        <v>1366</v>
      </c>
      <c r="L987" s="1" t="s">
        <v>4946</v>
      </c>
    </row>
    <row r="988" spans="1:12" x14ac:dyDescent="0.25">
      <c r="A988" s="1" t="s">
        <v>6109</v>
      </c>
      <c r="B988" s="1" t="s">
        <v>5576</v>
      </c>
      <c r="C988" s="1" t="s">
        <v>1843</v>
      </c>
      <c r="D988" s="1" t="s">
        <v>1374</v>
      </c>
      <c r="E988" s="1" t="s">
        <v>1374</v>
      </c>
      <c r="F988" s="1" t="s">
        <v>6110</v>
      </c>
      <c r="G988" s="1" t="s">
        <v>6111</v>
      </c>
      <c r="H988" s="1" t="s">
        <v>6112</v>
      </c>
      <c r="I988" s="1" t="s">
        <v>6113</v>
      </c>
      <c r="K988" s="1" t="s">
        <v>1334</v>
      </c>
      <c r="L988" s="1" t="s">
        <v>4971</v>
      </c>
    </row>
    <row r="989" spans="1:12" x14ac:dyDescent="0.25">
      <c r="A989" s="1" t="s">
        <v>6114</v>
      </c>
      <c r="B989" s="1" t="s">
        <v>5576</v>
      </c>
      <c r="C989" s="1" t="s">
        <v>1843</v>
      </c>
      <c r="D989" s="1" t="s">
        <v>1380</v>
      </c>
      <c r="E989" s="1" t="s">
        <v>1380</v>
      </c>
      <c r="F989" s="1" t="s">
        <v>6115</v>
      </c>
      <c r="G989" s="1" t="s">
        <v>6116</v>
      </c>
      <c r="H989" s="1" t="s">
        <v>6112</v>
      </c>
      <c r="I989" s="1" t="s">
        <v>6117</v>
      </c>
      <c r="K989" s="1" t="s">
        <v>1366</v>
      </c>
      <c r="L989" s="1" t="s">
        <v>4971</v>
      </c>
    </row>
    <row r="990" spans="1:12" x14ac:dyDescent="0.25">
      <c r="A990" s="1" t="s">
        <v>6118</v>
      </c>
      <c r="B990" s="1" t="s">
        <v>5576</v>
      </c>
      <c r="C990" s="1" t="s">
        <v>1843</v>
      </c>
      <c r="D990" s="1" t="s">
        <v>1386</v>
      </c>
      <c r="E990" s="1" t="s">
        <v>1386</v>
      </c>
      <c r="F990" s="1" t="s">
        <v>6119</v>
      </c>
      <c r="G990" s="1" t="s">
        <v>6120</v>
      </c>
      <c r="H990" s="1" t="s">
        <v>6121</v>
      </c>
      <c r="I990" s="1" t="s">
        <v>6122</v>
      </c>
      <c r="K990" s="1" t="s">
        <v>1366</v>
      </c>
      <c r="L990" s="1" t="s">
        <v>4946</v>
      </c>
    </row>
    <row r="991" spans="1:12" x14ac:dyDescent="0.25">
      <c r="A991" s="1" t="s">
        <v>6123</v>
      </c>
      <c r="B991" s="1" t="s">
        <v>5576</v>
      </c>
      <c r="C991" s="1" t="s">
        <v>1843</v>
      </c>
      <c r="D991" s="1" t="s">
        <v>1392</v>
      </c>
      <c r="E991" s="1" t="s">
        <v>1392</v>
      </c>
      <c r="F991" s="1" t="s">
        <v>6124</v>
      </c>
      <c r="G991" s="1" t="s">
        <v>6125</v>
      </c>
      <c r="H991" s="1" t="s">
        <v>6126</v>
      </c>
      <c r="I991" s="1" t="s">
        <v>6127</v>
      </c>
      <c r="K991" s="1" t="s">
        <v>1366</v>
      </c>
      <c r="L991" s="1" t="s">
        <v>4951</v>
      </c>
    </row>
    <row r="992" spans="1:12" x14ac:dyDescent="0.25">
      <c r="A992" s="1" t="s">
        <v>6128</v>
      </c>
      <c r="B992" s="1" t="s">
        <v>5576</v>
      </c>
      <c r="C992" s="1" t="s">
        <v>1843</v>
      </c>
      <c r="D992" s="1" t="s">
        <v>1398</v>
      </c>
      <c r="E992" s="1" t="s">
        <v>1398</v>
      </c>
      <c r="F992" s="1" t="s">
        <v>6129</v>
      </c>
      <c r="G992" s="1" t="s">
        <v>6130</v>
      </c>
      <c r="H992" s="1" t="s">
        <v>6131</v>
      </c>
      <c r="I992" s="1" t="s">
        <v>6132</v>
      </c>
      <c r="K992" s="1" t="s">
        <v>1334</v>
      </c>
      <c r="L992" s="1" t="s">
        <v>4940</v>
      </c>
    </row>
    <row r="993" spans="1:12" x14ac:dyDescent="0.25">
      <c r="A993" s="1" t="s">
        <v>6133</v>
      </c>
      <c r="B993" s="1" t="s">
        <v>5576</v>
      </c>
      <c r="C993" s="1" t="s">
        <v>1843</v>
      </c>
      <c r="D993" s="1" t="s">
        <v>1404</v>
      </c>
      <c r="E993" s="1" t="s">
        <v>1404</v>
      </c>
      <c r="F993" s="1" t="s">
        <v>6134</v>
      </c>
      <c r="G993" s="1" t="s">
        <v>6135</v>
      </c>
      <c r="H993" s="1" t="s">
        <v>6136</v>
      </c>
      <c r="I993" s="1" t="s">
        <v>6137</v>
      </c>
      <c r="K993" s="1" t="s">
        <v>1366</v>
      </c>
      <c r="L993" s="1" t="s">
        <v>4946</v>
      </c>
    </row>
    <row r="994" spans="1:12" x14ac:dyDescent="0.25">
      <c r="A994" s="1" t="s">
        <v>6138</v>
      </c>
      <c r="B994" s="1" t="s">
        <v>5576</v>
      </c>
      <c r="C994" s="1" t="s">
        <v>1843</v>
      </c>
      <c r="D994" s="1" t="s">
        <v>1410</v>
      </c>
      <c r="E994" s="1" t="s">
        <v>1410</v>
      </c>
      <c r="F994" s="1" t="s">
        <v>6139</v>
      </c>
      <c r="G994" s="1" t="s">
        <v>6140</v>
      </c>
      <c r="H994" s="1" t="s">
        <v>5762</v>
      </c>
      <c r="I994" s="1" t="s">
        <v>6141</v>
      </c>
      <c r="K994" s="1" t="s">
        <v>1334</v>
      </c>
      <c r="L994" s="1" t="s">
        <v>4946</v>
      </c>
    </row>
    <row r="995" spans="1:12" x14ac:dyDescent="0.25">
      <c r="A995" s="1" t="s">
        <v>6142</v>
      </c>
      <c r="B995" s="1" t="s">
        <v>5576</v>
      </c>
      <c r="C995" s="1" t="s">
        <v>1843</v>
      </c>
      <c r="D995" s="1" t="s">
        <v>1416</v>
      </c>
      <c r="E995" s="1" t="s">
        <v>1416</v>
      </c>
      <c r="F995" s="1" t="s">
        <v>6143</v>
      </c>
      <c r="G995" s="1" t="s">
        <v>6144</v>
      </c>
      <c r="H995" s="1" t="s">
        <v>6145</v>
      </c>
      <c r="I995" s="1" t="s">
        <v>6146</v>
      </c>
      <c r="K995" s="1" t="s">
        <v>1366</v>
      </c>
      <c r="L995" s="1" t="s">
        <v>4940</v>
      </c>
    </row>
    <row r="996" spans="1:12" x14ac:dyDescent="0.25">
      <c r="A996" s="1" t="s">
        <v>6147</v>
      </c>
      <c r="B996" s="1" t="s">
        <v>5576</v>
      </c>
      <c r="C996" s="1" t="s">
        <v>1843</v>
      </c>
      <c r="D996" s="1" t="s">
        <v>1422</v>
      </c>
      <c r="E996" s="1" t="s">
        <v>1422</v>
      </c>
      <c r="F996" s="1" t="s">
        <v>6148</v>
      </c>
      <c r="G996" s="1" t="s">
        <v>6149</v>
      </c>
      <c r="H996" s="1" t="s">
        <v>6150</v>
      </c>
      <c r="I996" s="1" t="s">
        <v>6151</v>
      </c>
      <c r="K996" s="1" t="s">
        <v>1366</v>
      </c>
      <c r="L996" s="1" t="s">
        <v>4951</v>
      </c>
    </row>
    <row r="997" spans="1:12" x14ac:dyDescent="0.25">
      <c r="A997" s="1" t="s">
        <v>6152</v>
      </c>
      <c r="B997" s="1" t="s">
        <v>5576</v>
      </c>
      <c r="C997" s="1" t="s">
        <v>1843</v>
      </c>
      <c r="D997" s="1" t="s">
        <v>1428</v>
      </c>
      <c r="E997" s="1" t="s">
        <v>1428</v>
      </c>
      <c r="F997" s="1" t="s">
        <v>6153</v>
      </c>
      <c r="G997" s="1" t="s">
        <v>6154</v>
      </c>
      <c r="H997" s="1" t="s">
        <v>6155</v>
      </c>
      <c r="I997" s="1" t="s">
        <v>6156</v>
      </c>
      <c r="K997" s="1" t="s">
        <v>1334</v>
      </c>
      <c r="L997" s="1" t="s">
        <v>4971</v>
      </c>
    </row>
    <row r="998" spans="1:12" x14ac:dyDescent="0.25">
      <c r="A998" s="1" t="s">
        <v>377</v>
      </c>
      <c r="B998" s="1" t="s">
        <v>5576</v>
      </c>
      <c r="C998" s="1" t="s">
        <v>1843</v>
      </c>
      <c r="D998" s="1" t="s">
        <v>1434</v>
      </c>
      <c r="E998" s="1" t="s">
        <v>1434</v>
      </c>
      <c r="F998" s="1" t="s">
        <v>6157</v>
      </c>
      <c r="G998" s="1" t="s">
        <v>6158</v>
      </c>
      <c r="H998" s="1" t="s">
        <v>6061</v>
      </c>
      <c r="I998" s="1" t="s">
        <v>6159</v>
      </c>
      <c r="K998" s="1" t="s">
        <v>1366</v>
      </c>
      <c r="L998" s="1" t="s">
        <v>4971</v>
      </c>
    </row>
    <row r="999" spans="1:12" x14ac:dyDescent="0.25">
      <c r="A999" s="1" t="s">
        <v>6160</v>
      </c>
      <c r="B999" s="1" t="s">
        <v>5576</v>
      </c>
      <c r="C999" s="1" t="s">
        <v>1843</v>
      </c>
      <c r="D999" s="1" t="s">
        <v>1440</v>
      </c>
      <c r="E999" s="1" t="s">
        <v>1440</v>
      </c>
      <c r="F999" s="1" t="s">
        <v>6161</v>
      </c>
      <c r="G999" s="1" t="s">
        <v>6162</v>
      </c>
      <c r="H999" s="1" t="s">
        <v>6163</v>
      </c>
      <c r="I999" s="1" t="s">
        <v>6164</v>
      </c>
      <c r="K999" s="1" t="s">
        <v>1366</v>
      </c>
      <c r="L999" s="1" t="s">
        <v>4971</v>
      </c>
    </row>
    <row r="1000" spans="1:12" x14ac:dyDescent="0.25">
      <c r="A1000" s="1" t="s">
        <v>6165</v>
      </c>
      <c r="B1000" s="1" t="s">
        <v>5576</v>
      </c>
      <c r="C1000" s="1" t="s">
        <v>1843</v>
      </c>
      <c r="D1000" s="1" t="s">
        <v>1446</v>
      </c>
      <c r="E1000" s="1" t="s">
        <v>1446</v>
      </c>
      <c r="F1000" s="1" t="s">
        <v>6166</v>
      </c>
      <c r="G1000" s="1" t="s">
        <v>6167</v>
      </c>
      <c r="H1000" s="1" t="s">
        <v>6168</v>
      </c>
      <c r="I1000" s="1" t="s">
        <v>6169</v>
      </c>
      <c r="K1000" s="1" t="s">
        <v>1366</v>
      </c>
      <c r="L1000" s="1" t="s">
        <v>4940</v>
      </c>
    </row>
    <row r="1001" spans="1:12" x14ac:dyDescent="0.25">
      <c r="A1001" s="1" t="s">
        <v>6170</v>
      </c>
      <c r="B1001" s="1" t="s">
        <v>5576</v>
      </c>
      <c r="C1001" s="1" t="s">
        <v>1843</v>
      </c>
      <c r="D1001" s="1" t="s">
        <v>1452</v>
      </c>
      <c r="E1001" s="1" t="s">
        <v>1452</v>
      </c>
      <c r="F1001" s="1" t="s">
        <v>6171</v>
      </c>
      <c r="G1001" s="1" t="s">
        <v>6172</v>
      </c>
      <c r="H1001" s="1" t="s">
        <v>6173</v>
      </c>
      <c r="I1001" s="1" t="s">
        <v>6174</v>
      </c>
      <c r="K1001" s="1" t="s">
        <v>1366</v>
      </c>
      <c r="L1001" s="1" t="s">
        <v>4946</v>
      </c>
    </row>
    <row r="1002" spans="1:12" x14ac:dyDescent="0.25">
      <c r="A1002" s="1" t="s">
        <v>6175</v>
      </c>
      <c r="B1002" s="1" t="s">
        <v>5576</v>
      </c>
      <c r="C1002" s="1" t="s">
        <v>1843</v>
      </c>
      <c r="D1002" s="1" t="s">
        <v>1458</v>
      </c>
      <c r="E1002" s="1" t="s">
        <v>1458</v>
      </c>
      <c r="F1002" s="1" t="s">
        <v>6176</v>
      </c>
      <c r="G1002" s="1" t="s">
        <v>6177</v>
      </c>
      <c r="H1002" s="1" t="s">
        <v>6178</v>
      </c>
      <c r="I1002" s="1" t="s">
        <v>6179</v>
      </c>
      <c r="K1002" s="1" t="s">
        <v>1334</v>
      </c>
      <c r="L1002" s="1" t="s">
        <v>4946</v>
      </c>
    </row>
    <row r="1003" spans="1:12" x14ac:dyDescent="0.25">
      <c r="A1003" s="1" t="s">
        <v>6180</v>
      </c>
      <c r="B1003" s="1" t="s">
        <v>5576</v>
      </c>
      <c r="C1003" s="1" t="s">
        <v>1843</v>
      </c>
      <c r="D1003" s="1" t="s">
        <v>1464</v>
      </c>
      <c r="E1003" s="1" t="s">
        <v>1464</v>
      </c>
      <c r="F1003" s="1" t="s">
        <v>6181</v>
      </c>
      <c r="G1003" s="1" t="s">
        <v>6182</v>
      </c>
      <c r="H1003" s="1" t="s">
        <v>6183</v>
      </c>
      <c r="I1003" s="1" t="s">
        <v>6184</v>
      </c>
      <c r="K1003" s="1" t="s">
        <v>1334</v>
      </c>
      <c r="L1003" s="1" t="s">
        <v>4971</v>
      </c>
    </row>
    <row r="1004" spans="1:12" x14ac:dyDescent="0.25">
      <c r="A1004" s="1" t="s">
        <v>6185</v>
      </c>
      <c r="B1004" s="1" t="s">
        <v>5576</v>
      </c>
      <c r="C1004" s="1" t="s">
        <v>1843</v>
      </c>
      <c r="D1004" s="1" t="s">
        <v>1470</v>
      </c>
      <c r="E1004" s="1" t="s">
        <v>1470</v>
      </c>
      <c r="F1004" s="1" t="s">
        <v>6186</v>
      </c>
      <c r="G1004" s="1" t="s">
        <v>6187</v>
      </c>
      <c r="H1004" s="1" t="s">
        <v>5973</v>
      </c>
      <c r="I1004" s="1" t="s">
        <v>6188</v>
      </c>
      <c r="K1004" s="1" t="s">
        <v>1334</v>
      </c>
      <c r="L1004" s="1" t="s">
        <v>4951</v>
      </c>
    </row>
    <row r="1005" spans="1:12" x14ac:dyDescent="0.25">
      <c r="A1005" s="1" t="s">
        <v>6189</v>
      </c>
      <c r="B1005" s="1" t="s">
        <v>5576</v>
      </c>
      <c r="C1005" s="1" t="s">
        <v>1843</v>
      </c>
      <c r="D1005" s="1" t="s">
        <v>1476</v>
      </c>
      <c r="E1005" s="1" t="s">
        <v>1476</v>
      </c>
      <c r="F1005" s="1" t="s">
        <v>6190</v>
      </c>
      <c r="G1005" s="1" t="s">
        <v>6191</v>
      </c>
      <c r="H1005" s="1" t="s">
        <v>5711</v>
      </c>
      <c r="I1005" s="1" t="s">
        <v>6192</v>
      </c>
      <c r="K1005" s="1" t="s">
        <v>1334</v>
      </c>
      <c r="L1005" s="1" t="s">
        <v>4971</v>
      </c>
    </row>
    <row r="1006" spans="1:12" x14ac:dyDescent="0.25">
      <c r="A1006" s="1" t="s">
        <v>6193</v>
      </c>
      <c r="B1006" s="1" t="s">
        <v>5576</v>
      </c>
      <c r="C1006" s="1" t="s">
        <v>1843</v>
      </c>
      <c r="D1006" s="1" t="s">
        <v>1482</v>
      </c>
      <c r="E1006" s="1" t="s">
        <v>1482</v>
      </c>
      <c r="F1006" s="1" t="s">
        <v>6194</v>
      </c>
      <c r="G1006" s="1" t="s">
        <v>6195</v>
      </c>
      <c r="H1006" s="1" t="s">
        <v>5716</v>
      </c>
      <c r="I1006" s="1" t="s">
        <v>6196</v>
      </c>
      <c r="K1006" s="1" t="s">
        <v>1366</v>
      </c>
      <c r="L1006" s="1" t="s">
        <v>4946</v>
      </c>
    </row>
    <row r="1007" spans="1:12" x14ac:dyDescent="0.25">
      <c r="A1007" s="1" t="s">
        <v>6197</v>
      </c>
      <c r="B1007" s="1" t="s">
        <v>5576</v>
      </c>
      <c r="C1007" s="1" t="s">
        <v>1843</v>
      </c>
      <c r="D1007" s="1" t="s">
        <v>1488</v>
      </c>
      <c r="E1007" s="1" t="s">
        <v>1488</v>
      </c>
      <c r="F1007" s="1" t="s">
        <v>6198</v>
      </c>
      <c r="G1007" s="1" t="s">
        <v>6199</v>
      </c>
      <c r="H1007" s="1" t="s">
        <v>5716</v>
      </c>
      <c r="I1007" s="1" t="s">
        <v>6200</v>
      </c>
      <c r="K1007" s="1" t="s">
        <v>1334</v>
      </c>
      <c r="L1007" s="1" t="s">
        <v>4946</v>
      </c>
    </row>
    <row r="1008" spans="1:12" x14ac:dyDescent="0.25">
      <c r="A1008" s="1" t="s">
        <v>371</v>
      </c>
      <c r="B1008" s="1" t="s">
        <v>5576</v>
      </c>
      <c r="C1008" s="1" t="s">
        <v>1843</v>
      </c>
      <c r="D1008" s="1" t="s">
        <v>1494</v>
      </c>
      <c r="E1008" s="1" t="s">
        <v>1494</v>
      </c>
      <c r="F1008" s="1" t="s">
        <v>6201</v>
      </c>
      <c r="G1008" s="1" t="s">
        <v>6202</v>
      </c>
      <c r="H1008" s="1" t="s">
        <v>6203</v>
      </c>
      <c r="I1008" s="1" t="s">
        <v>6204</v>
      </c>
      <c r="K1008" s="1" t="s">
        <v>1366</v>
      </c>
      <c r="L1008" s="1" t="s">
        <v>4951</v>
      </c>
    </row>
    <row r="1009" spans="1:12" x14ac:dyDescent="0.25">
      <c r="A1009" s="1" t="s">
        <v>6205</v>
      </c>
      <c r="B1009" s="1" t="s">
        <v>5576</v>
      </c>
      <c r="C1009" s="1" t="s">
        <v>1843</v>
      </c>
      <c r="D1009" s="1" t="s">
        <v>1500</v>
      </c>
      <c r="E1009" s="1" t="s">
        <v>1500</v>
      </c>
      <c r="F1009" s="1" t="s">
        <v>6206</v>
      </c>
      <c r="G1009" s="1" t="s">
        <v>6207</v>
      </c>
      <c r="H1009" s="1" t="s">
        <v>6208</v>
      </c>
      <c r="I1009" s="1" t="s">
        <v>6209</v>
      </c>
      <c r="K1009" s="1" t="s">
        <v>1334</v>
      </c>
      <c r="L1009" s="1" t="s">
        <v>4951</v>
      </c>
    </row>
    <row r="1010" spans="1:12" x14ac:dyDescent="0.25">
      <c r="A1010" s="1" t="s">
        <v>6210</v>
      </c>
      <c r="B1010" s="1" t="s">
        <v>5576</v>
      </c>
      <c r="C1010" s="1" t="s">
        <v>1843</v>
      </c>
      <c r="D1010" s="1" t="s">
        <v>1506</v>
      </c>
      <c r="E1010" s="1" t="s">
        <v>1506</v>
      </c>
      <c r="F1010" s="1" t="s">
        <v>6211</v>
      </c>
      <c r="G1010" s="1" t="s">
        <v>6212</v>
      </c>
      <c r="H1010" s="1" t="s">
        <v>6065</v>
      </c>
      <c r="I1010" s="1" t="s">
        <v>6213</v>
      </c>
      <c r="K1010" s="1" t="s">
        <v>1334</v>
      </c>
      <c r="L1010" s="1" t="s">
        <v>4971</v>
      </c>
    </row>
    <row r="1011" spans="1:12" x14ac:dyDescent="0.25">
      <c r="A1011" s="1" t="s">
        <v>353</v>
      </c>
      <c r="B1011" s="1" t="s">
        <v>5576</v>
      </c>
      <c r="C1011" s="1" t="s">
        <v>1843</v>
      </c>
      <c r="D1011" s="1" t="s">
        <v>1512</v>
      </c>
      <c r="E1011" s="1" t="s">
        <v>1512</v>
      </c>
      <c r="F1011" s="1" t="s">
        <v>6214</v>
      </c>
      <c r="G1011" s="1" t="s">
        <v>6215</v>
      </c>
      <c r="H1011" s="1" t="s">
        <v>6216</v>
      </c>
      <c r="I1011" s="1" t="s">
        <v>6217</v>
      </c>
      <c r="K1011" s="1" t="s">
        <v>1334</v>
      </c>
      <c r="L1011" s="1" t="s">
        <v>4951</v>
      </c>
    </row>
    <row r="1012" spans="1:12" x14ac:dyDescent="0.25">
      <c r="A1012" s="1" t="s">
        <v>6218</v>
      </c>
      <c r="B1012" s="1" t="s">
        <v>5576</v>
      </c>
      <c r="C1012" s="1" t="s">
        <v>1843</v>
      </c>
      <c r="D1012" s="1" t="s">
        <v>1517</v>
      </c>
      <c r="E1012" s="1" t="s">
        <v>1517</v>
      </c>
      <c r="F1012" s="1" t="s">
        <v>6219</v>
      </c>
      <c r="G1012" s="1" t="s">
        <v>6220</v>
      </c>
      <c r="H1012" s="1" t="s">
        <v>6221</v>
      </c>
      <c r="I1012" s="1" t="s">
        <v>6222</v>
      </c>
      <c r="K1012" s="1" t="s">
        <v>1334</v>
      </c>
      <c r="L1012" s="1" t="s">
        <v>4946</v>
      </c>
    </row>
    <row r="1013" spans="1:12" x14ac:dyDescent="0.25">
      <c r="A1013" s="1" t="s">
        <v>6223</v>
      </c>
      <c r="B1013" s="1" t="s">
        <v>5576</v>
      </c>
      <c r="C1013" s="1" t="s">
        <v>1843</v>
      </c>
      <c r="D1013" s="1" t="s">
        <v>1523</v>
      </c>
      <c r="E1013" s="1" t="s">
        <v>1523</v>
      </c>
      <c r="F1013" s="1" t="s">
        <v>6224</v>
      </c>
      <c r="G1013" s="1" t="s">
        <v>6225</v>
      </c>
      <c r="H1013" s="1" t="s">
        <v>6226</v>
      </c>
      <c r="I1013" s="1" t="s">
        <v>6227</v>
      </c>
      <c r="J1013" s="14" t="s">
        <v>5052</v>
      </c>
      <c r="K1013" s="1" t="s">
        <v>1366</v>
      </c>
      <c r="L1013" s="1" t="s">
        <v>4940</v>
      </c>
    </row>
    <row r="1014" spans="1:12" x14ac:dyDescent="0.25">
      <c r="A1014" s="1" t="s">
        <v>6228</v>
      </c>
      <c r="B1014" s="1" t="s">
        <v>5576</v>
      </c>
      <c r="C1014" s="1" t="s">
        <v>1843</v>
      </c>
      <c r="D1014" s="1" t="s">
        <v>5739</v>
      </c>
      <c r="E1014" s="1" t="s">
        <v>5739</v>
      </c>
      <c r="F1014" s="1" t="s">
        <v>6229</v>
      </c>
      <c r="G1014" s="1" t="s">
        <v>6230</v>
      </c>
      <c r="H1014" s="1" t="s">
        <v>6126</v>
      </c>
      <c r="I1014" s="1" t="s">
        <v>6231</v>
      </c>
      <c r="K1014" s="1" t="s">
        <v>1366</v>
      </c>
      <c r="L1014" s="1" t="s">
        <v>4951</v>
      </c>
    </row>
    <row r="1015" spans="1:12" x14ac:dyDescent="0.25">
      <c r="A1015" s="1" t="s">
        <v>6232</v>
      </c>
      <c r="B1015" s="1" t="s">
        <v>5576</v>
      </c>
      <c r="C1015" s="1" t="s">
        <v>1843</v>
      </c>
      <c r="D1015" s="1" t="s">
        <v>5908</v>
      </c>
      <c r="E1015" s="1" t="s">
        <v>5908</v>
      </c>
      <c r="F1015" s="1" t="s">
        <v>6233</v>
      </c>
      <c r="G1015" s="1" t="s">
        <v>6234</v>
      </c>
      <c r="H1015" s="1" t="s">
        <v>6235</v>
      </c>
      <c r="I1015" s="1" t="s">
        <v>6236</v>
      </c>
      <c r="K1015" s="1" t="s">
        <v>1334</v>
      </c>
      <c r="L1015" s="1" t="s">
        <v>4971</v>
      </c>
    </row>
    <row r="1017" spans="1:12" x14ac:dyDescent="0.25">
      <c r="A1017" s="1" t="s">
        <v>6237</v>
      </c>
      <c r="B1017" s="1" t="s">
        <v>6238</v>
      </c>
      <c r="C1017" s="1" t="s">
        <v>1328</v>
      </c>
      <c r="D1017" s="18">
        <v>1</v>
      </c>
      <c r="E1017" s="1" t="s">
        <v>1329</v>
      </c>
      <c r="F1017" s="1" t="s">
        <v>6239</v>
      </c>
      <c r="G1017" s="1" t="s">
        <v>6240</v>
      </c>
      <c r="H1017" s="1" t="s">
        <v>6241</v>
      </c>
      <c r="I1017" s="1" t="s">
        <v>6242</v>
      </c>
      <c r="K1017" s="1" t="s">
        <v>1334</v>
      </c>
      <c r="L1017" s="1" t="s">
        <v>4971</v>
      </c>
    </row>
    <row r="1018" spans="1:12" x14ac:dyDescent="0.25">
      <c r="A1018" s="1" t="s">
        <v>6243</v>
      </c>
      <c r="B1018" s="1" t="s">
        <v>6238</v>
      </c>
      <c r="C1018" s="1" t="s">
        <v>1328</v>
      </c>
      <c r="D1018" s="18">
        <v>2</v>
      </c>
      <c r="E1018" s="1" t="s">
        <v>1337</v>
      </c>
      <c r="F1018" s="1" t="s">
        <v>6244</v>
      </c>
      <c r="G1018" s="1" t="s">
        <v>6245</v>
      </c>
      <c r="H1018" s="1" t="s">
        <v>6246</v>
      </c>
      <c r="I1018" s="1" t="s">
        <v>6247</v>
      </c>
      <c r="K1018" s="1" t="s">
        <v>1366</v>
      </c>
      <c r="L1018" s="1" t="s">
        <v>4971</v>
      </c>
    </row>
    <row r="1019" spans="1:12" x14ac:dyDescent="0.25">
      <c r="A1019" s="1" t="s">
        <v>6248</v>
      </c>
      <c r="B1019" s="1" t="s">
        <v>6238</v>
      </c>
      <c r="C1019" s="1" t="s">
        <v>1328</v>
      </c>
      <c r="D1019" s="18">
        <v>3</v>
      </c>
      <c r="E1019" s="1" t="s">
        <v>1343</v>
      </c>
      <c r="F1019" s="1" t="s">
        <v>6249</v>
      </c>
      <c r="G1019" s="1" t="s">
        <v>6250</v>
      </c>
      <c r="H1019" s="1" t="s">
        <v>6251</v>
      </c>
      <c r="I1019" s="1" t="s">
        <v>6252</v>
      </c>
      <c r="K1019" s="1" t="s">
        <v>1334</v>
      </c>
      <c r="L1019" s="1" t="s">
        <v>4951</v>
      </c>
    </row>
    <row r="1020" spans="1:12" x14ac:dyDescent="0.25">
      <c r="A1020" s="1" t="s">
        <v>6253</v>
      </c>
      <c r="B1020" s="1" t="s">
        <v>6238</v>
      </c>
      <c r="C1020" s="1" t="s">
        <v>1328</v>
      </c>
      <c r="D1020" s="18">
        <v>4</v>
      </c>
      <c r="E1020" s="1" t="s">
        <v>1349</v>
      </c>
      <c r="F1020" s="1" t="s">
        <v>6254</v>
      </c>
      <c r="G1020" s="1" t="s">
        <v>6255</v>
      </c>
      <c r="H1020" s="1" t="s">
        <v>6256</v>
      </c>
      <c r="I1020" s="1" t="s">
        <v>6257</v>
      </c>
      <c r="K1020" s="1" t="s">
        <v>1366</v>
      </c>
      <c r="L1020" s="1" t="s">
        <v>4940</v>
      </c>
    </row>
    <row r="1021" spans="1:12" x14ac:dyDescent="0.25">
      <c r="A1021" s="1" t="s">
        <v>6258</v>
      </c>
      <c r="B1021" s="1" t="s">
        <v>6238</v>
      </c>
      <c r="C1021" s="1" t="s">
        <v>1328</v>
      </c>
      <c r="D1021" s="18">
        <v>5</v>
      </c>
      <c r="E1021" s="1" t="s">
        <v>1355</v>
      </c>
      <c r="F1021" s="1" t="s">
        <v>6259</v>
      </c>
      <c r="G1021" s="1" t="s">
        <v>6260</v>
      </c>
      <c r="H1021" s="1" t="s">
        <v>6261</v>
      </c>
      <c r="I1021" s="1" t="s">
        <v>6262</v>
      </c>
      <c r="K1021" s="1" t="s">
        <v>1334</v>
      </c>
      <c r="L1021" s="1" t="s">
        <v>4940</v>
      </c>
    </row>
    <row r="1022" spans="1:12" x14ac:dyDescent="0.25">
      <c r="A1022" s="1" t="s">
        <v>6263</v>
      </c>
      <c r="B1022" s="1" t="s">
        <v>6238</v>
      </c>
      <c r="C1022" s="1" t="s">
        <v>1328</v>
      </c>
      <c r="D1022" s="18">
        <v>6</v>
      </c>
      <c r="E1022" s="1" t="s">
        <v>1361</v>
      </c>
      <c r="F1022" s="1" t="s">
        <v>6264</v>
      </c>
      <c r="G1022" s="1" t="s">
        <v>6265</v>
      </c>
      <c r="H1022" s="1" t="s">
        <v>6266</v>
      </c>
      <c r="I1022" s="1" t="s">
        <v>6267</v>
      </c>
      <c r="J1022" s="14" t="s">
        <v>5052</v>
      </c>
      <c r="K1022" s="1" t="s">
        <v>1366</v>
      </c>
      <c r="L1022" s="1" t="s">
        <v>4940</v>
      </c>
    </row>
    <row r="1023" spans="1:12" x14ac:dyDescent="0.25">
      <c r="A1023" s="1" t="s">
        <v>6268</v>
      </c>
      <c r="B1023" s="1" t="s">
        <v>6238</v>
      </c>
      <c r="C1023" s="1" t="s">
        <v>1328</v>
      </c>
      <c r="D1023" s="18">
        <v>7</v>
      </c>
      <c r="E1023" s="1" t="s">
        <v>1368</v>
      </c>
      <c r="F1023" s="1" t="s">
        <v>6269</v>
      </c>
      <c r="G1023" s="1" t="s">
        <v>6270</v>
      </c>
      <c r="H1023" s="1" t="s">
        <v>6271</v>
      </c>
      <c r="I1023" s="1" t="s">
        <v>6272</v>
      </c>
      <c r="K1023" s="1" t="s">
        <v>1334</v>
      </c>
      <c r="L1023" s="1" t="s">
        <v>4971</v>
      </c>
    </row>
    <row r="1024" spans="1:12" x14ac:dyDescent="0.25">
      <c r="A1024" s="1" t="s">
        <v>6273</v>
      </c>
      <c r="B1024" s="1" t="s">
        <v>6238</v>
      </c>
      <c r="C1024" s="1" t="s">
        <v>1328</v>
      </c>
      <c r="D1024" s="18">
        <v>8</v>
      </c>
      <c r="E1024" s="1" t="s">
        <v>1374</v>
      </c>
      <c r="F1024" s="1" t="s">
        <v>6274</v>
      </c>
      <c r="G1024" s="1" t="s">
        <v>6275</v>
      </c>
      <c r="H1024" s="1" t="s">
        <v>6276</v>
      </c>
      <c r="I1024" s="1" t="s">
        <v>6277</v>
      </c>
      <c r="J1024" s="14" t="s">
        <v>1726</v>
      </c>
      <c r="K1024" s="1" t="s">
        <v>1334</v>
      </c>
      <c r="L1024" s="1" t="s">
        <v>4946</v>
      </c>
    </row>
    <row r="1025" spans="1:12" x14ac:dyDescent="0.25">
      <c r="A1025" s="1" t="s">
        <v>6278</v>
      </c>
      <c r="B1025" s="1" t="s">
        <v>6238</v>
      </c>
      <c r="C1025" s="1" t="s">
        <v>1328</v>
      </c>
      <c r="D1025" s="18">
        <v>9</v>
      </c>
      <c r="E1025" s="1" t="s">
        <v>1380</v>
      </c>
      <c r="F1025" s="1" t="s">
        <v>6279</v>
      </c>
      <c r="G1025" s="1" t="s">
        <v>6280</v>
      </c>
      <c r="H1025" s="1" t="s">
        <v>6281</v>
      </c>
      <c r="I1025" s="1" t="s">
        <v>6282</v>
      </c>
      <c r="K1025" s="1" t="s">
        <v>1366</v>
      </c>
      <c r="L1025" s="1" t="s">
        <v>4940</v>
      </c>
    </row>
    <row r="1026" spans="1:12" x14ac:dyDescent="0.25">
      <c r="A1026" s="1" t="s">
        <v>6283</v>
      </c>
      <c r="B1026" s="1" t="s">
        <v>6238</v>
      </c>
      <c r="C1026" s="1" t="s">
        <v>1328</v>
      </c>
      <c r="D1026" s="18">
        <v>10</v>
      </c>
      <c r="E1026" s="1" t="s">
        <v>1386</v>
      </c>
      <c r="F1026" s="1" t="s">
        <v>6284</v>
      </c>
      <c r="G1026" s="1" t="s">
        <v>6285</v>
      </c>
      <c r="H1026" s="1" t="s">
        <v>6286</v>
      </c>
      <c r="I1026" s="1" t="s">
        <v>6287</v>
      </c>
      <c r="K1026" s="1" t="s">
        <v>1334</v>
      </c>
      <c r="L1026" s="1" t="s">
        <v>4951</v>
      </c>
    </row>
    <row r="1027" spans="1:12" x14ac:dyDescent="0.25">
      <c r="A1027" s="1" t="s">
        <v>6288</v>
      </c>
      <c r="B1027" s="1" t="s">
        <v>6238</v>
      </c>
      <c r="C1027" s="1" t="s">
        <v>1328</v>
      </c>
      <c r="D1027" s="18">
        <v>11</v>
      </c>
      <c r="E1027" s="1" t="s">
        <v>1392</v>
      </c>
      <c r="F1027" s="1" t="s">
        <v>6289</v>
      </c>
      <c r="G1027" s="1" t="s">
        <v>6290</v>
      </c>
      <c r="H1027" s="1" t="s">
        <v>6291</v>
      </c>
      <c r="I1027" s="1" t="s">
        <v>6292</v>
      </c>
      <c r="K1027" s="1" t="s">
        <v>1334</v>
      </c>
      <c r="L1027" s="1" t="s">
        <v>4971</v>
      </c>
    </row>
    <row r="1028" spans="1:12" x14ac:dyDescent="0.25">
      <c r="A1028" s="1" t="s">
        <v>6293</v>
      </c>
      <c r="B1028" s="1" t="s">
        <v>6238</v>
      </c>
      <c r="C1028" s="1" t="s">
        <v>1328</v>
      </c>
      <c r="D1028" s="18">
        <v>12</v>
      </c>
      <c r="E1028" s="1" t="s">
        <v>1398</v>
      </c>
      <c r="F1028" s="1" t="s">
        <v>6294</v>
      </c>
      <c r="G1028" s="1" t="s">
        <v>6295</v>
      </c>
      <c r="H1028" s="1" t="s">
        <v>6296</v>
      </c>
      <c r="I1028" s="1" t="s">
        <v>6297</v>
      </c>
      <c r="K1028" s="1" t="s">
        <v>1334</v>
      </c>
      <c r="L1028" s="1" t="s">
        <v>4940</v>
      </c>
    </row>
    <row r="1029" spans="1:12" x14ac:dyDescent="0.25">
      <c r="A1029" s="1" t="s">
        <v>6298</v>
      </c>
      <c r="B1029" s="1" t="s">
        <v>6238</v>
      </c>
      <c r="C1029" s="1" t="s">
        <v>1328</v>
      </c>
      <c r="D1029" s="18">
        <v>13</v>
      </c>
      <c r="E1029" s="1" t="s">
        <v>1404</v>
      </c>
      <c r="F1029" s="1" t="s">
        <v>6299</v>
      </c>
      <c r="G1029" s="1" t="s">
        <v>6300</v>
      </c>
      <c r="H1029" s="1" t="s">
        <v>6301</v>
      </c>
      <c r="I1029" s="1" t="s">
        <v>6302</v>
      </c>
      <c r="K1029" s="1" t="s">
        <v>1366</v>
      </c>
      <c r="L1029" s="1" t="s">
        <v>4940</v>
      </c>
    </row>
    <row r="1030" spans="1:12" x14ac:dyDescent="0.25">
      <c r="A1030" s="1" t="s">
        <v>6303</v>
      </c>
      <c r="B1030" s="1" t="s">
        <v>6238</v>
      </c>
      <c r="C1030" s="1" t="s">
        <v>1328</v>
      </c>
      <c r="D1030" s="18">
        <v>14</v>
      </c>
      <c r="E1030" s="1" t="s">
        <v>1410</v>
      </c>
      <c r="F1030" s="1" t="s">
        <v>6304</v>
      </c>
      <c r="G1030" s="1" t="s">
        <v>6305</v>
      </c>
      <c r="H1030" s="1" t="s">
        <v>6306</v>
      </c>
      <c r="I1030" s="1" t="s">
        <v>6307</v>
      </c>
      <c r="K1030" s="1" t="s">
        <v>1334</v>
      </c>
      <c r="L1030" s="1" t="s">
        <v>4951</v>
      </c>
    </row>
    <row r="1031" spans="1:12" x14ac:dyDescent="0.25">
      <c r="A1031" s="1" t="s">
        <v>6308</v>
      </c>
      <c r="B1031" s="1" t="s">
        <v>6238</v>
      </c>
      <c r="C1031" s="1" t="s">
        <v>1328</v>
      </c>
      <c r="D1031" s="18">
        <v>15</v>
      </c>
      <c r="E1031" s="1" t="s">
        <v>1416</v>
      </c>
      <c r="F1031" s="1" t="s">
        <v>6309</v>
      </c>
      <c r="G1031" s="1" t="s">
        <v>6310</v>
      </c>
      <c r="H1031" s="1" t="s">
        <v>6311</v>
      </c>
      <c r="I1031" s="1" t="s">
        <v>6312</v>
      </c>
      <c r="K1031" s="1" t="s">
        <v>1334</v>
      </c>
      <c r="L1031" s="1" t="s">
        <v>4951</v>
      </c>
    </row>
    <row r="1032" spans="1:12" x14ac:dyDescent="0.25">
      <c r="A1032" s="1" t="s">
        <v>6313</v>
      </c>
      <c r="B1032" s="1" t="s">
        <v>6238</v>
      </c>
      <c r="C1032" s="1" t="s">
        <v>1328</v>
      </c>
      <c r="D1032" s="18">
        <v>16</v>
      </c>
      <c r="E1032" s="1" t="s">
        <v>1422</v>
      </c>
      <c r="F1032" s="1" t="s">
        <v>6314</v>
      </c>
      <c r="G1032" s="1" t="s">
        <v>6315</v>
      </c>
      <c r="H1032" s="1" t="s">
        <v>6316</v>
      </c>
      <c r="I1032" s="1" t="s">
        <v>6317</v>
      </c>
      <c r="K1032" s="1" t="s">
        <v>1366</v>
      </c>
      <c r="L1032" s="1" t="s">
        <v>4971</v>
      </c>
    </row>
    <row r="1033" spans="1:12" x14ac:dyDescent="0.25">
      <c r="A1033" s="1" t="s">
        <v>6318</v>
      </c>
      <c r="B1033" s="1" t="s">
        <v>6238</v>
      </c>
      <c r="C1033" s="1" t="s">
        <v>1328</v>
      </c>
      <c r="D1033" s="18">
        <v>17</v>
      </c>
      <c r="E1033" s="1" t="s">
        <v>1428</v>
      </c>
      <c r="F1033" s="1" t="s">
        <v>6319</v>
      </c>
      <c r="G1033" s="1" t="s">
        <v>6320</v>
      </c>
      <c r="H1033" s="1" t="s">
        <v>6321</v>
      </c>
      <c r="I1033" s="1" t="s">
        <v>6322</v>
      </c>
      <c r="K1033" s="1" t="s">
        <v>1366</v>
      </c>
      <c r="L1033" s="1" t="s">
        <v>4971</v>
      </c>
    </row>
    <row r="1034" spans="1:12" x14ac:dyDescent="0.25">
      <c r="A1034" s="1" t="s">
        <v>6323</v>
      </c>
      <c r="B1034" s="1" t="s">
        <v>6238</v>
      </c>
      <c r="C1034" s="1" t="s">
        <v>1328</v>
      </c>
      <c r="D1034" s="18">
        <v>18</v>
      </c>
      <c r="E1034" s="1" t="s">
        <v>1434</v>
      </c>
      <c r="F1034" s="1" t="s">
        <v>6324</v>
      </c>
      <c r="G1034" s="1" t="s">
        <v>6325</v>
      </c>
      <c r="H1034" s="1" t="s">
        <v>6326</v>
      </c>
      <c r="I1034" s="1" t="s">
        <v>6327</v>
      </c>
      <c r="K1034" s="1" t="s">
        <v>1334</v>
      </c>
      <c r="L1034" s="1" t="s">
        <v>4946</v>
      </c>
    </row>
    <row r="1035" spans="1:12" x14ac:dyDescent="0.25">
      <c r="A1035" s="1" t="s">
        <v>3597</v>
      </c>
      <c r="B1035" s="1" t="s">
        <v>6238</v>
      </c>
      <c r="C1035" s="1" t="s">
        <v>1328</v>
      </c>
      <c r="D1035" s="18">
        <v>19</v>
      </c>
      <c r="E1035" s="1" t="s">
        <v>1440</v>
      </c>
      <c r="F1035" s="1" t="s">
        <v>6328</v>
      </c>
      <c r="G1035" s="1" t="s">
        <v>6329</v>
      </c>
      <c r="H1035" s="1" t="s">
        <v>6330</v>
      </c>
      <c r="I1035" s="1" t="s">
        <v>6331</v>
      </c>
      <c r="K1035" s="1" t="s">
        <v>1334</v>
      </c>
      <c r="L1035" s="1" t="s">
        <v>4946</v>
      </c>
    </row>
    <row r="1036" spans="1:12" x14ac:dyDescent="0.25">
      <c r="A1036" s="1" t="s">
        <v>473</v>
      </c>
      <c r="B1036" s="1" t="s">
        <v>6238</v>
      </c>
      <c r="C1036" s="1" t="s">
        <v>1328</v>
      </c>
      <c r="D1036" s="18">
        <v>20</v>
      </c>
      <c r="E1036" s="1" t="s">
        <v>1446</v>
      </c>
      <c r="F1036" s="1" t="s">
        <v>6332</v>
      </c>
      <c r="G1036" s="1" t="s">
        <v>6333</v>
      </c>
      <c r="H1036" s="1" t="s">
        <v>6334</v>
      </c>
      <c r="I1036" s="1" t="s">
        <v>6335</v>
      </c>
      <c r="K1036" s="1" t="s">
        <v>1366</v>
      </c>
      <c r="L1036" s="1" t="s">
        <v>4971</v>
      </c>
    </row>
    <row r="1037" spans="1:12" x14ac:dyDescent="0.25">
      <c r="A1037" s="1" t="s">
        <v>6336</v>
      </c>
      <c r="B1037" s="1" t="s">
        <v>6238</v>
      </c>
      <c r="C1037" s="1" t="s">
        <v>1328</v>
      </c>
      <c r="D1037" s="18">
        <v>21</v>
      </c>
      <c r="E1037" s="1" t="s">
        <v>1452</v>
      </c>
      <c r="F1037" s="1" t="s">
        <v>6337</v>
      </c>
      <c r="G1037" s="1" t="s">
        <v>6338</v>
      </c>
      <c r="H1037" s="1" t="s">
        <v>6339</v>
      </c>
      <c r="I1037" s="1" t="s">
        <v>6340</v>
      </c>
      <c r="K1037" s="1" t="s">
        <v>1366</v>
      </c>
      <c r="L1037" s="1" t="s">
        <v>4951</v>
      </c>
    </row>
    <row r="1038" spans="1:12" x14ac:dyDescent="0.25">
      <c r="A1038" s="1" t="s">
        <v>6341</v>
      </c>
      <c r="B1038" s="1" t="s">
        <v>6238</v>
      </c>
      <c r="C1038" s="1" t="s">
        <v>1328</v>
      </c>
      <c r="D1038" s="18">
        <v>22</v>
      </c>
      <c r="E1038" s="1" t="s">
        <v>1458</v>
      </c>
      <c r="F1038" s="1" t="s">
        <v>6342</v>
      </c>
      <c r="G1038" s="1" t="s">
        <v>6343</v>
      </c>
      <c r="H1038" s="1" t="s">
        <v>6344</v>
      </c>
      <c r="I1038" s="1" t="s">
        <v>6345</v>
      </c>
      <c r="K1038" s="1" t="s">
        <v>1366</v>
      </c>
      <c r="L1038" s="1" t="s">
        <v>4951</v>
      </c>
    </row>
    <row r="1039" spans="1:12" x14ac:dyDescent="0.25">
      <c r="A1039" s="1" t="s">
        <v>6346</v>
      </c>
      <c r="B1039" s="1" t="s">
        <v>6238</v>
      </c>
      <c r="C1039" s="1" t="s">
        <v>1328</v>
      </c>
      <c r="D1039" s="18">
        <v>23</v>
      </c>
      <c r="E1039" s="1" t="s">
        <v>1464</v>
      </c>
      <c r="F1039" s="1" t="s">
        <v>6347</v>
      </c>
      <c r="G1039" s="1" t="s">
        <v>6348</v>
      </c>
      <c r="H1039" s="1" t="s">
        <v>5050</v>
      </c>
      <c r="I1039" s="1" t="s">
        <v>6349</v>
      </c>
      <c r="K1039" s="1" t="s">
        <v>1334</v>
      </c>
      <c r="L1039" s="1" t="s">
        <v>4940</v>
      </c>
    </row>
    <row r="1040" spans="1:12" x14ac:dyDescent="0.25">
      <c r="A1040" s="1" t="s">
        <v>6350</v>
      </c>
      <c r="B1040" s="1" t="s">
        <v>6238</v>
      </c>
      <c r="C1040" s="1" t="s">
        <v>1328</v>
      </c>
      <c r="D1040" s="18">
        <v>24</v>
      </c>
      <c r="E1040" s="1" t="s">
        <v>1470</v>
      </c>
      <c r="F1040" s="1" t="s">
        <v>6351</v>
      </c>
      <c r="G1040" s="1" t="s">
        <v>6352</v>
      </c>
      <c r="H1040" s="1" t="s">
        <v>6353</v>
      </c>
      <c r="I1040" s="1" t="s">
        <v>6354</v>
      </c>
      <c r="K1040" s="1" t="s">
        <v>1366</v>
      </c>
      <c r="L1040" s="1" t="s">
        <v>4946</v>
      </c>
    </row>
    <row r="1041" spans="1:12" x14ac:dyDescent="0.25">
      <c r="A1041" s="1" t="s">
        <v>6355</v>
      </c>
      <c r="B1041" s="1" t="s">
        <v>6238</v>
      </c>
      <c r="C1041" s="1" t="s">
        <v>1328</v>
      </c>
      <c r="D1041" s="18">
        <v>25</v>
      </c>
      <c r="E1041" s="1" t="s">
        <v>1476</v>
      </c>
      <c r="F1041" s="1" t="s">
        <v>6356</v>
      </c>
      <c r="G1041" s="1" t="s">
        <v>6357</v>
      </c>
      <c r="H1041" s="1" t="s">
        <v>6358</v>
      </c>
      <c r="I1041" s="1" t="s">
        <v>6359</v>
      </c>
      <c r="K1041" s="1" t="s">
        <v>1334</v>
      </c>
      <c r="L1041" s="1" t="s">
        <v>4971</v>
      </c>
    </row>
    <row r="1042" spans="1:12" x14ac:dyDescent="0.25">
      <c r="A1042" s="1" t="s">
        <v>6360</v>
      </c>
      <c r="B1042" s="1" t="s">
        <v>6238</v>
      </c>
      <c r="C1042" s="1" t="s">
        <v>1328</v>
      </c>
      <c r="D1042" s="18">
        <v>26</v>
      </c>
      <c r="E1042" s="1" t="s">
        <v>1482</v>
      </c>
      <c r="F1042" s="1" t="s">
        <v>6361</v>
      </c>
      <c r="G1042" s="1" t="s">
        <v>6362</v>
      </c>
      <c r="H1042" s="1" t="s">
        <v>6363</v>
      </c>
      <c r="I1042" s="1" t="s">
        <v>6364</v>
      </c>
      <c r="K1042" s="1" t="s">
        <v>1334</v>
      </c>
      <c r="L1042" s="1" t="s">
        <v>4951</v>
      </c>
    </row>
    <row r="1043" spans="1:12" x14ac:dyDescent="0.25">
      <c r="A1043" s="1" t="s">
        <v>6365</v>
      </c>
      <c r="B1043" s="1" t="s">
        <v>6238</v>
      </c>
      <c r="C1043" s="1" t="s">
        <v>1328</v>
      </c>
      <c r="D1043" s="18">
        <v>27</v>
      </c>
      <c r="E1043" s="1" t="s">
        <v>1488</v>
      </c>
      <c r="F1043" s="1" t="s">
        <v>6366</v>
      </c>
      <c r="G1043" s="1" t="s">
        <v>6367</v>
      </c>
      <c r="H1043" s="1" t="s">
        <v>6368</v>
      </c>
      <c r="I1043" s="1" t="s">
        <v>6369</v>
      </c>
      <c r="K1043" s="1" t="s">
        <v>1366</v>
      </c>
      <c r="L1043" s="1" t="s">
        <v>4951</v>
      </c>
    </row>
    <row r="1044" spans="1:12" x14ac:dyDescent="0.25">
      <c r="A1044" s="1" t="s">
        <v>6370</v>
      </c>
      <c r="B1044" s="1" t="s">
        <v>6238</v>
      </c>
      <c r="C1044" s="1" t="s">
        <v>1328</v>
      </c>
      <c r="D1044" s="18">
        <v>28</v>
      </c>
      <c r="E1044" s="1" t="s">
        <v>1494</v>
      </c>
      <c r="F1044" s="1" t="s">
        <v>6371</v>
      </c>
      <c r="G1044" s="1" t="s">
        <v>6372</v>
      </c>
      <c r="H1044" s="1" t="s">
        <v>6373</v>
      </c>
      <c r="I1044" s="1" t="s">
        <v>6374</v>
      </c>
      <c r="K1044" s="1" t="s">
        <v>1334</v>
      </c>
      <c r="L1044" s="1" t="s">
        <v>4940</v>
      </c>
    </row>
    <row r="1045" spans="1:12" x14ac:dyDescent="0.25">
      <c r="A1045" s="1" t="s">
        <v>6375</v>
      </c>
      <c r="B1045" s="1" t="s">
        <v>6238</v>
      </c>
      <c r="C1045" s="1" t="s">
        <v>1328</v>
      </c>
      <c r="D1045" s="18">
        <v>29</v>
      </c>
      <c r="E1045" s="1" t="s">
        <v>1500</v>
      </c>
      <c r="F1045" s="1" t="s">
        <v>6376</v>
      </c>
      <c r="G1045" s="1" t="s">
        <v>6377</v>
      </c>
      <c r="H1045" s="1" t="s">
        <v>6378</v>
      </c>
      <c r="I1045" s="1" t="s">
        <v>6379</v>
      </c>
      <c r="K1045" s="1" t="s">
        <v>1334</v>
      </c>
      <c r="L1045" s="1" t="s">
        <v>4946</v>
      </c>
    </row>
    <row r="1046" spans="1:12" x14ac:dyDescent="0.25">
      <c r="A1046" s="1" t="s">
        <v>6380</v>
      </c>
      <c r="B1046" s="1" t="s">
        <v>6238</v>
      </c>
      <c r="C1046" s="1" t="s">
        <v>1328</v>
      </c>
      <c r="D1046" s="18">
        <v>30</v>
      </c>
      <c r="E1046" s="1" t="s">
        <v>1506</v>
      </c>
      <c r="F1046" s="1" t="s">
        <v>6381</v>
      </c>
      <c r="G1046" s="1" t="s">
        <v>6382</v>
      </c>
      <c r="H1046" s="1" t="s">
        <v>6383</v>
      </c>
      <c r="I1046" s="1" t="s">
        <v>6384</v>
      </c>
      <c r="K1046" s="1" t="s">
        <v>1366</v>
      </c>
      <c r="L1046" s="1" t="s">
        <v>4940</v>
      </c>
    </row>
    <row r="1047" spans="1:12" x14ac:dyDescent="0.25">
      <c r="A1047" s="1" t="s">
        <v>6385</v>
      </c>
      <c r="B1047" s="1" t="s">
        <v>6238</v>
      </c>
      <c r="C1047" s="1" t="s">
        <v>1328</v>
      </c>
      <c r="D1047" s="18">
        <v>31</v>
      </c>
      <c r="E1047" s="1" t="s">
        <v>1512</v>
      </c>
      <c r="F1047" s="1" t="s">
        <v>6386</v>
      </c>
      <c r="G1047" s="1" t="s">
        <v>6387</v>
      </c>
      <c r="H1047" s="1" t="s">
        <v>6388</v>
      </c>
      <c r="I1047" s="1" t="s">
        <v>6389</v>
      </c>
      <c r="K1047" s="1" t="s">
        <v>1366</v>
      </c>
      <c r="L1047" s="1" t="s">
        <v>4951</v>
      </c>
    </row>
    <row r="1048" spans="1:12" x14ac:dyDescent="0.25">
      <c r="A1048" s="1" t="s">
        <v>6390</v>
      </c>
      <c r="B1048" s="1" t="s">
        <v>6238</v>
      </c>
      <c r="C1048" s="1" t="s">
        <v>1328</v>
      </c>
      <c r="D1048" s="18">
        <v>32</v>
      </c>
      <c r="E1048" s="1" t="s">
        <v>1517</v>
      </c>
      <c r="F1048" s="1" t="s">
        <v>6391</v>
      </c>
      <c r="G1048" s="1" t="s">
        <v>6392</v>
      </c>
      <c r="H1048" s="1" t="s">
        <v>6393</v>
      </c>
      <c r="I1048" s="1" t="s">
        <v>6394</v>
      </c>
      <c r="K1048" s="1" t="s">
        <v>1366</v>
      </c>
      <c r="L1048" s="1" t="s">
        <v>4946</v>
      </c>
    </row>
    <row r="1049" spans="1:12" x14ac:dyDescent="0.25">
      <c r="A1049" s="1" t="s">
        <v>6395</v>
      </c>
      <c r="B1049" s="1" t="s">
        <v>6238</v>
      </c>
      <c r="C1049" s="1" t="s">
        <v>1328</v>
      </c>
      <c r="D1049" s="18">
        <v>33</v>
      </c>
      <c r="E1049" s="1" t="s">
        <v>1523</v>
      </c>
      <c r="F1049" s="1" t="s">
        <v>6396</v>
      </c>
      <c r="G1049" s="1" t="s">
        <v>6397</v>
      </c>
      <c r="H1049" s="1" t="s">
        <v>6398</v>
      </c>
      <c r="I1049" s="1" t="s">
        <v>6399</v>
      </c>
      <c r="K1049" s="1" t="s">
        <v>1334</v>
      </c>
      <c r="L1049" s="1" t="s">
        <v>4951</v>
      </c>
    </row>
    <row r="1050" spans="1:12" x14ac:dyDescent="0.25">
      <c r="A1050" s="1" t="s">
        <v>6400</v>
      </c>
      <c r="B1050" s="1" t="s">
        <v>6238</v>
      </c>
      <c r="C1050" s="1" t="s">
        <v>1328</v>
      </c>
      <c r="D1050" s="18">
        <v>34</v>
      </c>
      <c r="E1050" s="1" t="s">
        <v>5739</v>
      </c>
      <c r="F1050" s="1" t="s">
        <v>6401</v>
      </c>
      <c r="G1050" s="1" t="s">
        <v>6402</v>
      </c>
      <c r="H1050" s="1" t="s">
        <v>6403</v>
      </c>
      <c r="I1050" s="1" t="s">
        <v>6404</v>
      </c>
      <c r="K1050" s="1" t="s">
        <v>1366</v>
      </c>
      <c r="L1050" s="1" t="s">
        <v>4940</v>
      </c>
    </row>
    <row r="1051" spans="1:12" x14ac:dyDescent="0.25">
      <c r="A1051" s="1" t="s">
        <v>6405</v>
      </c>
      <c r="B1051" s="1" t="s">
        <v>6238</v>
      </c>
      <c r="C1051" s="1" t="s">
        <v>1328</v>
      </c>
      <c r="D1051" s="18">
        <v>35</v>
      </c>
      <c r="E1051" s="1" t="s">
        <v>5908</v>
      </c>
      <c r="F1051" s="1" t="s">
        <v>6406</v>
      </c>
      <c r="G1051" s="1" t="s">
        <v>6407</v>
      </c>
      <c r="H1051" s="1" t="s">
        <v>6408</v>
      </c>
      <c r="I1051" s="1" t="s">
        <v>6409</v>
      </c>
      <c r="J1051" s="14" t="s">
        <v>5052</v>
      </c>
      <c r="K1051" s="1" t="s">
        <v>1334</v>
      </c>
      <c r="L1051" s="1" t="s">
        <v>4951</v>
      </c>
    </row>
    <row r="1052" spans="1:12" x14ac:dyDescent="0.25">
      <c r="A1052" s="1" t="s">
        <v>6410</v>
      </c>
      <c r="B1052" s="1" t="s">
        <v>6238</v>
      </c>
      <c r="C1052" s="1" t="s">
        <v>1328</v>
      </c>
      <c r="D1052" s="18">
        <v>36</v>
      </c>
      <c r="E1052" s="1" t="s">
        <v>6411</v>
      </c>
      <c r="F1052" s="1" t="s">
        <v>6412</v>
      </c>
      <c r="G1052" s="1" t="s">
        <v>6413</v>
      </c>
      <c r="H1052" s="1" t="s">
        <v>6414</v>
      </c>
      <c r="I1052" s="1" t="s">
        <v>6415</v>
      </c>
      <c r="J1052" s="14" t="s">
        <v>1726</v>
      </c>
      <c r="K1052" s="1" t="s">
        <v>1334</v>
      </c>
      <c r="L1052" s="1" t="s">
        <v>4951</v>
      </c>
    </row>
    <row r="1053" spans="1:12" x14ac:dyDescent="0.25">
      <c r="A1053" s="1" t="s">
        <v>6416</v>
      </c>
      <c r="B1053" s="1" t="s">
        <v>6238</v>
      </c>
      <c r="C1053" s="1" t="s">
        <v>1328</v>
      </c>
      <c r="D1053" s="18">
        <v>37</v>
      </c>
      <c r="E1053" s="1" t="s">
        <v>6417</v>
      </c>
      <c r="F1053" s="1" t="s">
        <v>6418</v>
      </c>
      <c r="G1053" s="1" t="s">
        <v>6419</v>
      </c>
      <c r="H1053" s="1" t="s">
        <v>6420</v>
      </c>
      <c r="I1053" s="1" t="s">
        <v>6421</v>
      </c>
      <c r="J1053" s="14" t="s">
        <v>1726</v>
      </c>
      <c r="K1053" s="1" t="s">
        <v>1334</v>
      </c>
      <c r="L1053" s="1" t="s">
        <v>4946</v>
      </c>
    </row>
    <row r="1054" spans="1:12" x14ac:dyDescent="0.25">
      <c r="A1054" s="1" t="s">
        <v>1042</v>
      </c>
      <c r="B1054" s="1" t="s">
        <v>6238</v>
      </c>
      <c r="C1054" s="1" t="s">
        <v>1328</v>
      </c>
      <c r="D1054" s="18">
        <v>38</v>
      </c>
      <c r="E1054" s="1" t="s">
        <v>6422</v>
      </c>
      <c r="F1054" s="1" t="s">
        <v>6423</v>
      </c>
      <c r="G1054" s="1" t="s">
        <v>6424</v>
      </c>
      <c r="H1054" s="1" t="s">
        <v>6425</v>
      </c>
      <c r="I1054" s="1" t="s">
        <v>6426</v>
      </c>
      <c r="K1054" s="1" t="s">
        <v>1334</v>
      </c>
      <c r="L1054" s="1" t="s">
        <v>4951</v>
      </c>
    </row>
    <row r="1055" spans="1:12" x14ac:dyDescent="0.25">
      <c r="A1055" s="1" t="s">
        <v>6427</v>
      </c>
      <c r="B1055" s="1" t="s">
        <v>6238</v>
      </c>
      <c r="C1055" s="1" t="s">
        <v>1529</v>
      </c>
      <c r="D1055" s="18">
        <v>1</v>
      </c>
      <c r="E1055" s="1" t="s">
        <v>1329</v>
      </c>
      <c r="F1055" s="1" t="s">
        <v>6428</v>
      </c>
      <c r="G1055" s="1" t="s">
        <v>6429</v>
      </c>
      <c r="H1055" s="1" t="s">
        <v>6430</v>
      </c>
      <c r="I1055" s="1" t="s">
        <v>6431</v>
      </c>
      <c r="K1055" s="1" t="s">
        <v>1366</v>
      </c>
      <c r="L1055" s="1" t="s">
        <v>4971</v>
      </c>
    </row>
    <row r="1056" spans="1:12" x14ac:dyDescent="0.25">
      <c r="A1056" s="1" t="s">
        <v>6432</v>
      </c>
      <c r="B1056" s="1" t="s">
        <v>6238</v>
      </c>
      <c r="C1056" s="1" t="s">
        <v>1529</v>
      </c>
      <c r="D1056" s="18">
        <v>2</v>
      </c>
      <c r="E1056" s="1" t="s">
        <v>1337</v>
      </c>
      <c r="F1056" s="1" t="s">
        <v>6433</v>
      </c>
      <c r="G1056" s="1" t="s">
        <v>6434</v>
      </c>
      <c r="H1056" s="1" t="s">
        <v>6435</v>
      </c>
      <c r="I1056" s="1" t="s">
        <v>6436</v>
      </c>
      <c r="K1056" s="1" t="s">
        <v>1334</v>
      </c>
      <c r="L1056" s="1" t="s">
        <v>4971</v>
      </c>
    </row>
    <row r="1057" spans="1:12" x14ac:dyDescent="0.25">
      <c r="A1057" s="1" t="s">
        <v>6437</v>
      </c>
      <c r="B1057" s="1" t="s">
        <v>6238</v>
      </c>
      <c r="C1057" s="1" t="s">
        <v>1529</v>
      </c>
      <c r="D1057" s="18">
        <v>3</v>
      </c>
      <c r="E1057" s="1" t="s">
        <v>1343</v>
      </c>
      <c r="F1057" s="1" t="s">
        <v>6438</v>
      </c>
      <c r="G1057" s="1" t="s">
        <v>6439</v>
      </c>
      <c r="H1057" s="1" t="s">
        <v>6440</v>
      </c>
      <c r="I1057" s="1" t="s">
        <v>6441</v>
      </c>
      <c r="J1057" s="14" t="s">
        <v>1726</v>
      </c>
      <c r="K1057" s="1" t="s">
        <v>1334</v>
      </c>
      <c r="L1057" s="1" t="s">
        <v>4940</v>
      </c>
    </row>
    <row r="1058" spans="1:12" x14ac:dyDescent="0.25">
      <c r="A1058" s="1" t="s">
        <v>6442</v>
      </c>
      <c r="B1058" s="1" t="s">
        <v>6238</v>
      </c>
      <c r="C1058" s="1" t="s">
        <v>1529</v>
      </c>
      <c r="D1058" s="18">
        <v>4</v>
      </c>
      <c r="E1058" s="1" t="s">
        <v>1349</v>
      </c>
      <c r="F1058" s="1" t="s">
        <v>6443</v>
      </c>
      <c r="G1058" s="1" t="s">
        <v>6444</v>
      </c>
      <c r="H1058" s="1" t="s">
        <v>6445</v>
      </c>
      <c r="I1058" s="1" t="s">
        <v>6446</v>
      </c>
      <c r="J1058" s="14" t="s">
        <v>1726</v>
      </c>
      <c r="K1058" s="1" t="s">
        <v>1334</v>
      </c>
      <c r="L1058" s="1" t="s">
        <v>4971</v>
      </c>
    </row>
    <row r="1059" spans="1:12" x14ac:dyDescent="0.25">
      <c r="A1059" s="1" t="s">
        <v>6447</v>
      </c>
      <c r="B1059" s="1" t="s">
        <v>6238</v>
      </c>
      <c r="C1059" s="1" t="s">
        <v>1529</v>
      </c>
      <c r="D1059" s="18">
        <v>5</v>
      </c>
      <c r="E1059" s="1" t="s">
        <v>1355</v>
      </c>
      <c r="F1059" s="1" t="s">
        <v>6448</v>
      </c>
      <c r="G1059" s="1" t="s">
        <v>6449</v>
      </c>
      <c r="H1059" s="1" t="s">
        <v>6450</v>
      </c>
      <c r="I1059" s="1" t="s">
        <v>6451</v>
      </c>
      <c r="K1059" s="1" t="s">
        <v>1334</v>
      </c>
      <c r="L1059" s="1" t="s">
        <v>4971</v>
      </c>
    </row>
    <row r="1060" spans="1:12" x14ac:dyDescent="0.25">
      <c r="A1060" s="1" t="s">
        <v>6452</v>
      </c>
      <c r="B1060" s="1" t="s">
        <v>6238</v>
      </c>
      <c r="C1060" s="1" t="s">
        <v>1529</v>
      </c>
      <c r="D1060" s="18">
        <v>6</v>
      </c>
      <c r="E1060" s="1" t="s">
        <v>1361</v>
      </c>
      <c r="F1060" s="1" t="s">
        <v>6453</v>
      </c>
      <c r="G1060" s="1" t="s">
        <v>6454</v>
      </c>
      <c r="H1060" s="1" t="s">
        <v>6455</v>
      </c>
      <c r="I1060" s="1" t="s">
        <v>6456</v>
      </c>
      <c r="K1060" s="1" t="s">
        <v>1334</v>
      </c>
      <c r="L1060" s="1" t="s">
        <v>4951</v>
      </c>
    </row>
    <row r="1061" spans="1:12" x14ac:dyDescent="0.25">
      <c r="A1061" s="1" t="s">
        <v>6457</v>
      </c>
      <c r="B1061" s="1" t="s">
        <v>6238</v>
      </c>
      <c r="C1061" s="1" t="s">
        <v>1529</v>
      </c>
      <c r="D1061" s="18">
        <v>7</v>
      </c>
      <c r="E1061" s="1" t="s">
        <v>1368</v>
      </c>
      <c r="F1061" s="1" t="s">
        <v>6458</v>
      </c>
      <c r="G1061" s="1" t="s">
        <v>6459</v>
      </c>
      <c r="H1061" s="1" t="s">
        <v>6460</v>
      </c>
      <c r="I1061" s="1" t="s">
        <v>6461</v>
      </c>
      <c r="K1061" s="1" t="s">
        <v>1334</v>
      </c>
      <c r="L1061" s="1" t="s">
        <v>4946</v>
      </c>
    </row>
    <row r="1062" spans="1:12" x14ac:dyDescent="0.25">
      <c r="A1062" s="1" t="s">
        <v>6462</v>
      </c>
      <c r="B1062" s="1" t="s">
        <v>6238</v>
      </c>
      <c r="C1062" s="1" t="s">
        <v>1529</v>
      </c>
      <c r="D1062" s="18">
        <v>8</v>
      </c>
      <c r="E1062" s="1" t="s">
        <v>1374</v>
      </c>
      <c r="F1062" s="1" t="s">
        <v>6463</v>
      </c>
      <c r="G1062" s="1" t="s">
        <v>6464</v>
      </c>
      <c r="H1062" s="1" t="s">
        <v>5840</v>
      </c>
      <c r="I1062" s="1" t="s">
        <v>6465</v>
      </c>
      <c r="K1062" s="1" t="s">
        <v>1366</v>
      </c>
      <c r="L1062" s="1" t="s">
        <v>4946</v>
      </c>
    </row>
    <row r="1063" spans="1:12" x14ac:dyDescent="0.25">
      <c r="A1063" s="1" t="s">
        <v>6466</v>
      </c>
      <c r="B1063" s="1" t="s">
        <v>6238</v>
      </c>
      <c r="C1063" s="1" t="s">
        <v>1529</v>
      </c>
      <c r="D1063" s="18">
        <v>9</v>
      </c>
      <c r="E1063" s="1" t="s">
        <v>1380</v>
      </c>
      <c r="F1063" s="1" t="s">
        <v>6467</v>
      </c>
      <c r="G1063" s="1" t="s">
        <v>6468</v>
      </c>
      <c r="H1063" s="1" t="s">
        <v>6469</v>
      </c>
      <c r="I1063" s="1" t="s">
        <v>6470</v>
      </c>
      <c r="K1063" s="1" t="s">
        <v>1366</v>
      </c>
      <c r="L1063" s="1" t="s">
        <v>4971</v>
      </c>
    </row>
    <row r="1064" spans="1:12" x14ac:dyDescent="0.25">
      <c r="A1064" s="1" t="s">
        <v>6471</v>
      </c>
      <c r="B1064" s="1" t="s">
        <v>6238</v>
      </c>
      <c r="C1064" s="1" t="s">
        <v>1529</v>
      </c>
      <c r="D1064" s="18">
        <v>10</v>
      </c>
      <c r="E1064" s="1" t="s">
        <v>2353</v>
      </c>
      <c r="F1064" s="1" t="s">
        <v>6472</v>
      </c>
      <c r="G1064" s="1" t="s">
        <v>6473</v>
      </c>
      <c r="H1064" s="1" t="s">
        <v>6474</v>
      </c>
      <c r="I1064" s="1" t="s">
        <v>6475</v>
      </c>
      <c r="K1064" s="1" t="s">
        <v>1334</v>
      </c>
      <c r="L1064" s="1" t="s">
        <v>4946</v>
      </c>
    </row>
    <row r="1065" spans="1:12" x14ac:dyDescent="0.25">
      <c r="A1065" s="1" t="s">
        <v>6476</v>
      </c>
      <c r="B1065" s="1" t="s">
        <v>6238</v>
      </c>
      <c r="C1065" s="1" t="s">
        <v>1529</v>
      </c>
      <c r="D1065" s="18">
        <v>11</v>
      </c>
      <c r="E1065" s="1" t="s">
        <v>2359</v>
      </c>
      <c r="F1065" s="1" t="s">
        <v>6477</v>
      </c>
      <c r="G1065" s="1" t="s">
        <v>6478</v>
      </c>
      <c r="H1065" s="1" t="s">
        <v>6479</v>
      </c>
      <c r="I1065" s="1" t="s">
        <v>6480</v>
      </c>
      <c r="K1065" s="1" t="s">
        <v>1366</v>
      </c>
      <c r="L1065" s="1" t="s">
        <v>4946</v>
      </c>
    </row>
    <row r="1066" spans="1:12" x14ac:dyDescent="0.25">
      <c r="A1066" s="1" t="s">
        <v>6481</v>
      </c>
      <c r="B1066" s="1" t="s">
        <v>6238</v>
      </c>
      <c r="C1066" s="1" t="s">
        <v>1529</v>
      </c>
      <c r="D1066" s="18">
        <v>12</v>
      </c>
      <c r="E1066" s="1" t="s">
        <v>2365</v>
      </c>
      <c r="F1066" s="1" t="s">
        <v>6482</v>
      </c>
      <c r="G1066" s="1" t="s">
        <v>6483</v>
      </c>
      <c r="H1066" s="1" t="s">
        <v>6484</v>
      </c>
      <c r="I1066" s="1" t="s">
        <v>6485</v>
      </c>
      <c r="K1066" s="1" t="s">
        <v>1334</v>
      </c>
      <c r="L1066" s="1" t="s">
        <v>4940</v>
      </c>
    </row>
    <row r="1067" spans="1:12" x14ac:dyDescent="0.25">
      <c r="A1067" s="1" t="s">
        <v>6486</v>
      </c>
      <c r="B1067" s="1" t="s">
        <v>6238</v>
      </c>
      <c r="C1067" s="1" t="s">
        <v>1529</v>
      </c>
      <c r="D1067" s="18">
        <v>13</v>
      </c>
      <c r="E1067" s="1" t="s">
        <v>2371</v>
      </c>
      <c r="F1067" s="1" t="s">
        <v>6487</v>
      </c>
      <c r="G1067" s="1" t="s">
        <v>6488</v>
      </c>
      <c r="H1067" s="1" t="s">
        <v>6489</v>
      </c>
      <c r="I1067" s="1" t="s">
        <v>6490</v>
      </c>
      <c r="K1067" s="1" t="s">
        <v>1334</v>
      </c>
      <c r="L1067" s="1" t="s">
        <v>4940</v>
      </c>
    </row>
    <row r="1068" spans="1:12" x14ac:dyDescent="0.25">
      <c r="A1068" s="1" t="s">
        <v>6491</v>
      </c>
      <c r="B1068" s="1" t="s">
        <v>6238</v>
      </c>
      <c r="C1068" s="1" t="s">
        <v>1529</v>
      </c>
      <c r="D1068" s="18">
        <v>14</v>
      </c>
      <c r="E1068" s="1" t="s">
        <v>2377</v>
      </c>
      <c r="F1068" s="1" t="s">
        <v>6492</v>
      </c>
      <c r="G1068" s="1" t="s">
        <v>6493</v>
      </c>
      <c r="H1068" s="1" t="s">
        <v>6494</v>
      </c>
      <c r="I1068" s="1" t="s">
        <v>6495</v>
      </c>
      <c r="K1068" s="1" t="s">
        <v>1366</v>
      </c>
      <c r="L1068" s="1" t="s">
        <v>4940</v>
      </c>
    </row>
    <row r="1069" spans="1:12" x14ac:dyDescent="0.25">
      <c r="A1069" s="1" t="s">
        <v>6496</v>
      </c>
      <c r="B1069" s="1" t="s">
        <v>6238</v>
      </c>
      <c r="C1069" s="1" t="s">
        <v>1529</v>
      </c>
      <c r="D1069" s="18">
        <v>15</v>
      </c>
      <c r="E1069" s="1" t="s">
        <v>2383</v>
      </c>
      <c r="F1069" s="1" t="s">
        <v>6497</v>
      </c>
      <c r="G1069" s="1" t="s">
        <v>6498</v>
      </c>
      <c r="H1069" s="1" t="s">
        <v>6499</v>
      </c>
      <c r="I1069" s="1" t="s">
        <v>6500</v>
      </c>
      <c r="K1069" s="1" t="s">
        <v>1334</v>
      </c>
      <c r="L1069" s="1" t="s">
        <v>4971</v>
      </c>
    </row>
    <row r="1070" spans="1:12" x14ac:dyDescent="0.25">
      <c r="A1070" s="1" t="s">
        <v>6501</v>
      </c>
      <c r="B1070" s="1" t="s">
        <v>6238</v>
      </c>
      <c r="C1070" s="1" t="s">
        <v>1529</v>
      </c>
      <c r="D1070" s="18">
        <v>16</v>
      </c>
      <c r="E1070" s="1" t="s">
        <v>2389</v>
      </c>
      <c r="F1070" s="1" t="s">
        <v>6502</v>
      </c>
      <c r="G1070" s="1" t="s">
        <v>6503</v>
      </c>
      <c r="H1070" s="1" t="s">
        <v>6504</v>
      </c>
      <c r="I1070" s="1" t="s">
        <v>6505</v>
      </c>
      <c r="K1070" s="1" t="s">
        <v>1334</v>
      </c>
      <c r="L1070" s="1" t="s">
        <v>4971</v>
      </c>
    </row>
    <row r="1071" spans="1:12" x14ac:dyDescent="0.25">
      <c r="A1071" s="1" t="s">
        <v>6506</v>
      </c>
      <c r="B1071" s="1" t="s">
        <v>6238</v>
      </c>
      <c r="C1071" s="1" t="s">
        <v>1529</v>
      </c>
      <c r="D1071" s="18">
        <v>17</v>
      </c>
      <c r="E1071" s="1" t="s">
        <v>2395</v>
      </c>
      <c r="F1071" s="1" t="s">
        <v>6507</v>
      </c>
      <c r="G1071" s="1" t="s">
        <v>6508</v>
      </c>
      <c r="H1071" s="1" t="s">
        <v>6509</v>
      </c>
      <c r="I1071" s="1" t="s">
        <v>6510</v>
      </c>
      <c r="K1071" s="1" t="s">
        <v>1334</v>
      </c>
      <c r="L1071" s="1" t="s">
        <v>4951</v>
      </c>
    </row>
    <row r="1072" spans="1:12" x14ac:dyDescent="0.25">
      <c r="A1072" s="1" t="s">
        <v>6511</v>
      </c>
      <c r="B1072" s="1" t="s">
        <v>6238</v>
      </c>
      <c r="C1072" s="1" t="s">
        <v>1529</v>
      </c>
      <c r="D1072" s="18">
        <v>18</v>
      </c>
      <c r="E1072" s="1" t="s">
        <v>2401</v>
      </c>
      <c r="F1072" s="1" t="s">
        <v>6512</v>
      </c>
      <c r="G1072" s="1" t="s">
        <v>6513</v>
      </c>
      <c r="H1072" s="1" t="s">
        <v>6514</v>
      </c>
      <c r="I1072" s="1" t="s">
        <v>6515</v>
      </c>
      <c r="K1072" s="1" t="s">
        <v>1366</v>
      </c>
      <c r="L1072" s="1" t="s">
        <v>4940</v>
      </c>
    </row>
    <row r="1073" spans="1:12" x14ac:dyDescent="0.25">
      <c r="A1073" s="1" t="s">
        <v>6516</v>
      </c>
      <c r="B1073" s="1" t="s">
        <v>6238</v>
      </c>
      <c r="C1073" s="1" t="s">
        <v>1529</v>
      </c>
      <c r="D1073" s="18">
        <v>19</v>
      </c>
      <c r="E1073" s="1" t="s">
        <v>2407</v>
      </c>
      <c r="F1073" s="1" t="s">
        <v>6517</v>
      </c>
      <c r="G1073" s="1" t="s">
        <v>6518</v>
      </c>
      <c r="H1073" s="1" t="s">
        <v>6519</v>
      </c>
      <c r="I1073" s="1" t="s">
        <v>6520</v>
      </c>
      <c r="K1073" s="1" t="s">
        <v>1334</v>
      </c>
      <c r="L1073" s="1" t="s">
        <v>4971</v>
      </c>
    </row>
    <row r="1074" spans="1:12" x14ac:dyDescent="0.25">
      <c r="A1074" s="1" t="s">
        <v>6521</v>
      </c>
      <c r="B1074" s="1" t="s">
        <v>6238</v>
      </c>
      <c r="C1074" s="1" t="s">
        <v>1529</v>
      </c>
      <c r="D1074" s="18">
        <v>20</v>
      </c>
      <c r="E1074" s="1" t="s">
        <v>2413</v>
      </c>
      <c r="F1074" s="1" t="s">
        <v>6522</v>
      </c>
      <c r="G1074" s="1" t="s">
        <v>6523</v>
      </c>
      <c r="H1074" s="1" t="s">
        <v>6524</v>
      </c>
      <c r="I1074" s="1" t="s">
        <v>6525</v>
      </c>
      <c r="K1074" s="1" t="s">
        <v>1334</v>
      </c>
      <c r="L1074" s="1" t="s">
        <v>4951</v>
      </c>
    </row>
    <row r="1075" spans="1:12" x14ac:dyDescent="0.25">
      <c r="A1075" s="1" t="s">
        <v>6526</v>
      </c>
      <c r="B1075" s="1" t="s">
        <v>6238</v>
      </c>
      <c r="C1075" s="1" t="s">
        <v>1529</v>
      </c>
      <c r="D1075" s="18">
        <v>21</v>
      </c>
      <c r="E1075" s="1" t="s">
        <v>2419</v>
      </c>
      <c r="F1075" s="1" t="s">
        <v>6527</v>
      </c>
      <c r="G1075" s="1" t="s">
        <v>6528</v>
      </c>
      <c r="H1075" s="1" t="s">
        <v>6529</v>
      </c>
      <c r="I1075" s="1" t="s">
        <v>6530</v>
      </c>
      <c r="K1075" s="1" t="s">
        <v>1366</v>
      </c>
      <c r="L1075" s="1" t="s">
        <v>4940</v>
      </c>
    </row>
    <row r="1076" spans="1:12" x14ac:dyDescent="0.25">
      <c r="A1076" s="1" t="s">
        <v>6531</v>
      </c>
      <c r="B1076" s="1" t="s">
        <v>6238</v>
      </c>
      <c r="C1076" s="1" t="s">
        <v>1529</v>
      </c>
      <c r="D1076" s="18">
        <v>22</v>
      </c>
      <c r="E1076" s="1" t="s">
        <v>2425</v>
      </c>
      <c r="F1076" s="1" t="s">
        <v>6532</v>
      </c>
      <c r="G1076" s="1" t="s">
        <v>6533</v>
      </c>
      <c r="H1076" s="1" t="s">
        <v>6534</v>
      </c>
      <c r="I1076" s="1" t="s">
        <v>6535</v>
      </c>
      <c r="J1076" s="14" t="s">
        <v>5052</v>
      </c>
      <c r="K1076" s="1" t="s">
        <v>1334</v>
      </c>
      <c r="L1076" s="1" t="s">
        <v>4940</v>
      </c>
    </row>
    <row r="1077" spans="1:12" x14ac:dyDescent="0.25">
      <c r="A1077" s="1" t="s">
        <v>6536</v>
      </c>
      <c r="B1077" s="1" t="s">
        <v>6238</v>
      </c>
      <c r="C1077" s="1" t="s">
        <v>1529</v>
      </c>
      <c r="D1077" s="18">
        <v>23</v>
      </c>
      <c r="E1077" s="1" t="s">
        <v>2431</v>
      </c>
      <c r="F1077" s="1" t="s">
        <v>6537</v>
      </c>
      <c r="G1077" s="1" t="s">
        <v>6538</v>
      </c>
      <c r="H1077" s="1" t="s">
        <v>6539</v>
      </c>
      <c r="I1077" s="1" t="s">
        <v>6540</v>
      </c>
      <c r="K1077" s="1" t="s">
        <v>1366</v>
      </c>
      <c r="L1077" s="1" t="s">
        <v>4971</v>
      </c>
    </row>
    <row r="1078" spans="1:12" x14ac:dyDescent="0.25">
      <c r="A1078" s="1" t="s">
        <v>6541</v>
      </c>
      <c r="B1078" s="1" t="s">
        <v>6238</v>
      </c>
      <c r="C1078" s="1" t="s">
        <v>1529</v>
      </c>
      <c r="D1078" s="18">
        <v>24</v>
      </c>
      <c r="E1078" s="1" t="s">
        <v>2437</v>
      </c>
      <c r="F1078" s="1" t="s">
        <v>6542</v>
      </c>
      <c r="G1078" s="1" t="s">
        <v>6543</v>
      </c>
      <c r="H1078" s="1" t="s">
        <v>6544</v>
      </c>
      <c r="I1078" s="1" t="s">
        <v>6545</v>
      </c>
      <c r="K1078" s="1" t="s">
        <v>1366</v>
      </c>
      <c r="L1078" s="1" t="s">
        <v>4946</v>
      </c>
    </row>
    <row r="1079" spans="1:12" x14ac:dyDescent="0.25">
      <c r="A1079" s="1" t="s">
        <v>6546</v>
      </c>
      <c r="B1079" s="1" t="s">
        <v>6238</v>
      </c>
      <c r="C1079" s="1" t="s">
        <v>1529</v>
      </c>
      <c r="D1079" s="18">
        <v>25</v>
      </c>
      <c r="E1079" s="1" t="s">
        <v>2442</v>
      </c>
      <c r="F1079" s="1" t="s">
        <v>6547</v>
      </c>
      <c r="G1079" s="1" t="s">
        <v>6548</v>
      </c>
      <c r="H1079" s="1" t="s">
        <v>6549</v>
      </c>
      <c r="I1079" s="1" t="s">
        <v>6550</v>
      </c>
      <c r="J1079" s="14" t="s">
        <v>5052</v>
      </c>
      <c r="K1079" s="1" t="s">
        <v>1334</v>
      </c>
      <c r="L1079" s="1" t="s">
        <v>4971</v>
      </c>
    </row>
    <row r="1080" spans="1:12" x14ac:dyDescent="0.25">
      <c r="A1080" s="1" t="s">
        <v>6551</v>
      </c>
      <c r="B1080" s="1" t="s">
        <v>6238</v>
      </c>
      <c r="C1080" s="1" t="s">
        <v>1529</v>
      </c>
      <c r="D1080" s="18">
        <v>26</v>
      </c>
      <c r="E1080" s="1" t="s">
        <v>2448</v>
      </c>
      <c r="F1080" s="1" t="s">
        <v>6552</v>
      </c>
      <c r="G1080" s="1" t="s">
        <v>6553</v>
      </c>
      <c r="H1080" s="1" t="s">
        <v>6339</v>
      </c>
      <c r="I1080" s="1" t="s">
        <v>6554</v>
      </c>
      <c r="K1080" s="1" t="s">
        <v>1366</v>
      </c>
      <c r="L1080" s="1" t="s">
        <v>4971</v>
      </c>
    </row>
    <row r="1081" spans="1:12" x14ac:dyDescent="0.25">
      <c r="A1081" s="1" t="s">
        <v>6555</v>
      </c>
      <c r="B1081" s="1" t="s">
        <v>6238</v>
      </c>
      <c r="C1081" s="1" t="s">
        <v>1529</v>
      </c>
      <c r="D1081" s="18">
        <v>27</v>
      </c>
      <c r="E1081" s="1" t="s">
        <v>2454</v>
      </c>
      <c r="F1081" s="1" t="s">
        <v>6556</v>
      </c>
      <c r="G1081" s="1" t="s">
        <v>6557</v>
      </c>
      <c r="H1081" s="1" t="s">
        <v>6558</v>
      </c>
      <c r="I1081" s="1" t="s">
        <v>6559</v>
      </c>
      <c r="J1081" s="14" t="s">
        <v>1726</v>
      </c>
      <c r="K1081" s="1" t="s">
        <v>1334</v>
      </c>
      <c r="L1081" s="1" t="s">
        <v>4940</v>
      </c>
    </row>
    <row r="1082" spans="1:12" x14ac:dyDescent="0.25">
      <c r="A1082" s="1" t="s">
        <v>6560</v>
      </c>
      <c r="B1082" s="1" t="s">
        <v>6238</v>
      </c>
      <c r="C1082" s="1" t="s">
        <v>1529</v>
      </c>
      <c r="D1082" s="18">
        <v>28</v>
      </c>
      <c r="E1082" s="1" t="s">
        <v>2460</v>
      </c>
      <c r="F1082" s="1" t="s">
        <v>6561</v>
      </c>
      <c r="G1082" s="1" t="s">
        <v>6562</v>
      </c>
      <c r="H1082" s="1" t="s">
        <v>6563</v>
      </c>
      <c r="I1082" s="1" t="s">
        <v>6564</v>
      </c>
      <c r="K1082" s="1" t="s">
        <v>1334</v>
      </c>
      <c r="L1082" s="1" t="s">
        <v>4940</v>
      </c>
    </row>
    <row r="1083" spans="1:12" x14ac:dyDescent="0.25">
      <c r="A1083" s="1" t="s">
        <v>6565</v>
      </c>
      <c r="B1083" s="1" t="s">
        <v>6238</v>
      </c>
      <c r="C1083" s="1" t="s">
        <v>1529</v>
      </c>
      <c r="D1083" s="18">
        <v>29</v>
      </c>
      <c r="E1083" s="1" t="s">
        <v>2466</v>
      </c>
      <c r="F1083" s="1" t="s">
        <v>6566</v>
      </c>
      <c r="G1083" s="1" t="s">
        <v>6567</v>
      </c>
      <c r="H1083" s="1" t="s">
        <v>6568</v>
      </c>
      <c r="I1083" s="1" t="s">
        <v>6569</v>
      </c>
      <c r="K1083" s="1" t="s">
        <v>1334</v>
      </c>
      <c r="L1083" s="1" t="s">
        <v>4946</v>
      </c>
    </row>
    <row r="1084" spans="1:12" x14ac:dyDescent="0.25">
      <c r="A1084" s="1" t="s">
        <v>6570</v>
      </c>
      <c r="B1084" s="1" t="s">
        <v>6238</v>
      </c>
      <c r="C1084" s="1" t="s">
        <v>1529</v>
      </c>
      <c r="D1084" s="18">
        <v>30</v>
      </c>
      <c r="E1084" s="1" t="s">
        <v>2472</v>
      </c>
      <c r="F1084" s="1" t="s">
        <v>6571</v>
      </c>
      <c r="G1084" s="1" t="s">
        <v>6572</v>
      </c>
      <c r="H1084" s="1" t="s">
        <v>6573</v>
      </c>
      <c r="I1084" s="1" t="s">
        <v>6574</v>
      </c>
      <c r="K1084" s="1" t="s">
        <v>1366</v>
      </c>
      <c r="L1084" s="1" t="s">
        <v>4946</v>
      </c>
    </row>
    <row r="1085" spans="1:12" x14ac:dyDescent="0.25">
      <c r="A1085" s="1" t="s">
        <v>6575</v>
      </c>
      <c r="B1085" s="1" t="s">
        <v>6238</v>
      </c>
      <c r="C1085" s="1" t="s">
        <v>1529</v>
      </c>
      <c r="D1085" s="18">
        <v>31</v>
      </c>
      <c r="E1085" s="1" t="s">
        <v>5411</v>
      </c>
      <c r="F1085" s="1" t="s">
        <v>6576</v>
      </c>
      <c r="G1085" s="1" t="s">
        <v>6577</v>
      </c>
      <c r="H1085" s="1" t="s">
        <v>6578</v>
      </c>
      <c r="I1085" s="1" t="s">
        <v>6579</v>
      </c>
      <c r="K1085" s="1" t="s">
        <v>1334</v>
      </c>
      <c r="L1085" s="1" t="s">
        <v>4951</v>
      </c>
    </row>
    <row r="1086" spans="1:12" x14ac:dyDescent="0.25">
      <c r="A1086" s="1" t="s">
        <v>6580</v>
      </c>
      <c r="B1086" s="1" t="s">
        <v>6238</v>
      </c>
      <c r="C1086" s="1" t="s">
        <v>1529</v>
      </c>
      <c r="D1086" s="18">
        <v>32</v>
      </c>
      <c r="E1086" s="1" t="s">
        <v>5417</v>
      </c>
      <c r="F1086" s="1" t="s">
        <v>6581</v>
      </c>
      <c r="G1086" s="1" t="s">
        <v>6582</v>
      </c>
      <c r="H1086" s="1" t="s">
        <v>6583</v>
      </c>
      <c r="I1086" s="1" t="s">
        <v>6584</v>
      </c>
      <c r="K1086" s="1" t="s">
        <v>1334</v>
      </c>
      <c r="L1086" s="1" t="s">
        <v>4971</v>
      </c>
    </row>
    <row r="1087" spans="1:12" x14ac:dyDescent="0.25">
      <c r="A1087" s="1" t="s">
        <v>6585</v>
      </c>
      <c r="B1087" s="1" t="s">
        <v>6238</v>
      </c>
      <c r="C1087" s="1" t="s">
        <v>1529</v>
      </c>
      <c r="D1087" s="18">
        <v>33</v>
      </c>
      <c r="E1087" s="1" t="s">
        <v>6586</v>
      </c>
      <c r="F1087" s="1" t="s">
        <v>6587</v>
      </c>
      <c r="G1087" s="1" t="s">
        <v>6588</v>
      </c>
      <c r="H1087" s="1" t="s">
        <v>6589</v>
      </c>
      <c r="I1087" s="1" t="s">
        <v>6590</v>
      </c>
      <c r="K1087" s="1" t="s">
        <v>1334</v>
      </c>
      <c r="L1087" s="1" t="s">
        <v>4951</v>
      </c>
    </row>
    <row r="1088" spans="1:12" x14ac:dyDescent="0.25">
      <c r="A1088" s="1" t="s">
        <v>6591</v>
      </c>
      <c r="B1088" s="1" t="s">
        <v>6238</v>
      </c>
      <c r="C1088" s="1" t="s">
        <v>1529</v>
      </c>
      <c r="D1088" s="18">
        <v>34</v>
      </c>
      <c r="E1088" s="1" t="s">
        <v>6592</v>
      </c>
      <c r="F1088" s="1" t="s">
        <v>6593</v>
      </c>
      <c r="G1088" s="1" t="s">
        <v>6594</v>
      </c>
      <c r="H1088" s="1" t="s">
        <v>6595</v>
      </c>
      <c r="I1088" s="1" t="s">
        <v>6596</v>
      </c>
      <c r="K1088" s="1" t="s">
        <v>1366</v>
      </c>
      <c r="L1088" s="1" t="s">
        <v>4940</v>
      </c>
    </row>
    <row r="1089" spans="1:12" x14ac:dyDescent="0.25">
      <c r="A1089" s="1" t="s">
        <v>6597</v>
      </c>
      <c r="B1089" s="1" t="s">
        <v>6238</v>
      </c>
      <c r="C1089" s="1" t="s">
        <v>1529</v>
      </c>
      <c r="D1089" s="18">
        <v>35</v>
      </c>
      <c r="E1089" s="1" t="s">
        <v>6598</v>
      </c>
      <c r="F1089" s="1" t="s">
        <v>6599</v>
      </c>
      <c r="G1089" s="1" t="s">
        <v>6600</v>
      </c>
      <c r="H1089" s="1" t="s">
        <v>6601</v>
      </c>
      <c r="I1089" s="1" t="s">
        <v>6602</v>
      </c>
      <c r="K1089" s="1" t="s">
        <v>1366</v>
      </c>
      <c r="L1089" s="1" t="s">
        <v>4971</v>
      </c>
    </row>
    <row r="1090" spans="1:12" x14ac:dyDescent="0.25">
      <c r="A1090" s="1" t="s">
        <v>6603</v>
      </c>
      <c r="B1090" s="1" t="s">
        <v>6238</v>
      </c>
      <c r="C1090" s="1" t="s">
        <v>1529</v>
      </c>
      <c r="D1090" s="18">
        <v>36</v>
      </c>
      <c r="E1090" s="1" t="s">
        <v>6604</v>
      </c>
      <c r="F1090" s="1" t="s">
        <v>6605</v>
      </c>
      <c r="G1090" s="1" t="s">
        <v>6606</v>
      </c>
      <c r="H1090" s="1" t="s">
        <v>6519</v>
      </c>
      <c r="I1090" s="1" t="s">
        <v>6607</v>
      </c>
      <c r="K1090" s="1" t="s">
        <v>1366</v>
      </c>
      <c r="L1090" s="1" t="s">
        <v>4951</v>
      </c>
    </row>
    <row r="1091" spans="1:12" x14ac:dyDescent="0.25">
      <c r="A1091" s="1" t="s">
        <v>1088</v>
      </c>
      <c r="B1091" s="1" t="s">
        <v>6238</v>
      </c>
      <c r="C1091" s="1" t="s">
        <v>1529</v>
      </c>
      <c r="D1091" s="18">
        <v>37</v>
      </c>
      <c r="E1091" s="1" t="s">
        <v>6608</v>
      </c>
      <c r="F1091" s="1" t="s">
        <v>6609</v>
      </c>
      <c r="G1091" s="1" t="s">
        <v>6610</v>
      </c>
      <c r="H1091" s="1" t="s">
        <v>6611</v>
      </c>
      <c r="I1091" s="1" t="s">
        <v>3663</v>
      </c>
      <c r="K1091" s="1" t="s">
        <v>1366</v>
      </c>
      <c r="L1091" s="1" t="s">
        <v>4971</v>
      </c>
    </row>
    <row r="1092" spans="1:12" x14ac:dyDescent="0.25">
      <c r="A1092" s="1" t="s">
        <v>6612</v>
      </c>
      <c r="B1092" s="1" t="s">
        <v>6238</v>
      </c>
      <c r="C1092" s="1" t="s">
        <v>1686</v>
      </c>
      <c r="D1092" s="18">
        <v>1</v>
      </c>
      <c r="E1092" s="1" t="s">
        <v>1329</v>
      </c>
      <c r="F1092" s="1" t="s">
        <v>6613</v>
      </c>
      <c r="G1092" s="1" t="s">
        <v>6614</v>
      </c>
      <c r="H1092" s="1" t="s">
        <v>6615</v>
      </c>
      <c r="I1092" s="1" t="s">
        <v>6616</v>
      </c>
      <c r="K1092" s="1" t="s">
        <v>1366</v>
      </c>
      <c r="L1092" s="1" t="s">
        <v>4940</v>
      </c>
    </row>
    <row r="1093" spans="1:12" x14ac:dyDescent="0.25">
      <c r="A1093" s="1" t="s">
        <v>6617</v>
      </c>
      <c r="B1093" s="1" t="s">
        <v>6238</v>
      </c>
      <c r="C1093" s="1" t="s">
        <v>1686</v>
      </c>
      <c r="D1093" s="18">
        <v>2</v>
      </c>
      <c r="E1093" s="1" t="s">
        <v>1337</v>
      </c>
      <c r="F1093" s="1" t="s">
        <v>6618</v>
      </c>
      <c r="G1093" s="1" t="s">
        <v>6619</v>
      </c>
      <c r="H1093" s="1" t="s">
        <v>6620</v>
      </c>
      <c r="I1093" s="1" t="s">
        <v>6621</v>
      </c>
      <c r="K1093" s="1" t="s">
        <v>1366</v>
      </c>
      <c r="L1093" s="1" t="s">
        <v>4946</v>
      </c>
    </row>
    <row r="1094" spans="1:12" x14ac:dyDescent="0.25">
      <c r="A1094" s="1" t="s">
        <v>6622</v>
      </c>
      <c r="B1094" s="1" t="s">
        <v>6238</v>
      </c>
      <c r="C1094" s="1" t="s">
        <v>1686</v>
      </c>
      <c r="D1094" s="18">
        <v>3</v>
      </c>
      <c r="E1094" s="1" t="s">
        <v>1343</v>
      </c>
      <c r="F1094" s="1" t="s">
        <v>6623</v>
      </c>
      <c r="G1094" s="1" t="s">
        <v>6624</v>
      </c>
      <c r="H1094" s="1" t="s">
        <v>6625</v>
      </c>
      <c r="I1094" s="1" t="s">
        <v>6626</v>
      </c>
      <c r="K1094" s="1" t="s">
        <v>1334</v>
      </c>
      <c r="L1094" s="1" t="s">
        <v>4946</v>
      </c>
    </row>
    <row r="1095" spans="1:12" x14ac:dyDescent="0.25">
      <c r="A1095" s="1" t="s">
        <v>6627</v>
      </c>
      <c r="B1095" s="1" t="s">
        <v>6238</v>
      </c>
      <c r="C1095" s="1" t="s">
        <v>1686</v>
      </c>
      <c r="D1095" s="18">
        <v>4</v>
      </c>
      <c r="E1095" s="1" t="s">
        <v>1349</v>
      </c>
      <c r="F1095" s="1" t="s">
        <v>6628</v>
      </c>
      <c r="G1095" s="1" t="s">
        <v>6629</v>
      </c>
      <c r="H1095" s="1" t="s">
        <v>6630</v>
      </c>
      <c r="I1095" s="1" t="s">
        <v>6631</v>
      </c>
      <c r="K1095" s="1" t="s">
        <v>1366</v>
      </c>
      <c r="L1095" s="1" t="s">
        <v>4951</v>
      </c>
    </row>
    <row r="1096" spans="1:12" x14ac:dyDescent="0.25">
      <c r="A1096" s="1" t="s">
        <v>6632</v>
      </c>
      <c r="B1096" s="1" t="s">
        <v>6238</v>
      </c>
      <c r="C1096" s="1" t="s">
        <v>1686</v>
      </c>
      <c r="D1096" s="18">
        <v>5</v>
      </c>
      <c r="E1096" s="1" t="s">
        <v>1355</v>
      </c>
      <c r="F1096" s="1" t="s">
        <v>6633</v>
      </c>
      <c r="G1096" s="1" t="s">
        <v>6634</v>
      </c>
      <c r="H1096" s="1" t="s">
        <v>6635</v>
      </c>
      <c r="I1096" s="1" t="s">
        <v>6636</v>
      </c>
      <c r="K1096" s="1" t="s">
        <v>1366</v>
      </c>
      <c r="L1096" s="1" t="s">
        <v>4946</v>
      </c>
    </row>
    <row r="1097" spans="1:12" x14ac:dyDescent="0.25">
      <c r="A1097" s="1" t="s">
        <v>6637</v>
      </c>
      <c r="B1097" s="1" t="s">
        <v>6238</v>
      </c>
      <c r="C1097" s="1" t="s">
        <v>1686</v>
      </c>
      <c r="D1097" s="18">
        <v>6</v>
      </c>
      <c r="E1097" s="1" t="s">
        <v>1361</v>
      </c>
      <c r="F1097" s="1" t="s">
        <v>6638</v>
      </c>
      <c r="G1097" s="1" t="s">
        <v>6639</v>
      </c>
      <c r="H1097" s="1" t="s">
        <v>6640</v>
      </c>
      <c r="I1097" s="1" t="s">
        <v>6641</v>
      </c>
      <c r="K1097" s="1" t="s">
        <v>1366</v>
      </c>
      <c r="L1097" s="1" t="s">
        <v>4951</v>
      </c>
    </row>
    <row r="1098" spans="1:12" x14ac:dyDescent="0.25">
      <c r="A1098" s="1" t="s">
        <v>6642</v>
      </c>
      <c r="B1098" s="1" t="s">
        <v>6238</v>
      </c>
      <c r="C1098" s="1" t="s">
        <v>1686</v>
      </c>
      <c r="D1098" s="18">
        <v>7</v>
      </c>
      <c r="E1098" s="1" t="s">
        <v>1368</v>
      </c>
      <c r="F1098" s="1" t="s">
        <v>6643</v>
      </c>
      <c r="G1098" s="1" t="s">
        <v>6644</v>
      </c>
      <c r="H1098" s="1" t="s">
        <v>6595</v>
      </c>
      <c r="I1098" s="1" t="s">
        <v>6645</v>
      </c>
      <c r="K1098" s="1" t="s">
        <v>1334</v>
      </c>
      <c r="L1098" s="1" t="s">
        <v>4940</v>
      </c>
    </row>
    <row r="1099" spans="1:12" x14ac:dyDescent="0.25">
      <c r="A1099" s="1" t="s">
        <v>6646</v>
      </c>
      <c r="B1099" s="1" t="s">
        <v>6238</v>
      </c>
      <c r="C1099" s="1" t="s">
        <v>1686</v>
      </c>
      <c r="D1099" s="18">
        <v>8</v>
      </c>
      <c r="E1099" s="1" t="s">
        <v>1374</v>
      </c>
      <c r="F1099" s="1" t="s">
        <v>6647</v>
      </c>
      <c r="G1099" s="1" t="s">
        <v>6648</v>
      </c>
      <c r="H1099" s="1" t="s">
        <v>6649</v>
      </c>
      <c r="I1099" s="1" t="s">
        <v>6650</v>
      </c>
      <c r="K1099" s="1" t="s">
        <v>1334</v>
      </c>
      <c r="L1099" s="1" t="s">
        <v>4946</v>
      </c>
    </row>
    <row r="1100" spans="1:12" x14ac:dyDescent="0.25">
      <c r="A1100" s="1" t="s">
        <v>6651</v>
      </c>
      <c r="B1100" s="1" t="s">
        <v>6238</v>
      </c>
      <c r="C1100" s="1" t="s">
        <v>1686</v>
      </c>
      <c r="D1100" s="18">
        <v>9</v>
      </c>
      <c r="E1100" s="1" t="s">
        <v>1380</v>
      </c>
      <c r="F1100" s="1" t="s">
        <v>6652</v>
      </c>
      <c r="G1100" s="1" t="s">
        <v>6653</v>
      </c>
      <c r="H1100" s="1" t="s">
        <v>6654</v>
      </c>
      <c r="I1100" s="1" t="s">
        <v>6655</v>
      </c>
      <c r="K1100" s="1" t="s">
        <v>1334</v>
      </c>
      <c r="L1100" s="1" t="s">
        <v>4946</v>
      </c>
    </row>
    <row r="1101" spans="1:12" x14ac:dyDescent="0.25">
      <c r="A1101" s="1" t="s">
        <v>6656</v>
      </c>
      <c r="B1101" s="1" t="s">
        <v>6238</v>
      </c>
      <c r="C1101" s="1" t="s">
        <v>1686</v>
      </c>
      <c r="D1101" s="18">
        <v>10</v>
      </c>
      <c r="E1101" s="1" t="s">
        <v>1386</v>
      </c>
      <c r="F1101" s="1" t="s">
        <v>6657</v>
      </c>
      <c r="G1101" s="1" t="s">
        <v>6658</v>
      </c>
      <c r="H1101" s="1" t="s">
        <v>6368</v>
      </c>
      <c r="I1101" s="1" t="s">
        <v>6659</v>
      </c>
      <c r="J1101" s="14" t="s">
        <v>1726</v>
      </c>
      <c r="K1101" s="1" t="s">
        <v>1366</v>
      </c>
      <c r="L1101" s="1" t="s">
        <v>4940</v>
      </c>
    </row>
    <row r="1102" spans="1:12" x14ac:dyDescent="0.25">
      <c r="A1102" s="1" t="s">
        <v>6660</v>
      </c>
      <c r="B1102" s="1" t="s">
        <v>6238</v>
      </c>
      <c r="C1102" s="1" t="s">
        <v>1686</v>
      </c>
      <c r="D1102" s="18">
        <v>11</v>
      </c>
      <c r="E1102" s="1" t="s">
        <v>1392</v>
      </c>
      <c r="F1102" s="1" t="s">
        <v>6661</v>
      </c>
      <c r="G1102" s="1" t="s">
        <v>6662</v>
      </c>
      <c r="H1102" s="1" t="s">
        <v>6663</v>
      </c>
      <c r="I1102" s="1" t="s">
        <v>6664</v>
      </c>
      <c r="K1102" s="1" t="s">
        <v>1366</v>
      </c>
      <c r="L1102" s="1" t="s">
        <v>4971</v>
      </c>
    </row>
    <row r="1103" spans="1:12" x14ac:dyDescent="0.25">
      <c r="A1103" s="1" t="s">
        <v>6665</v>
      </c>
      <c r="B1103" s="1" t="s">
        <v>6238</v>
      </c>
      <c r="C1103" s="1" t="s">
        <v>1686</v>
      </c>
      <c r="D1103" s="18">
        <v>12</v>
      </c>
      <c r="E1103" s="1" t="s">
        <v>1398</v>
      </c>
      <c r="F1103" s="1" t="s">
        <v>6666</v>
      </c>
      <c r="G1103" s="1" t="s">
        <v>6667</v>
      </c>
      <c r="H1103" s="1" t="s">
        <v>6649</v>
      </c>
      <c r="I1103" s="1" t="s">
        <v>6668</v>
      </c>
      <c r="K1103" s="1" t="s">
        <v>1334</v>
      </c>
      <c r="L1103" s="1" t="s">
        <v>4951</v>
      </c>
    </row>
    <row r="1104" spans="1:12" x14ac:dyDescent="0.25">
      <c r="A1104" s="1" t="s">
        <v>6669</v>
      </c>
      <c r="B1104" s="1" t="s">
        <v>6238</v>
      </c>
      <c r="C1104" s="1" t="s">
        <v>1686</v>
      </c>
      <c r="D1104" s="18">
        <v>13</v>
      </c>
      <c r="E1104" s="1" t="s">
        <v>1404</v>
      </c>
      <c r="F1104" s="1" t="s">
        <v>6670</v>
      </c>
      <c r="G1104" s="1" t="s">
        <v>6671</v>
      </c>
      <c r="H1104" s="1" t="s">
        <v>6672</v>
      </c>
      <c r="I1104" s="1" t="s">
        <v>6673</v>
      </c>
      <c r="K1104" s="1" t="s">
        <v>1334</v>
      </c>
      <c r="L1104" s="1" t="s">
        <v>4940</v>
      </c>
    </row>
    <row r="1105" spans="1:12" x14ac:dyDescent="0.25">
      <c r="A1105" s="1" t="s">
        <v>6674</v>
      </c>
      <c r="B1105" s="1" t="s">
        <v>6238</v>
      </c>
      <c r="C1105" s="1" t="s">
        <v>1686</v>
      </c>
      <c r="D1105" s="18">
        <v>14</v>
      </c>
      <c r="E1105" s="1" t="s">
        <v>1410</v>
      </c>
      <c r="F1105" s="1" t="s">
        <v>6675</v>
      </c>
      <c r="G1105" s="1" t="s">
        <v>6676</v>
      </c>
      <c r="H1105" s="1" t="s">
        <v>6677</v>
      </c>
      <c r="I1105" s="1" t="s">
        <v>6678</v>
      </c>
      <c r="K1105" s="1" t="s">
        <v>1334</v>
      </c>
      <c r="L1105" s="1" t="s">
        <v>4971</v>
      </c>
    </row>
    <row r="1106" spans="1:12" x14ac:dyDescent="0.25">
      <c r="A1106" s="1" t="s">
        <v>6679</v>
      </c>
      <c r="B1106" s="1" t="s">
        <v>6238</v>
      </c>
      <c r="C1106" s="1" t="s">
        <v>1686</v>
      </c>
      <c r="D1106" s="18">
        <v>15</v>
      </c>
      <c r="E1106" s="1" t="s">
        <v>1416</v>
      </c>
      <c r="F1106" s="1" t="s">
        <v>6680</v>
      </c>
      <c r="G1106" s="1" t="s">
        <v>6681</v>
      </c>
      <c r="H1106" s="1" t="s">
        <v>6682</v>
      </c>
      <c r="I1106" s="1" t="s">
        <v>6683</v>
      </c>
      <c r="K1106" s="1" t="s">
        <v>1366</v>
      </c>
      <c r="L1106" s="1" t="s">
        <v>4946</v>
      </c>
    </row>
    <row r="1107" spans="1:12" x14ac:dyDescent="0.25">
      <c r="A1107" s="1" t="s">
        <v>6684</v>
      </c>
      <c r="B1107" s="1" t="s">
        <v>6238</v>
      </c>
      <c r="C1107" s="1" t="s">
        <v>1686</v>
      </c>
      <c r="D1107" s="18">
        <v>16</v>
      </c>
      <c r="E1107" s="1" t="s">
        <v>1422</v>
      </c>
      <c r="F1107" s="1" t="s">
        <v>6685</v>
      </c>
      <c r="G1107" s="1" t="s">
        <v>6686</v>
      </c>
      <c r="H1107" s="1" t="s">
        <v>6687</v>
      </c>
      <c r="I1107" s="1" t="s">
        <v>6688</v>
      </c>
      <c r="K1107" s="1" t="s">
        <v>1334</v>
      </c>
      <c r="L1107" s="1" t="s">
        <v>4951</v>
      </c>
    </row>
    <row r="1108" spans="1:12" x14ac:dyDescent="0.25">
      <c r="A1108" s="1" t="s">
        <v>6689</v>
      </c>
      <c r="B1108" s="1" t="s">
        <v>6238</v>
      </c>
      <c r="C1108" s="1" t="s">
        <v>1686</v>
      </c>
      <c r="D1108" s="18">
        <v>17</v>
      </c>
      <c r="E1108" s="1" t="s">
        <v>1428</v>
      </c>
      <c r="F1108" s="1" t="s">
        <v>6690</v>
      </c>
      <c r="G1108" s="1" t="s">
        <v>6691</v>
      </c>
      <c r="H1108" s="1" t="s">
        <v>6692</v>
      </c>
      <c r="I1108" s="1" t="s">
        <v>6693</v>
      </c>
      <c r="K1108" s="1" t="s">
        <v>1334</v>
      </c>
      <c r="L1108" s="1" t="s">
        <v>4946</v>
      </c>
    </row>
    <row r="1109" spans="1:12" x14ac:dyDescent="0.25">
      <c r="A1109" s="1" t="s">
        <v>6694</v>
      </c>
      <c r="B1109" s="1" t="s">
        <v>6238</v>
      </c>
      <c r="C1109" s="1" t="s">
        <v>1686</v>
      </c>
      <c r="D1109" s="18">
        <v>18</v>
      </c>
      <c r="E1109" s="1" t="s">
        <v>1434</v>
      </c>
      <c r="F1109" s="1" t="s">
        <v>6695</v>
      </c>
      <c r="G1109" s="1" t="s">
        <v>6696</v>
      </c>
      <c r="H1109" s="1" t="s">
        <v>6697</v>
      </c>
      <c r="I1109" s="1" t="s">
        <v>6698</v>
      </c>
      <c r="K1109" s="1" t="s">
        <v>1334</v>
      </c>
      <c r="L1109" s="1" t="s">
        <v>4940</v>
      </c>
    </row>
    <row r="1110" spans="1:12" x14ac:dyDescent="0.25">
      <c r="A1110" s="1" t="s">
        <v>6699</v>
      </c>
      <c r="B1110" s="1" t="s">
        <v>6238</v>
      </c>
      <c r="C1110" s="1" t="s">
        <v>1686</v>
      </c>
      <c r="D1110" s="18">
        <v>19</v>
      </c>
      <c r="E1110" s="1" t="s">
        <v>1440</v>
      </c>
      <c r="F1110" s="1" t="s">
        <v>6700</v>
      </c>
      <c r="G1110" s="1" t="s">
        <v>6701</v>
      </c>
      <c r="H1110" s="1" t="s">
        <v>6702</v>
      </c>
      <c r="I1110" s="1" t="s">
        <v>6703</v>
      </c>
      <c r="J1110" s="14" t="s">
        <v>5052</v>
      </c>
      <c r="K1110" s="1" t="s">
        <v>1366</v>
      </c>
      <c r="L1110" s="1" t="s">
        <v>4951</v>
      </c>
    </row>
    <row r="1111" spans="1:12" x14ac:dyDescent="0.25">
      <c r="A1111" s="1" t="s">
        <v>6704</v>
      </c>
      <c r="B1111" s="1" t="s">
        <v>6238</v>
      </c>
      <c r="C1111" s="1" t="s">
        <v>1686</v>
      </c>
      <c r="D1111" s="18">
        <v>20</v>
      </c>
      <c r="E1111" s="1" t="s">
        <v>1446</v>
      </c>
      <c r="F1111" s="1" t="s">
        <v>6705</v>
      </c>
      <c r="G1111" s="1" t="s">
        <v>6706</v>
      </c>
      <c r="H1111" s="1" t="s">
        <v>6707</v>
      </c>
      <c r="I1111" s="1" t="s">
        <v>6708</v>
      </c>
      <c r="K1111" s="1" t="s">
        <v>1366</v>
      </c>
      <c r="L1111" s="1" t="s">
        <v>4946</v>
      </c>
    </row>
    <row r="1112" spans="1:12" x14ac:dyDescent="0.25">
      <c r="A1112" s="1" t="s">
        <v>6709</v>
      </c>
      <c r="B1112" s="1" t="s">
        <v>6238</v>
      </c>
      <c r="C1112" s="1" t="s">
        <v>1686</v>
      </c>
      <c r="D1112" s="18">
        <v>21</v>
      </c>
      <c r="E1112" s="1" t="s">
        <v>1452</v>
      </c>
      <c r="F1112" s="1" t="s">
        <v>6710</v>
      </c>
      <c r="G1112" s="1" t="s">
        <v>6711</v>
      </c>
      <c r="H1112" s="1" t="s">
        <v>6712</v>
      </c>
      <c r="I1112" s="1" t="s">
        <v>6713</v>
      </c>
      <c r="K1112" s="1" t="s">
        <v>1366</v>
      </c>
      <c r="L1112" s="1" t="s">
        <v>4971</v>
      </c>
    </row>
    <row r="1113" spans="1:12" x14ac:dyDescent="0.25">
      <c r="A1113" s="1" t="s">
        <v>6714</v>
      </c>
      <c r="B1113" s="1" t="s">
        <v>6238</v>
      </c>
      <c r="C1113" s="1" t="s">
        <v>1686</v>
      </c>
      <c r="D1113" s="18">
        <v>22</v>
      </c>
      <c r="E1113" s="1" t="s">
        <v>1458</v>
      </c>
      <c r="F1113" s="1" t="s">
        <v>6715</v>
      </c>
      <c r="G1113" s="1" t="s">
        <v>6716</v>
      </c>
      <c r="H1113" s="1" t="s">
        <v>6519</v>
      </c>
      <c r="I1113" s="1" t="s">
        <v>6717</v>
      </c>
      <c r="K1113" s="1" t="s">
        <v>1366</v>
      </c>
      <c r="L1113" s="1" t="s">
        <v>4946</v>
      </c>
    </row>
    <row r="1114" spans="1:12" x14ac:dyDescent="0.25">
      <c r="A1114" s="1" t="s">
        <v>6718</v>
      </c>
      <c r="B1114" s="1" t="s">
        <v>6238</v>
      </c>
      <c r="C1114" s="1" t="s">
        <v>1686</v>
      </c>
      <c r="D1114" s="18">
        <v>23</v>
      </c>
      <c r="E1114" s="1" t="s">
        <v>1464</v>
      </c>
      <c r="F1114" s="1" t="s">
        <v>6719</v>
      </c>
      <c r="G1114" s="1" t="s">
        <v>6720</v>
      </c>
      <c r="H1114" s="1" t="s">
        <v>6721</v>
      </c>
      <c r="I1114" s="1" t="s">
        <v>6722</v>
      </c>
      <c r="K1114" s="1" t="s">
        <v>1366</v>
      </c>
      <c r="L1114" s="1" t="s">
        <v>4946</v>
      </c>
    </row>
    <row r="1115" spans="1:12" x14ac:dyDescent="0.25">
      <c r="A1115" s="1" t="s">
        <v>6723</v>
      </c>
      <c r="B1115" s="1" t="s">
        <v>6238</v>
      </c>
      <c r="C1115" s="1" t="s">
        <v>1686</v>
      </c>
      <c r="D1115" s="18">
        <v>24</v>
      </c>
      <c r="E1115" s="1" t="s">
        <v>1470</v>
      </c>
      <c r="F1115" s="1" t="s">
        <v>6724</v>
      </c>
      <c r="G1115" s="1" t="s">
        <v>6725</v>
      </c>
      <c r="H1115" s="1" t="s">
        <v>6726</v>
      </c>
      <c r="I1115" s="1" t="s">
        <v>6727</v>
      </c>
      <c r="K1115" s="1" t="s">
        <v>1334</v>
      </c>
      <c r="L1115" s="1" t="s">
        <v>4946</v>
      </c>
    </row>
    <row r="1116" spans="1:12" x14ac:dyDescent="0.25">
      <c r="A1116" s="1" t="s">
        <v>6728</v>
      </c>
      <c r="B1116" s="1" t="s">
        <v>6238</v>
      </c>
      <c r="C1116" s="1" t="s">
        <v>1686</v>
      </c>
      <c r="D1116" s="18">
        <v>25</v>
      </c>
      <c r="E1116" s="1" t="s">
        <v>1476</v>
      </c>
      <c r="F1116" s="1" t="s">
        <v>6729</v>
      </c>
      <c r="G1116" s="1" t="s">
        <v>6730</v>
      </c>
      <c r="H1116" s="1" t="s">
        <v>6731</v>
      </c>
      <c r="I1116" s="1" t="s">
        <v>6732</v>
      </c>
      <c r="K1116" s="1" t="s">
        <v>1366</v>
      </c>
      <c r="L1116" s="1" t="s">
        <v>4951</v>
      </c>
    </row>
    <row r="1117" spans="1:12" x14ac:dyDescent="0.25">
      <c r="A1117" s="1" t="s">
        <v>6733</v>
      </c>
      <c r="B1117" s="1" t="s">
        <v>6238</v>
      </c>
      <c r="C1117" s="1" t="s">
        <v>1686</v>
      </c>
      <c r="D1117" s="18">
        <v>26</v>
      </c>
      <c r="E1117" s="1" t="s">
        <v>1482</v>
      </c>
      <c r="F1117" s="1" t="s">
        <v>6734</v>
      </c>
      <c r="G1117" s="1" t="s">
        <v>6735</v>
      </c>
      <c r="H1117" s="1" t="s">
        <v>6736</v>
      </c>
      <c r="I1117" s="1" t="s">
        <v>6737</v>
      </c>
      <c r="K1117" s="1" t="s">
        <v>1334</v>
      </c>
      <c r="L1117" s="1" t="s">
        <v>4971</v>
      </c>
    </row>
    <row r="1118" spans="1:12" x14ac:dyDescent="0.25">
      <c r="A1118" s="1" t="s">
        <v>6738</v>
      </c>
      <c r="B1118" s="1" t="s">
        <v>6238</v>
      </c>
      <c r="C1118" s="1" t="s">
        <v>1686</v>
      </c>
      <c r="D1118" s="18">
        <v>27</v>
      </c>
      <c r="E1118" s="1" t="s">
        <v>1488</v>
      </c>
      <c r="F1118" s="1" t="s">
        <v>6739</v>
      </c>
      <c r="G1118" s="1" t="s">
        <v>6740</v>
      </c>
      <c r="H1118" s="1" t="s">
        <v>6635</v>
      </c>
      <c r="I1118" s="1" t="s">
        <v>6741</v>
      </c>
      <c r="K1118" s="1" t="s">
        <v>1366</v>
      </c>
      <c r="L1118" s="1" t="s">
        <v>4971</v>
      </c>
    </row>
    <row r="1119" spans="1:12" x14ac:dyDescent="0.25">
      <c r="A1119" s="1" t="s">
        <v>6742</v>
      </c>
      <c r="B1119" s="1" t="s">
        <v>6238</v>
      </c>
      <c r="C1119" s="1" t="s">
        <v>1686</v>
      </c>
      <c r="D1119" s="18">
        <v>28</v>
      </c>
      <c r="E1119" s="1" t="s">
        <v>1494</v>
      </c>
      <c r="F1119" s="1" t="s">
        <v>6743</v>
      </c>
      <c r="G1119" s="1" t="s">
        <v>6744</v>
      </c>
      <c r="H1119" s="1" t="s">
        <v>6745</v>
      </c>
      <c r="I1119" s="1" t="s">
        <v>6746</v>
      </c>
      <c r="K1119" s="1" t="s">
        <v>1334</v>
      </c>
      <c r="L1119" s="1" t="s">
        <v>4951</v>
      </c>
    </row>
    <row r="1120" spans="1:12" x14ac:dyDescent="0.25">
      <c r="A1120" s="1" t="s">
        <v>6747</v>
      </c>
      <c r="B1120" s="1" t="s">
        <v>6238</v>
      </c>
      <c r="C1120" s="1" t="s">
        <v>1686</v>
      </c>
      <c r="D1120" s="18">
        <v>29</v>
      </c>
      <c r="E1120" s="1" t="s">
        <v>1500</v>
      </c>
      <c r="F1120" s="1" t="s">
        <v>6748</v>
      </c>
      <c r="G1120" s="1" t="s">
        <v>6749</v>
      </c>
      <c r="H1120" s="1" t="s">
        <v>6750</v>
      </c>
      <c r="I1120" s="1" t="s">
        <v>6751</v>
      </c>
      <c r="J1120" s="14" t="s">
        <v>5052</v>
      </c>
      <c r="K1120" s="1" t="s">
        <v>1334</v>
      </c>
      <c r="L1120" s="1" t="s">
        <v>4971</v>
      </c>
    </row>
    <row r="1121" spans="1:12" x14ac:dyDescent="0.25">
      <c r="A1121" s="1" t="s">
        <v>6752</v>
      </c>
      <c r="B1121" s="1" t="s">
        <v>6238</v>
      </c>
      <c r="C1121" s="1" t="s">
        <v>1686</v>
      </c>
      <c r="D1121" s="18">
        <v>30</v>
      </c>
      <c r="E1121" s="1" t="s">
        <v>1506</v>
      </c>
      <c r="F1121" s="1" t="s">
        <v>6753</v>
      </c>
      <c r="G1121" s="1" t="s">
        <v>6754</v>
      </c>
      <c r="H1121" s="1" t="s">
        <v>6755</v>
      </c>
      <c r="I1121" s="1" t="s">
        <v>6756</v>
      </c>
      <c r="K1121" s="1" t="s">
        <v>1334</v>
      </c>
      <c r="L1121" s="1" t="s">
        <v>4940</v>
      </c>
    </row>
    <row r="1122" spans="1:12" x14ac:dyDescent="0.25">
      <c r="A1122" s="1" t="s">
        <v>6757</v>
      </c>
      <c r="B1122" s="1" t="s">
        <v>6238</v>
      </c>
      <c r="C1122" s="1" t="s">
        <v>1686</v>
      </c>
      <c r="D1122" s="18">
        <v>31</v>
      </c>
      <c r="E1122" s="1" t="s">
        <v>1512</v>
      </c>
      <c r="F1122" s="1" t="s">
        <v>6758</v>
      </c>
      <c r="G1122" s="1" t="s">
        <v>6759</v>
      </c>
      <c r="H1122" s="1" t="s">
        <v>6760</v>
      </c>
      <c r="I1122" s="1" t="s">
        <v>6579</v>
      </c>
      <c r="K1122" s="1" t="s">
        <v>1334</v>
      </c>
      <c r="L1122" s="1" t="s">
        <v>4971</v>
      </c>
    </row>
    <row r="1123" spans="1:12" x14ac:dyDescent="0.25">
      <c r="A1123" s="1" t="s">
        <v>6761</v>
      </c>
      <c r="B1123" s="1" t="s">
        <v>6238</v>
      </c>
      <c r="C1123" s="1" t="s">
        <v>1686</v>
      </c>
      <c r="D1123" s="18">
        <v>32</v>
      </c>
      <c r="E1123" s="1" t="s">
        <v>1517</v>
      </c>
      <c r="F1123" s="1" t="s">
        <v>6762</v>
      </c>
      <c r="G1123" s="1" t="s">
        <v>6763</v>
      </c>
      <c r="H1123" s="1" t="s">
        <v>6764</v>
      </c>
      <c r="I1123" s="1" t="s">
        <v>6765</v>
      </c>
      <c r="J1123" s="14" t="s">
        <v>1726</v>
      </c>
      <c r="K1123" s="1" t="s">
        <v>1366</v>
      </c>
      <c r="L1123" s="1" t="s">
        <v>4946</v>
      </c>
    </row>
    <row r="1124" spans="1:12" x14ac:dyDescent="0.25">
      <c r="A1124" s="1" t="s">
        <v>281</v>
      </c>
      <c r="B1124" s="1" t="s">
        <v>6238</v>
      </c>
      <c r="C1124" s="1" t="s">
        <v>1686</v>
      </c>
      <c r="D1124" s="18">
        <v>33</v>
      </c>
      <c r="E1124" s="1" t="s">
        <v>1523</v>
      </c>
      <c r="F1124" s="1" t="s">
        <v>6766</v>
      </c>
      <c r="G1124" s="1" t="s">
        <v>6767</v>
      </c>
      <c r="H1124" s="1" t="s">
        <v>5731</v>
      </c>
      <c r="I1124" s="1" t="s">
        <v>6768</v>
      </c>
      <c r="K1124" s="1" t="s">
        <v>1334</v>
      </c>
      <c r="L1124" s="1" t="s">
        <v>4940</v>
      </c>
    </row>
    <row r="1125" spans="1:12" x14ac:dyDescent="0.25">
      <c r="A1125" s="1" t="s">
        <v>6769</v>
      </c>
      <c r="B1125" s="1" t="s">
        <v>6238</v>
      </c>
      <c r="C1125" s="1" t="s">
        <v>1686</v>
      </c>
      <c r="D1125" s="18">
        <v>34</v>
      </c>
      <c r="E1125" s="1" t="s">
        <v>5739</v>
      </c>
      <c r="F1125" s="1" t="s">
        <v>6770</v>
      </c>
      <c r="G1125" s="1" t="s">
        <v>6771</v>
      </c>
      <c r="H1125" s="1" t="s">
        <v>6772</v>
      </c>
      <c r="I1125" s="1" t="s">
        <v>6773</v>
      </c>
      <c r="J1125" s="14" t="s">
        <v>1726</v>
      </c>
      <c r="K1125" s="1" t="s">
        <v>1334</v>
      </c>
      <c r="L1125" s="1" t="s">
        <v>4951</v>
      </c>
    </row>
    <row r="1126" spans="1:12" x14ac:dyDescent="0.25">
      <c r="A1126" s="1" t="s">
        <v>1161</v>
      </c>
      <c r="B1126" s="1" t="s">
        <v>6238</v>
      </c>
      <c r="C1126" s="1" t="s">
        <v>1686</v>
      </c>
      <c r="D1126" s="18">
        <v>35</v>
      </c>
      <c r="E1126" s="1" t="s">
        <v>5908</v>
      </c>
      <c r="F1126" s="1" t="s">
        <v>6774</v>
      </c>
      <c r="G1126" s="1" t="s">
        <v>6775</v>
      </c>
      <c r="H1126" s="1" t="s">
        <v>6776</v>
      </c>
      <c r="I1126" s="1" t="s">
        <v>6777</v>
      </c>
      <c r="K1126" s="1" t="s">
        <v>1334</v>
      </c>
      <c r="L1126" s="1" t="s">
        <v>4971</v>
      </c>
    </row>
    <row r="1127" spans="1:12" x14ac:dyDescent="0.25">
      <c r="A1127" s="1" t="s">
        <v>6778</v>
      </c>
      <c r="B1127" s="1" t="s">
        <v>6238</v>
      </c>
      <c r="C1127" s="1" t="s">
        <v>1686</v>
      </c>
      <c r="D1127" s="18">
        <v>36</v>
      </c>
      <c r="E1127" s="1" t="s">
        <v>6411</v>
      </c>
      <c r="F1127" s="1" t="s">
        <v>6779</v>
      </c>
      <c r="G1127" s="1" t="s">
        <v>6780</v>
      </c>
      <c r="H1127" s="1" t="s">
        <v>6640</v>
      </c>
      <c r="I1127" s="1" t="s">
        <v>6781</v>
      </c>
      <c r="K1127" s="1" t="s">
        <v>1366</v>
      </c>
      <c r="L1127" s="1" t="s">
        <v>4951</v>
      </c>
    </row>
    <row r="1128" spans="1:12" x14ac:dyDescent="0.25">
      <c r="A1128" s="1" t="s">
        <v>6782</v>
      </c>
      <c r="B1128" s="1" t="s">
        <v>6238</v>
      </c>
      <c r="C1128" s="1" t="s">
        <v>1686</v>
      </c>
      <c r="D1128" s="18">
        <v>37</v>
      </c>
      <c r="E1128" s="1" t="s">
        <v>6417</v>
      </c>
      <c r="F1128" s="1" t="s">
        <v>6783</v>
      </c>
      <c r="G1128" s="1" t="s">
        <v>6784</v>
      </c>
      <c r="H1128" s="1" t="s">
        <v>6785</v>
      </c>
      <c r="I1128" s="1" t="s">
        <v>5722</v>
      </c>
      <c r="K1128" s="1" t="s">
        <v>1366</v>
      </c>
      <c r="L1128" s="1" t="s">
        <v>4946</v>
      </c>
    </row>
    <row r="1129" spans="1:12" x14ac:dyDescent="0.25">
      <c r="A1129" s="1" t="s">
        <v>1160</v>
      </c>
      <c r="B1129" s="1" t="s">
        <v>6238</v>
      </c>
      <c r="C1129" s="1" t="s">
        <v>1686</v>
      </c>
      <c r="D1129" s="18">
        <v>38</v>
      </c>
      <c r="E1129" s="1" t="s">
        <v>6422</v>
      </c>
      <c r="F1129" s="1" t="s">
        <v>6786</v>
      </c>
      <c r="G1129" s="1" t="s">
        <v>6787</v>
      </c>
      <c r="H1129" s="1" t="s">
        <v>6788</v>
      </c>
      <c r="I1129" s="1" t="s">
        <v>6789</v>
      </c>
      <c r="K1129" s="1" t="s">
        <v>1334</v>
      </c>
      <c r="L1129" s="1" t="s">
        <v>4940</v>
      </c>
    </row>
    <row r="1130" spans="1:12" x14ac:dyDescent="0.25">
      <c r="A1130" s="1" t="s">
        <v>6790</v>
      </c>
      <c r="B1130" s="1" t="s">
        <v>6238</v>
      </c>
      <c r="C1130" s="1" t="s">
        <v>1843</v>
      </c>
      <c r="D1130" s="18">
        <v>1</v>
      </c>
      <c r="E1130" s="1" t="s">
        <v>1329</v>
      </c>
      <c r="F1130" s="1" t="s">
        <v>6791</v>
      </c>
      <c r="G1130" s="1" t="s">
        <v>6792</v>
      </c>
      <c r="H1130" s="1" t="s">
        <v>6793</v>
      </c>
      <c r="I1130" s="1" t="s">
        <v>6794</v>
      </c>
      <c r="J1130" s="14" t="s">
        <v>5052</v>
      </c>
      <c r="K1130" s="1" t="s">
        <v>1334</v>
      </c>
      <c r="L1130" s="1" t="s">
        <v>4946</v>
      </c>
    </row>
    <row r="1131" spans="1:12" x14ac:dyDescent="0.25">
      <c r="A1131" s="1" t="s">
        <v>6795</v>
      </c>
      <c r="B1131" s="1" t="s">
        <v>6238</v>
      </c>
      <c r="C1131" s="1" t="s">
        <v>1843</v>
      </c>
      <c r="D1131" s="18">
        <v>2</v>
      </c>
      <c r="E1131" s="1" t="s">
        <v>1337</v>
      </c>
      <c r="F1131" s="1" t="s">
        <v>6796</v>
      </c>
      <c r="G1131" s="1" t="s">
        <v>6797</v>
      </c>
      <c r="H1131" s="1" t="s">
        <v>6798</v>
      </c>
      <c r="I1131" s="1" t="s">
        <v>6799</v>
      </c>
      <c r="K1131" s="1" t="s">
        <v>1366</v>
      </c>
      <c r="L1131" s="1" t="s">
        <v>4951</v>
      </c>
    </row>
    <row r="1132" spans="1:12" x14ac:dyDescent="0.25">
      <c r="A1132" s="1" t="s">
        <v>6800</v>
      </c>
      <c r="B1132" s="1" t="s">
        <v>6238</v>
      </c>
      <c r="C1132" s="1" t="s">
        <v>1843</v>
      </c>
      <c r="D1132" s="18">
        <v>3</v>
      </c>
      <c r="E1132" s="1" t="s">
        <v>1343</v>
      </c>
      <c r="F1132" s="1" t="s">
        <v>6801</v>
      </c>
      <c r="G1132" s="1" t="s">
        <v>6802</v>
      </c>
      <c r="H1132" s="1" t="s">
        <v>6803</v>
      </c>
      <c r="I1132" s="1" t="s">
        <v>6804</v>
      </c>
      <c r="K1132" s="1" t="s">
        <v>1366</v>
      </c>
      <c r="L1132" s="1" t="s">
        <v>4940</v>
      </c>
    </row>
    <row r="1133" spans="1:12" x14ac:dyDescent="0.25">
      <c r="A1133" s="1" t="s">
        <v>6805</v>
      </c>
      <c r="B1133" s="1" t="s">
        <v>6238</v>
      </c>
      <c r="C1133" s="1" t="s">
        <v>1843</v>
      </c>
      <c r="D1133" s="18">
        <v>4</v>
      </c>
      <c r="E1133" s="1" t="s">
        <v>1349</v>
      </c>
      <c r="F1133" s="1" t="s">
        <v>6806</v>
      </c>
      <c r="G1133" s="1" t="s">
        <v>6807</v>
      </c>
      <c r="H1133" s="1" t="s">
        <v>6808</v>
      </c>
      <c r="I1133" s="1" t="s">
        <v>6809</v>
      </c>
      <c r="K1133" s="1" t="s">
        <v>1334</v>
      </c>
      <c r="L1133" s="1" t="s">
        <v>4951</v>
      </c>
    </row>
    <row r="1134" spans="1:12" x14ac:dyDescent="0.25">
      <c r="A1134" s="1" t="s">
        <v>2164</v>
      </c>
      <c r="B1134" s="1" t="s">
        <v>6238</v>
      </c>
      <c r="C1134" s="1" t="s">
        <v>1843</v>
      </c>
      <c r="D1134" s="18">
        <v>5</v>
      </c>
      <c r="E1134" s="1" t="s">
        <v>1355</v>
      </c>
      <c r="F1134" s="1" t="s">
        <v>6810</v>
      </c>
      <c r="G1134" s="1" t="s">
        <v>6811</v>
      </c>
      <c r="H1134" s="1" t="s">
        <v>6611</v>
      </c>
      <c r="I1134" s="1" t="s">
        <v>2167</v>
      </c>
      <c r="K1134" s="1" t="s">
        <v>1334</v>
      </c>
      <c r="L1134" s="1" t="s">
        <v>4946</v>
      </c>
    </row>
    <row r="1135" spans="1:12" x14ac:dyDescent="0.25">
      <c r="A1135" s="1" t="s">
        <v>6812</v>
      </c>
      <c r="B1135" s="1" t="s">
        <v>6238</v>
      </c>
      <c r="C1135" s="1" t="s">
        <v>1843</v>
      </c>
      <c r="D1135" s="18">
        <v>6</v>
      </c>
      <c r="E1135" s="1" t="s">
        <v>1361</v>
      </c>
      <c r="F1135" s="1" t="s">
        <v>6813</v>
      </c>
      <c r="G1135" s="1" t="s">
        <v>6814</v>
      </c>
      <c r="H1135" s="1" t="s">
        <v>6815</v>
      </c>
      <c r="I1135" s="1" t="s">
        <v>6816</v>
      </c>
      <c r="K1135" s="1" t="s">
        <v>1334</v>
      </c>
      <c r="L1135" s="1" t="s">
        <v>4940</v>
      </c>
    </row>
    <row r="1136" spans="1:12" x14ac:dyDescent="0.25">
      <c r="A1136" s="1" t="s">
        <v>6817</v>
      </c>
      <c r="B1136" s="1" t="s">
        <v>6238</v>
      </c>
      <c r="C1136" s="1" t="s">
        <v>1843</v>
      </c>
      <c r="D1136" s="18">
        <v>7</v>
      </c>
      <c r="E1136" s="1" t="s">
        <v>1368</v>
      </c>
      <c r="F1136" s="1" t="s">
        <v>6818</v>
      </c>
      <c r="G1136" s="1" t="s">
        <v>6819</v>
      </c>
      <c r="H1136" s="1" t="s">
        <v>6820</v>
      </c>
      <c r="I1136" s="1" t="s">
        <v>6821</v>
      </c>
      <c r="K1136" s="1" t="s">
        <v>1334</v>
      </c>
      <c r="L1136" s="1" t="s">
        <v>4940</v>
      </c>
    </row>
    <row r="1137" spans="1:12" x14ac:dyDescent="0.25">
      <c r="A1137" s="1" t="s">
        <v>1203</v>
      </c>
      <c r="B1137" s="1" t="s">
        <v>6238</v>
      </c>
      <c r="C1137" s="1" t="s">
        <v>1843</v>
      </c>
      <c r="D1137" s="18">
        <v>8</v>
      </c>
      <c r="E1137" s="1" t="s">
        <v>1374</v>
      </c>
      <c r="F1137" s="1" t="s">
        <v>6822</v>
      </c>
      <c r="G1137" s="1" t="s">
        <v>6823</v>
      </c>
      <c r="H1137" s="1" t="s">
        <v>5850</v>
      </c>
      <c r="I1137" s="1" t="s">
        <v>6824</v>
      </c>
      <c r="K1137" s="1" t="s">
        <v>1366</v>
      </c>
      <c r="L1137" s="1" t="s">
        <v>4951</v>
      </c>
    </row>
    <row r="1138" spans="1:12" x14ac:dyDescent="0.25">
      <c r="A1138" s="1" t="s">
        <v>6825</v>
      </c>
      <c r="B1138" s="1" t="s">
        <v>6238</v>
      </c>
      <c r="C1138" s="1" t="s">
        <v>1843</v>
      </c>
      <c r="D1138" s="18">
        <v>9</v>
      </c>
      <c r="E1138" s="1" t="s">
        <v>1380</v>
      </c>
      <c r="F1138" s="1" t="s">
        <v>6826</v>
      </c>
      <c r="G1138" s="1" t="s">
        <v>6827</v>
      </c>
      <c r="H1138" s="1" t="s">
        <v>6828</v>
      </c>
      <c r="I1138" s="1" t="s">
        <v>6829</v>
      </c>
      <c r="J1138" s="14" t="s">
        <v>5052</v>
      </c>
      <c r="K1138" s="1" t="s">
        <v>1366</v>
      </c>
      <c r="L1138" s="1" t="s">
        <v>4951</v>
      </c>
    </row>
    <row r="1139" spans="1:12" x14ac:dyDescent="0.25">
      <c r="A1139" s="1" t="s">
        <v>6830</v>
      </c>
      <c r="B1139" s="1" t="s">
        <v>6238</v>
      </c>
      <c r="C1139" s="1" t="s">
        <v>1843</v>
      </c>
      <c r="D1139" s="18">
        <v>10</v>
      </c>
      <c r="E1139" s="1" t="s">
        <v>1386</v>
      </c>
      <c r="F1139" s="1" t="s">
        <v>6831</v>
      </c>
      <c r="G1139" s="1" t="s">
        <v>6832</v>
      </c>
      <c r="H1139" s="1" t="s">
        <v>6403</v>
      </c>
      <c r="I1139" s="1" t="s">
        <v>6833</v>
      </c>
      <c r="K1139" s="1" t="s">
        <v>1334</v>
      </c>
      <c r="L1139" s="1" t="s">
        <v>4971</v>
      </c>
    </row>
    <row r="1140" spans="1:12" x14ac:dyDescent="0.25">
      <c r="A1140" s="1" t="s">
        <v>156</v>
      </c>
      <c r="B1140" s="1" t="s">
        <v>6238</v>
      </c>
      <c r="C1140" s="1" t="s">
        <v>1843</v>
      </c>
      <c r="D1140" s="18">
        <v>11</v>
      </c>
      <c r="E1140" s="1" t="s">
        <v>1392</v>
      </c>
      <c r="F1140" s="1" t="s">
        <v>6834</v>
      </c>
      <c r="G1140" s="1" t="s">
        <v>6835</v>
      </c>
      <c r="H1140" s="1" t="s">
        <v>6836</v>
      </c>
      <c r="I1140" s="1" t="s">
        <v>6837</v>
      </c>
      <c r="K1140" s="1" t="s">
        <v>1334</v>
      </c>
      <c r="L1140" s="1" t="s">
        <v>4946</v>
      </c>
    </row>
    <row r="1141" spans="1:12" x14ac:dyDescent="0.25">
      <c r="A1141" s="1" t="s">
        <v>6838</v>
      </c>
      <c r="B1141" s="1" t="s">
        <v>6238</v>
      </c>
      <c r="C1141" s="1" t="s">
        <v>1843</v>
      </c>
      <c r="D1141" s="18">
        <v>12</v>
      </c>
      <c r="E1141" s="1" t="s">
        <v>1398</v>
      </c>
      <c r="F1141" s="1" t="s">
        <v>6839</v>
      </c>
      <c r="G1141" s="1" t="s">
        <v>6840</v>
      </c>
      <c r="H1141" s="1" t="s">
        <v>6841</v>
      </c>
      <c r="I1141" s="1" t="s">
        <v>6842</v>
      </c>
      <c r="K1141" s="1" t="s">
        <v>1366</v>
      </c>
      <c r="L1141" s="1" t="s">
        <v>4940</v>
      </c>
    </row>
    <row r="1142" spans="1:12" x14ac:dyDescent="0.25">
      <c r="A1142" s="1" t="s">
        <v>6843</v>
      </c>
      <c r="B1142" s="1" t="s">
        <v>6238</v>
      </c>
      <c r="C1142" s="1" t="s">
        <v>1843</v>
      </c>
      <c r="D1142" s="18">
        <v>13</v>
      </c>
      <c r="E1142" s="1" t="s">
        <v>1404</v>
      </c>
      <c r="F1142" s="1" t="s">
        <v>6844</v>
      </c>
      <c r="G1142" s="1" t="s">
        <v>6845</v>
      </c>
      <c r="H1142" s="1" t="s">
        <v>6846</v>
      </c>
      <c r="I1142" s="1" t="s">
        <v>6847</v>
      </c>
      <c r="K1142" s="1" t="s">
        <v>1334</v>
      </c>
      <c r="L1142" s="1" t="s">
        <v>4971</v>
      </c>
    </row>
    <row r="1143" spans="1:12" x14ac:dyDescent="0.25">
      <c r="A1143" s="1" t="s">
        <v>6848</v>
      </c>
      <c r="B1143" s="1" t="s">
        <v>6238</v>
      </c>
      <c r="C1143" s="1" t="s">
        <v>1843</v>
      </c>
      <c r="D1143" s="18">
        <v>14</v>
      </c>
      <c r="E1143" s="1" t="s">
        <v>1410</v>
      </c>
      <c r="F1143" s="1" t="s">
        <v>6849</v>
      </c>
      <c r="G1143" s="1" t="s">
        <v>6850</v>
      </c>
      <c r="H1143" s="1" t="s">
        <v>6851</v>
      </c>
      <c r="I1143" s="1" t="s">
        <v>6852</v>
      </c>
      <c r="K1143" s="1" t="s">
        <v>1334</v>
      </c>
      <c r="L1143" s="1" t="s">
        <v>4946</v>
      </c>
    </row>
    <row r="1144" spans="1:12" x14ac:dyDescent="0.25">
      <c r="A1144" s="1" t="s">
        <v>6853</v>
      </c>
      <c r="B1144" s="1" t="s">
        <v>6238</v>
      </c>
      <c r="C1144" s="1" t="s">
        <v>1843</v>
      </c>
      <c r="D1144" s="18">
        <v>15</v>
      </c>
      <c r="E1144" s="1" t="s">
        <v>1416</v>
      </c>
      <c r="F1144" s="1" t="s">
        <v>6854</v>
      </c>
      <c r="G1144" s="1" t="s">
        <v>6855</v>
      </c>
      <c r="H1144" s="1" t="s">
        <v>6368</v>
      </c>
      <c r="I1144" s="1" t="s">
        <v>6856</v>
      </c>
      <c r="K1144" s="1" t="s">
        <v>1366</v>
      </c>
      <c r="L1144" s="1" t="s">
        <v>4951</v>
      </c>
    </row>
    <row r="1145" spans="1:12" x14ac:dyDescent="0.25">
      <c r="A1145" s="1" t="s">
        <v>6857</v>
      </c>
      <c r="B1145" s="1" t="s">
        <v>6238</v>
      </c>
      <c r="C1145" s="1" t="s">
        <v>1843</v>
      </c>
      <c r="D1145" s="18">
        <v>16</v>
      </c>
      <c r="E1145" s="1" t="s">
        <v>1422</v>
      </c>
      <c r="F1145" s="1" t="s">
        <v>6858</v>
      </c>
      <c r="G1145" s="1" t="s">
        <v>6859</v>
      </c>
      <c r="H1145" s="1" t="s">
        <v>5840</v>
      </c>
      <c r="I1145" s="1" t="s">
        <v>6860</v>
      </c>
      <c r="K1145" s="1" t="s">
        <v>1334</v>
      </c>
      <c r="L1145" s="1" t="s">
        <v>4971</v>
      </c>
    </row>
    <row r="1146" spans="1:12" x14ac:dyDescent="0.25">
      <c r="A1146" s="1" t="s">
        <v>6861</v>
      </c>
      <c r="B1146" s="1" t="s">
        <v>6238</v>
      </c>
      <c r="C1146" s="1" t="s">
        <v>1843</v>
      </c>
      <c r="D1146" s="18">
        <v>17</v>
      </c>
      <c r="E1146" s="1" t="s">
        <v>1428</v>
      </c>
      <c r="F1146" s="1" t="s">
        <v>6862</v>
      </c>
      <c r="G1146" s="1" t="s">
        <v>6863</v>
      </c>
      <c r="H1146" s="1" t="s">
        <v>6864</v>
      </c>
      <c r="I1146" s="1" t="s">
        <v>6865</v>
      </c>
      <c r="K1146" s="1" t="s">
        <v>1334</v>
      </c>
      <c r="L1146" s="1" t="s">
        <v>4940</v>
      </c>
    </row>
    <row r="1147" spans="1:12" x14ac:dyDescent="0.25">
      <c r="A1147" s="1" t="s">
        <v>6866</v>
      </c>
      <c r="B1147" s="1" t="s">
        <v>6238</v>
      </c>
      <c r="C1147" s="1" t="s">
        <v>1843</v>
      </c>
      <c r="D1147" s="18">
        <v>18</v>
      </c>
      <c r="E1147" s="1" t="s">
        <v>1434</v>
      </c>
      <c r="F1147" s="1" t="s">
        <v>6867</v>
      </c>
      <c r="G1147" s="1" t="s">
        <v>6868</v>
      </c>
      <c r="H1147" s="1" t="s">
        <v>6815</v>
      </c>
      <c r="I1147" s="1" t="s">
        <v>6869</v>
      </c>
      <c r="K1147" s="1" t="s">
        <v>1334</v>
      </c>
      <c r="L1147" s="1" t="s">
        <v>4951</v>
      </c>
    </row>
    <row r="1148" spans="1:12" x14ac:dyDescent="0.25">
      <c r="A1148" s="1" t="s">
        <v>6870</v>
      </c>
      <c r="B1148" s="1" t="s">
        <v>6238</v>
      </c>
      <c r="C1148" s="1" t="s">
        <v>1843</v>
      </c>
      <c r="D1148" s="18">
        <v>19</v>
      </c>
      <c r="E1148" s="1" t="s">
        <v>1440</v>
      </c>
      <c r="F1148" s="1" t="s">
        <v>6871</v>
      </c>
      <c r="G1148" s="1" t="s">
        <v>6872</v>
      </c>
      <c r="H1148" s="1" t="s">
        <v>6682</v>
      </c>
      <c r="I1148" s="1" t="s">
        <v>6873</v>
      </c>
      <c r="K1148" s="1" t="s">
        <v>1366</v>
      </c>
      <c r="L1148" s="1" t="s">
        <v>4951</v>
      </c>
    </row>
    <row r="1149" spans="1:12" x14ac:dyDescent="0.25">
      <c r="A1149" s="1" t="s">
        <v>6874</v>
      </c>
      <c r="B1149" s="1" t="s">
        <v>6238</v>
      </c>
      <c r="C1149" s="1" t="s">
        <v>1843</v>
      </c>
      <c r="D1149" s="18">
        <v>20</v>
      </c>
      <c r="E1149" s="1" t="s">
        <v>1446</v>
      </c>
      <c r="F1149" s="1" t="s">
        <v>6875</v>
      </c>
      <c r="G1149" s="1" t="s">
        <v>6876</v>
      </c>
      <c r="H1149" s="1" t="s">
        <v>6877</v>
      </c>
      <c r="I1149" s="1" t="s">
        <v>6878</v>
      </c>
      <c r="K1149" s="1" t="s">
        <v>1366</v>
      </c>
      <c r="L1149" s="1" t="s">
        <v>4951</v>
      </c>
    </row>
    <row r="1150" spans="1:12" x14ac:dyDescent="0.25">
      <c r="A1150" s="1" t="s">
        <v>6879</v>
      </c>
      <c r="B1150" s="1" t="s">
        <v>6238</v>
      </c>
      <c r="C1150" s="1" t="s">
        <v>1843</v>
      </c>
      <c r="D1150" s="18">
        <v>21</v>
      </c>
      <c r="E1150" s="1" t="s">
        <v>1452</v>
      </c>
      <c r="F1150" s="1" t="s">
        <v>6880</v>
      </c>
      <c r="G1150" s="1" t="s">
        <v>6881</v>
      </c>
      <c r="H1150" s="1" t="s">
        <v>6281</v>
      </c>
      <c r="I1150" s="1" t="s">
        <v>6882</v>
      </c>
      <c r="K1150" s="1" t="s">
        <v>1366</v>
      </c>
      <c r="L1150" s="1" t="s">
        <v>4940</v>
      </c>
    </row>
    <row r="1151" spans="1:12" x14ac:dyDescent="0.25">
      <c r="A1151" s="1" t="s">
        <v>6883</v>
      </c>
      <c r="B1151" s="1" t="s">
        <v>6238</v>
      </c>
      <c r="C1151" s="1" t="s">
        <v>1843</v>
      </c>
      <c r="D1151" s="18">
        <v>22</v>
      </c>
      <c r="E1151" s="1" t="s">
        <v>1458</v>
      </c>
      <c r="F1151" s="1" t="s">
        <v>6884</v>
      </c>
      <c r="G1151" s="1" t="s">
        <v>6885</v>
      </c>
      <c r="H1151" s="1" t="s">
        <v>6803</v>
      </c>
      <c r="I1151" s="1" t="s">
        <v>6886</v>
      </c>
      <c r="K1151" s="1" t="s">
        <v>1334</v>
      </c>
      <c r="L1151" s="1" t="s">
        <v>4971</v>
      </c>
    </row>
    <row r="1152" spans="1:12" x14ac:dyDescent="0.25">
      <c r="A1152" s="1" t="s">
        <v>6887</v>
      </c>
      <c r="B1152" s="1" t="s">
        <v>6238</v>
      </c>
      <c r="C1152" s="1" t="s">
        <v>1843</v>
      </c>
      <c r="D1152" s="18">
        <v>23</v>
      </c>
      <c r="E1152" s="1" t="s">
        <v>1464</v>
      </c>
      <c r="F1152" s="1" t="s">
        <v>6888</v>
      </c>
      <c r="G1152" s="1" t="s">
        <v>6889</v>
      </c>
      <c r="H1152" s="1" t="s">
        <v>6890</v>
      </c>
      <c r="I1152" s="1" t="s">
        <v>6891</v>
      </c>
      <c r="K1152" s="1" t="s">
        <v>1334</v>
      </c>
      <c r="L1152" s="1" t="s">
        <v>4951</v>
      </c>
    </row>
    <row r="1153" spans="1:12" x14ac:dyDescent="0.25">
      <c r="A1153" s="1" t="s">
        <v>1204</v>
      </c>
      <c r="B1153" s="1" t="s">
        <v>6238</v>
      </c>
      <c r="C1153" s="1" t="s">
        <v>1843</v>
      </c>
      <c r="D1153" s="18">
        <v>24</v>
      </c>
      <c r="E1153" s="1" t="s">
        <v>1470</v>
      </c>
      <c r="F1153" s="1" t="s">
        <v>6892</v>
      </c>
      <c r="G1153" s="1" t="s">
        <v>6893</v>
      </c>
      <c r="H1153" s="1" t="s">
        <v>6894</v>
      </c>
      <c r="I1153" s="1" t="s">
        <v>6895</v>
      </c>
      <c r="K1153" s="1" t="s">
        <v>1366</v>
      </c>
      <c r="L1153" s="1" t="s">
        <v>4940</v>
      </c>
    </row>
    <row r="1154" spans="1:12" x14ac:dyDescent="0.25">
      <c r="A1154" s="1" t="s">
        <v>6896</v>
      </c>
      <c r="B1154" s="1" t="s">
        <v>6238</v>
      </c>
      <c r="C1154" s="1" t="s">
        <v>1843</v>
      </c>
      <c r="D1154" s="18">
        <v>25</v>
      </c>
      <c r="E1154" s="1" t="s">
        <v>1476</v>
      </c>
      <c r="F1154" s="1" t="s">
        <v>6897</v>
      </c>
      <c r="G1154" s="1" t="s">
        <v>6898</v>
      </c>
      <c r="H1154" s="1" t="s">
        <v>6899</v>
      </c>
      <c r="I1154" s="1" t="s">
        <v>6900</v>
      </c>
      <c r="K1154" s="1" t="s">
        <v>1334</v>
      </c>
      <c r="L1154" s="1" t="s">
        <v>4946</v>
      </c>
    </row>
    <row r="1155" spans="1:12" x14ac:dyDescent="0.25">
      <c r="A1155" s="1" t="s">
        <v>6901</v>
      </c>
      <c r="B1155" s="1" t="s">
        <v>6238</v>
      </c>
      <c r="C1155" s="1" t="s">
        <v>1843</v>
      </c>
      <c r="D1155" s="18">
        <v>26</v>
      </c>
      <c r="E1155" s="1" t="s">
        <v>1482</v>
      </c>
      <c r="F1155" s="1" t="s">
        <v>6902</v>
      </c>
      <c r="G1155" s="1" t="s">
        <v>6903</v>
      </c>
      <c r="H1155" s="1" t="s">
        <v>6904</v>
      </c>
      <c r="I1155" s="1" t="s">
        <v>6905</v>
      </c>
      <c r="J1155" s="14" t="s">
        <v>5052</v>
      </c>
      <c r="K1155" s="1" t="s">
        <v>1334</v>
      </c>
      <c r="L1155" s="1" t="s">
        <v>4940</v>
      </c>
    </row>
    <row r="1156" spans="1:12" x14ac:dyDescent="0.25">
      <c r="A1156" s="1" t="s">
        <v>6906</v>
      </c>
      <c r="B1156" s="1" t="s">
        <v>6238</v>
      </c>
      <c r="C1156" s="1" t="s">
        <v>1843</v>
      </c>
      <c r="D1156" s="18">
        <v>27</v>
      </c>
      <c r="E1156" s="1" t="s">
        <v>1488</v>
      </c>
      <c r="F1156" s="1" t="s">
        <v>6907</v>
      </c>
      <c r="G1156" s="1" t="s">
        <v>6908</v>
      </c>
      <c r="H1156" s="1" t="s">
        <v>6909</v>
      </c>
      <c r="I1156" s="1" t="s">
        <v>6910</v>
      </c>
      <c r="J1156" s="14" t="s">
        <v>1726</v>
      </c>
      <c r="K1156" s="1" t="s">
        <v>1366</v>
      </c>
      <c r="L1156" s="1" t="s">
        <v>4940</v>
      </c>
    </row>
    <row r="1157" spans="1:12" x14ac:dyDescent="0.25">
      <c r="A1157" s="1" t="s">
        <v>6911</v>
      </c>
      <c r="B1157" s="1" t="s">
        <v>6238</v>
      </c>
      <c r="C1157" s="1" t="s">
        <v>1843</v>
      </c>
      <c r="D1157" s="18">
        <v>28</v>
      </c>
      <c r="E1157" s="1" t="s">
        <v>1494</v>
      </c>
      <c r="F1157" s="1" t="s">
        <v>6912</v>
      </c>
      <c r="G1157" s="1" t="s">
        <v>6913</v>
      </c>
      <c r="H1157" s="1" t="s">
        <v>6914</v>
      </c>
      <c r="I1157" s="1" t="s">
        <v>6915</v>
      </c>
      <c r="J1157" s="14" t="s">
        <v>1726</v>
      </c>
      <c r="K1157" s="1" t="s">
        <v>1366</v>
      </c>
      <c r="L1157" s="1" t="s">
        <v>4951</v>
      </c>
    </row>
    <row r="1158" spans="1:12" x14ac:dyDescent="0.25">
      <c r="A1158" s="1" t="s">
        <v>6916</v>
      </c>
      <c r="B1158" s="1" t="s">
        <v>6238</v>
      </c>
      <c r="C1158" s="1" t="s">
        <v>1843</v>
      </c>
      <c r="D1158" s="18">
        <v>29</v>
      </c>
      <c r="E1158" s="1" t="s">
        <v>1500</v>
      </c>
      <c r="F1158" s="1" t="s">
        <v>6917</v>
      </c>
      <c r="G1158" s="1" t="s">
        <v>6918</v>
      </c>
      <c r="H1158" s="1" t="s">
        <v>6914</v>
      </c>
      <c r="I1158" s="1" t="s">
        <v>6919</v>
      </c>
      <c r="K1158" s="1" t="s">
        <v>1334</v>
      </c>
      <c r="L1158" s="1" t="s">
        <v>4971</v>
      </c>
    </row>
    <row r="1159" spans="1:12" x14ac:dyDescent="0.25">
      <c r="A1159" s="1" t="s">
        <v>6920</v>
      </c>
      <c r="B1159" s="1" t="s">
        <v>6238</v>
      </c>
      <c r="C1159" s="1" t="s">
        <v>1843</v>
      </c>
      <c r="D1159" s="18">
        <v>30</v>
      </c>
      <c r="E1159" s="1" t="s">
        <v>1506</v>
      </c>
      <c r="F1159" s="1" t="s">
        <v>6921</v>
      </c>
      <c r="G1159" s="1" t="s">
        <v>6922</v>
      </c>
      <c r="H1159" s="1" t="s">
        <v>6923</v>
      </c>
      <c r="I1159" s="1" t="s">
        <v>6924</v>
      </c>
      <c r="K1159" s="1" t="s">
        <v>1334</v>
      </c>
      <c r="L1159" s="1" t="s">
        <v>4951</v>
      </c>
    </row>
    <row r="1160" spans="1:12" x14ac:dyDescent="0.25">
      <c r="A1160" s="1" t="s">
        <v>6925</v>
      </c>
      <c r="B1160" s="1" t="s">
        <v>6238</v>
      </c>
      <c r="C1160" s="1" t="s">
        <v>1843</v>
      </c>
      <c r="D1160" s="18">
        <v>31</v>
      </c>
      <c r="E1160" s="1" t="s">
        <v>1512</v>
      </c>
      <c r="F1160" s="1" t="s">
        <v>6926</v>
      </c>
      <c r="G1160" s="1" t="s">
        <v>6927</v>
      </c>
      <c r="H1160" s="1" t="s">
        <v>6276</v>
      </c>
      <c r="I1160" s="1" t="s">
        <v>6928</v>
      </c>
      <c r="K1160" s="1" t="s">
        <v>1366</v>
      </c>
      <c r="L1160" s="1" t="s">
        <v>4971</v>
      </c>
    </row>
    <row r="1161" spans="1:12" x14ac:dyDescent="0.25">
      <c r="A1161" s="1" t="s">
        <v>3672</v>
      </c>
      <c r="B1161" s="1" t="s">
        <v>6238</v>
      </c>
      <c r="C1161" s="1" t="s">
        <v>1843</v>
      </c>
      <c r="D1161" s="18">
        <v>32</v>
      </c>
      <c r="E1161" s="1" t="s">
        <v>1517</v>
      </c>
      <c r="F1161" s="1" t="s">
        <v>6929</v>
      </c>
      <c r="G1161" s="1" t="s">
        <v>6930</v>
      </c>
      <c r="H1161" s="1" t="s">
        <v>6692</v>
      </c>
      <c r="I1161" s="1" t="s">
        <v>6931</v>
      </c>
      <c r="K1161" s="1" t="s">
        <v>1366</v>
      </c>
      <c r="L1161" s="1" t="s">
        <v>4946</v>
      </c>
    </row>
    <row r="1162" spans="1:12" x14ac:dyDescent="0.25">
      <c r="A1162" s="1" t="s">
        <v>6932</v>
      </c>
      <c r="B1162" s="1" t="s">
        <v>6238</v>
      </c>
      <c r="C1162" s="1" t="s">
        <v>1843</v>
      </c>
      <c r="D1162" s="18">
        <v>33</v>
      </c>
      <c r="E1162" s="1" t="s">
        <v>1523</v>
      </c>
      <c r="F1162" s="1" t="s">
        <v>6933</v>
      </c>
      <c r="G1162" s="1" t="s">
        <v>6934</v>
      </c>
      <c r="H1162" s="1" t="s">
        <v>6935</v>
      </c>
      <c r="I1162" s="1" t="s">
        <v>6936</v>
      </c>
      <c r="K1162" s="1" t="s">
        <v>1334</v>
      </c>
      <c r="L1162" s="1" t="s">
        <v>4940</v>
      </c>
    </row>
    <row r="1163" spans="1:12" x14ac:dyDescent="0.25">
      <c r="A1163" s="1" t="s">
        <v>6937</v>
      </c>
      <c r="B1163" s="1" t="s">
        <v>6238</v>
      </c>
      <c r="C1163" s="1" t="s">
        <v>1843</v>
      </c>
      <c r="D1163" s="18">
        <v>34</v>
      </c>
      <c r="E1163" s="1" t="s">
        <v>5739</v>
      </c>
      <c r="F1163" s="1" t="s">
        <v>6938</v>
      </c>
      <c r="G1163" s="1" t="s">
        <v>6939</v>
      </c>
      <c r="H1163" s="1" t="s">
        <v>6640</v>
      </c>
      <c r="I1163" s="1" t="s">
        <v>6940</v>
      </c>
      <c r="K1163" s="1" t="s">
        <v>1334</v>
      </c>
      <c r="L1163" s="1" t="s">
        <v>4946</v>
      </c>
    </row>
    <row r="1164" spans="1:12" x14ac:dyDescent="0.25">
      <c r="A1164" s="1" t="s">
        <v>6941</v>
      </c>
      <c r="B1164" s="1" t="s">
        <v>6238</v>
      </c>
      <c r="C1164" s="1" t="s">
        <v>1843</v>
      </c>
      <c r="D1164" s="18">
        <v>35</v>
      </c>
      <c r="E1164" s="1" t="s">
        <v>5908</v>
      </c>
      <c r="F1164" s="1" t="s">
        <v>6942</v>
      </c>
      <c r="G1164" s="1" t="s">
        <v>6943</v>
      </c>
      <c r="H1164" s="1" t="s">
        <v>6944</v>
      </c>
      <c r="I1164" s="1" t="s">
        <v>6945</v>
      </c>
      <c r="K1164" s="1" t="s">
        <v>1334</v>
      </c>
      <c r="L1164" s="1" t="s">
        <v>4946</v>
      </c>
    </row>
    <row r="1165" spans="1:12" x14ac:dyDescent="0.25">
      <c r="A1165" s="1" t="s">
        <v>6946</v>
      </c>
      <c r="B1165" s="1" t="s">
        <v>6238</v>
      </c>
      <c r="C1165" s="1" t="s">
        <v>1843</v>
      </c>
      <c r="D1165" s="18">
        <v>36</v>
      </c>
      <c r="E1165" s="1" t="s">
        <v>6411</v>
      </c>
      <c r="F1165" s="1" t="s">
        <v>6947</v>
      </c>
      <c r="G1165" s="1" t="s">
        <v>6948</v>
      </c>
      <c r="H1165" s="1" t="s">
        <v>6949</v>
      </c>
      <c r="I1165" s="1" t="s">
        <v>6950</v>
      </c>
      <c r="J1165" s="14" t="s">
        <v>1726</v>
      </c>
      <c r="K1165" s="1" t="s">
        <v>1366</v>
      </c>
      <c r="L1165" s="1" t="s">
        <v>4946</v>
      </c>
    </row>
    <row r="1166" spans="1:12" x14ac:dyDescent="0.25">
      <c r="A1166" s="1" t="s">
        <v>6951</v>
      </c>
      <c r="B1166" s="1" t="s">
        <v>6238</v>
      </c>
      <c r="C1166" s="1" t="s">
        <v>1843</v>
      </c>
      <c r="D1166" s="18">
        <v>37</v>
      </c>
      <c r="E1166" s="1" t="s">
        <v>6417</v>
      </c>
      <c r="F1166" s="1" t="s">
        <v>6952</v>
      </c>
      <c r="G1166" s="1" t="s">
        <v>6953</v>
      </c>
      <c r="H1166" s="1" t="s">
        <v>6954</v>
      </c>
      <c r="I1166" s="1" t="s">
        <v>6955</v>
      </c>
      <c r="K1166" s="1" t="s">
        <v>1366</v>
      </c>
      <c r="L1166" s="1" t="s">
        <v>4951</v>
      </c>
    </row>
    <row r="1167" spans="1:12" x14ac:dyDescent="0.25">
      <c r="A1167" s="1" t="s">
        <v>6956</v>
      </c>
      <c r="B1167" s="1" t="s">
        <v>6957</v>
      </c>
      <c r="C1167" s="1" t="s">
        <v>1328</v>
      </c>
      <c r="D1167" s="18">
        <v>1</v>
      </c>
      <c r="E1167" s="1" t="s">
        <v>1329</v>
      </c>
      <c r="F1167" s="1" t="s">
        <v>6958</v>
      </c>
      <c r="G1167" s="1" t="s">
        <v>6959</v>
      </c>
      <c r="H1167" s="1" t="s">
        <v>6960</v>
      </c>
      <c r="I1167" s="1" t="s">
        <v>6961</v>
      </c>
      <c r="J1167" s="14" t="s">
        <v>5052</v>
      </c>
      <c r="K1167" s="1" t="s">
        <v>1334</v>
      </c>
      <c r="L1167" s="1" t="s">
        <v>4946</v>
      </c>
    </row>
    <row r="1168" spans="1:12" x14ac:dyDescent="0.25">
      <c r="A1168" s="1" t="s">
        <v>6962</v>
      </c>
      <c r="B1168" s="1" t="s">
        <v>6957</v>
      </c>
      <c r="C1168" s="1" t="s">
        <v>1328</v>
      </c>
      <c r="D1168" s="18">
        <v>2</v>
      </c>
      <c r="E1168" s="1" t="s">
        <v>1337</v>
      </c>
      <c r="F1168" s="1" t="s">
        <v>6963</v>
      </c>
      <c r="G1168" s="1" t="s">
        <v>6964</v>
      </c>
      <c r="H1168" s="1" t="s">
        <v>6965</v>
      </c>
      <c r="I1168" s="1" t="s">
        <v>6966</v>
      </c>
      <c r="K1168" s="1" t="s">
        <v>1334</v>
      </c>
      <c r="L1168" s="1" t="s">
        <v>4940</v>
      </c>
    </row>
    <row r="1169" spans="1:12" x14ac:dyDescent="0.25">
      <c r="A1169" s="1" t="s">
        <v>6967</v>
      </c>
      <c r="B1169" s="1" t="s">
        <v>6957</v>
      </c>
      <c r="C1169" s="1" t="s">
        <v>1328</v>
      </c>
      <c r="D1169" s="18">
        <v>3</v>
      </c>
      <c r="E1169" s="1" t="s">
        <v>1343</v>
      </c>
      <c r="F1169" s="1" t="s">
        <v>6968</v>
      </c>
      <c r="G1169" s="1" t="s">
        <v>6969</v>
      </c>
      <c r="H1169" s="1" t="s">
        <v>6970</v>
      </c>
      <c r="I1169" s="1" t="s">
        <v>6971</v>
      </c>
      <c r="K1169" s="1" t="s">
        <v>1366</v>
      </c>
      <c r="L1169" s="1" t="s">
        <v>4951</v>
      </c>
    </row>
    <row r="1170" spans="1:12" x14ac:dyDescent="0.25">
      <c r="A1170" s="1" t="s">
        <v>6972</v>
      </c>
      <c r="B1170" s="1" t="s">
        <v>6957</v>
      </c>
      <c r="C1170" s="1" t="s">
        <v>1328</v>
      </c>
      <c r="D1170" s="18">
        <v>4</v>
      </c>
      <c r="E1170" s="1" t="s">
        <v>1349</v>
      </c>
      <c r="F1170" s="1" t="s">
        <v>6973</v>
      </c>
      <c r="G1170" s="1" t="s">
        <v>6974</v>
      </c>
      <c r="H1170" s="1" t="s">
        <v>6731</v>
      </c>
      <c r="I1170" s="1" t="s">
        <v>6975</v>
      </c>
      <c r="K1170" s="1" t="s">
        <v>1334</v>
      </c>
      <c r="L1170" s="1" t="s">
        <v>4940</v>
      </c>
    </row>
    <row r="1171" spans="1:12" x14ac:dyDescent="0.25">
      <c r="A1171" s="1" t="s">
        <v>6976</v>
      </c>
      <c r="B1171" s="1" t="s">
        <v>6957</v>
      </c>
      <c r="C1171" s="1" t="s">
        <v>1328</v>
      </c>
      <c r="D1171" s="18">
        <v>5</v>
      </c>
      <c r="E1171" s="1" t="s">
        <v>1355</v>
      </c>
      <c r="F1171" s="1" t="s">
        <v>6977</v>
      </c>
      <c r="G1171" s="1" t="s">
        <v>6978</v>
      </c>
      <c r="H1171" s="1" t="s">
        <v>6979</v>
      </c>
      <c r="I1171" s="1" t="s">
        <v>6980</v>
      </c>
      <c r="K1171" s="1" t="s">
        <v>1366</v>
      </c>
      <c r="L1171" s="1" t="s">
        <v>4971</v>
      </c>
    </row>
    <row r="1172" spans="1:12" x14ac:dyDescent="0.25">
      <c r="A1172" s="1" t="s">
        <v>6981</v>
      </c>
      <c r="B1172" s="1" t="s">
        <v>6957</v>
      </c>
      <c r="C1172" s="1" t="s">
        <v>1328</v>
      </c>
      <c r="D1172" s="18">
        <v>6</v>
      </c>
      <c r="E1172" s="1" t="s">
        <v>1361</v>
      </c>
      <c r="F1172" s="1" t="s">
        <v>6982</v>
      </c>
      <c r="G1172" s="1" t="s">
        <v>6983</v>
      </c>
      <c r="H1172" s="1" t="s">
        <v>6984</v>
      </c>
      <c r="I1172" s="1" t="s">
        <v>6985</v>
      </c>
      <c r="K1172" s="1" t="s">
        <v>1334</v>
      </c>
      <c r="L1172" s="1" t="s">
        <v>4946</v>
      </c>
    </row>
    <row r="1173" spans="1:12" x14ac:dyDescent="0.25">
      <c r="A1173" s="1" t="s">
        <v>1043</v>
      </c>
      <c r="B1173" s="1" t="s">
        <v>6957</v>
      </c>
      <c r="C1173" s="1" t="s">
        <v>1328</v>
      </c>
      <c r="D1173" s="18">
        <v>7</v>
      </c>
      <c r="E1173" s="1" t="s">
        <v>1368</v>
      </c>
      <c r="F1173" s="1" t="s">
        <v>6986</v>
      </c>
      <c r="G1173" s="1" t="s">
        <v>6987</v>
      </c>
      <c r="H1173" s="1" t="s">
        <v>6988</v>
      </c>
      <c r="I1173" s="1" t="s">
        <v>6989</v>
      </c>
      <c r="K1173" s="1" t="s">
        <v>1334</v>
      </c>
      <c r="L1173" s="1" t="s">
        <v>4940</v>
      </c>
    </row>
    <row r="1174" spans="1:12" x14ac:dyDescent="0.25">
      <c r="A1174" s="1" t="s">
        <v>6990</v>
      </c>
      <c r="B1174" s="1" t="s">
        <v>6957</v>
      </c>
      <c r="C1174" s="1" t="s">
        <v>1328</v>
      </c>
      <c r="D1174" s="18">
        <v>8</v>
      </c>
      <c r="E1174" s="1" t="s">
        <v>1374</v>
      </c>
      <c r="F1174" s="1" t="s">
        <v>6991</v>
      </c>
      <c r="G1174" s="1" t="s">
        <v>6992</v>
      </c>
      <c r="H1174" s="1" t="s">
        <v>6993</v>
      </c>
      <c r="I1174" s="1" t="s">
        <v>6994</v>
      </c>
      <c r="K1174" s="1" t="s">
        <v>1366</v>
      </c>
      <c r="L1174" s="1" t="s">
        <v>4940</v>
      </c>
    </row>
    <row r="1175" spans="1:12" x14ac:dyDescent="0.25">
      <c r="A1175" s="1" t="s">
        <v>6995</v>
      </c>
      <c r="B1175" s="1" t="s">
        <v>6957</v>
      </c>
      <c r="C1175" s="1" t="s">
        <v>1328</v>
      </c>
      <c r="D1175" s="18">
        <v>9</v>
      </c>
      <c r="E1175" s="1" t="s">
        <v>1380</v>
      </c>
      <c r="F1175" s="1" t="s">
        <v>6996</v>
      </c>
      <c r="G1175" s="1" t="s">
        <v>6997</v>
      </c>
      <c r="H1175" s="1" t="s">
        <v>6998</v>
      </c>
      <c r="I1175" s="1" t="s">
        <v>6999</v>
      </c>
      <c r="K1175" s="1" t="s">
        <v>1366</v>
      </c>
      <c r="L1175" s="1" t="s">
        <v>4951</v>
      </c>
    </row>
    <row r="1176" spans="1:12" x14ac:dyDescent="0.25">
      <c r="A1176" s="1" t="s">
        <v>474</v>
      </c>
      <c r="B1176" s="1" t="s">
        <v>6957</v>
      </c>
      <c r="C1176" s="1" t="s">
        <v>1328</v>
      </c>
      <c r="D1176" s="18">
        <v>10</v>
      </c>
      <c r="E1176" s="1" t="s">
        <v>1386</v>
      </c>
      <c r="F1176" s="1" t="s">
        <v>7000</v>
      </c>
      <c r="G1176" s="1" t="s">
        <v>7001</v>
      </c>
      <c r="H1176" s="1" t="s">
        <v>7002</v>
      </c>
      <c r="I1176" s="1" t="s">
        <v>7003</v>
      </c>
      <c r="K1176" s="1" t="s">
        <v>1366</v>
      </c>
      <c r="L1176" s="1" t="s">
        <v>4951</v>
      </c>
    </row>
    <row r="1177" spans="1:12" x14ac:dyDescent="0.25">
      <c r="A1177" s="1" t="s">
        <v>7004</v>
      </c>
      <c r="B1177" s="1" t="s">
        <v>6957</v>
      </c>
      <c r="C1177" s="1" t="s">
        <v>1328</v>
      </c>
      <c r="D1177" s="18">
        <v>11</v>
      </c>
      <c r="E1177" s="1" t="s">
        <v>1392</v>
      </c>
      <c r="F1177" s="1" t="s">
        <v>7005</v>
      </c>
      <c r="G1177" s="1" t="s">
        <v>7006</v>
      </c>
      <c r="H1177" s="1" t="s">
        <v>7007</v>
      </c>
      <c r="I1177" s="1" t="s">
        <v>7008</v>
      </c>
      <c r="K1177" s="1" t="s">
        <v>1366</v>
      </c>
      <c r="L1177" s="1" t="s">
        <v>4940</v>
      </c>
    </row>
    <row r="1178" spans="1:12" x14ac:dyDescent="0.25">
      <c r="A1178" s="1" t="s">
        <v>7009</v>
      </c>
      <c r="B1178" s="1" t="s">
        <v>6957</v>
      </c>
      <c r="C1178" s="1" t="s">
        <v>1328</v>
      </c>
      <c r="D1178" s="18">
        <v>12</v>
      </c>
      <c r="E1178" s="1" t="s">
        <v>1398</v>
      </c>
      <c r="F1178" s="1" t="s">
        <v>7010</v>
      </c>
      <c r="G1178" s="1" t="s">
        <v>7011</v>
      </c>
      <c r="H1178" s="1" t="s">
        <v>7012</v>
      </c>
      <c r="I1178" s="1" t="s">
        <v>7013</v>
      </c>
      <c r="K1178" s="1" t="s">
        <v>1334</v>
      </c>
      <c r="L1178" s="1" t="s">
        <v>4940</v>
      </c>
    </row>
    <row r="1179" spans="1:12" x14ac:dyDescent="0.25">
      <c r="A1179" s="1" t="s">
        <v>7014</v>
      </c>
      <c r="B1179" s="1" t="s">
        <v>6957</v>
      </c>
      <c r="C1179" s="1" t="s">
        <v>1328</v>
      </c>
      <c r="D1179" s="18">
        <v>13</v>
      </c>
      <c r="E1179" s="1" t="s">
        <v>1404</v>
      </c>
      <c r="F1179" s="1" t="s">
        <v>7015</v>
      </c>
      <c r="G1179" s="1" t="s">
        <v>7016</v>
      </c>
      <c r="H1179" s="1" t="s">
        <v>7017</v>
      </c>
      <c r="I1179" s="1" t="s">
        <v>7018</v>
      </c>
      <c r="K1179" s="1" t="s">
        <v>1366</v>
      </c>
      <c r="L1179" s="1" t="s">
        <v>4971</v>
      </c>
    </row>
    <row r="1180" spans="1:12" x14ac:dyDescent="0.25">
      <c r="A1180" s="1" t="s">
        <v>7019</v>
      </c>
      <c r="B1180" s="1" t="s">
        <v>6957</v>
      </c>
      <c r="C1180" s="1" t="s">
        <v>1328</v>
      </c>
      <c r="D1180" s="18">
        <v>14</v>
      </c>
      <c r="E1180" s="1" t="s">
        <v>1410</v>
      </c>
      <c r="F1180" s="1" t="s">
        <v>7020</v>
      </c>
      <c r="G1180" s="1" t="s">
        <v>7021</v>
      </c>
      <c r="H1180" s="1" t="s">
        <v>7022</v>
      </c>
      <c r="I1180" s="1" t="s">
        <v>7023</v>
      </c>
      <c r="J1180" s="14" t="s">
        <v>5052</v>
      </c>
      <c r="K1180" s="1" t="s">
        <v>1366</v>
      </c>
      <c r="L1180" s="1" t="s">
        <v>4951</v>
      </c>
    </row>
    <row r="1181" spans="1:12" x14ac:dyDescent="0.25">
      <c r="A1181" s="1" t="s">
        <v>7024</v>
      </c>
      <c r="B1181" s="1" t="s">
        <v>6957</v>
      </c>
      <c r="C1181" s="1" t="s">
        <v>1328</v>
      </c>
      <c r="D1181" s="18">
        <v>15</v>
      </c>
      <c r="E1181" s="1" t="s">
        <v>1416</v>
      </c>
      <c r="F1181" s="1" t="s">
        <v>7025</v>
      </c>
      <c r="G1181" s="1" t="s">
        <v>7026</v>
      </c>
      <c r="H1181" s="1" t="s">
        <v>6877</v>
      </c>
      <c r="I1181" s="1" t="s">
        <v>7027</v>
      </c>
      <c r="J1181" s="14" t="s">
        <v>1726</v>
      </c>
      <c r="K1181" s="1" t="s">
        <v>1366</v>
      </c>
      <c r="L1181" s="1" t="s">
        <v>4951</v>
      </c>
    </row>
    <row r="1182" spans="1:12" x14ac:dyDescent="0.25">
      <c r="A1182" s="1" t="s">
        <v>7028</v>
      </c>
      <c r="B1182" s="1" t="s">
        <v>6957</v>
      </c>
      <c r="C1182" s="1" t="s">
        <v>1328</v>
      </c>
      <c r="D1182" s="18">
        <v>16</v>
      </c>
      <c r="E1182" s="1" t="s">
        <v>1422</v>
      </c>
      <c r="F1182" s="1" t="s">
        <v>7029</v>
      </c>
      <c r="G1182" s="1" t="s">
        <v>7030</v>
      </c>
      <c r="H1182" s="1" t="s">
        <v>7031</v>
      </c>
      <c r="I1182" s="1" t="s">
        <v>7032</v>
      </c>
      <c r="K1182" s="1" t="s">
        <v>1334</v>
      </c>
      <c r="L1182" s="1" t="s">
        <v>4971</v>
      </c>
    </row>
    <row r="1183" spans="1:12" x14ac:dyDescent="0.25">
      <c r="A1183" s="1" t="s">
        <v>7033</v>
      </c>
      <c r="B1183" s="1" t="s">
        <v>6957</v>
      </c>
      <c r="C1183" s="1" t="s">
        <v>1328</v>
      </c>
      <c r="D1183" s="18">
        <v>17</v>
      </c>
      <c r="E1183" s="1" t="s">
        <v>1428</v>
      </c>
      <c r="F1183" s="1" t="s">
        <v>7034</v>
      </c>
      <c r="G1183" s="1" t="s">
        <v>7035</v>
      </c>
      <c r="H1183" s="1" t="s">
        <v>7036</v>
      </c>
      <c r="I1183" s="1" t="s">
        <v>7037</v>
      </c>
      <c r="K1183" s="1" t="s">
        <v>1334</v>
      </c>
      <c r="L1183" s="1" t="s">
        <v>4940</v>
      </c>
    </row>
    <row r="1184" spans="1:12" x14ac:dyDescent="0.25">
      <c r="A1184" s="1" t="s">
        <v>7038</v>
      </c>
      <c r="B1184" s="1" t="s">
        <v>6957</v>
      </c>
      <c r="C1184" s="1" t="s">
        <v>1328</v>
      </c>
      <c r="D1184" s="18">
        <v>18</v>
      </c>
      <c r="E1184" s="1" t="s">
        <v>1434</v>
      </c>
      <c r="F1184" s="1" t="s">
        <v>7039</v>
      </c>
      <c r="G1184" s="1" t="s">
        <v>7040</v>
      </c>
      <c r="H1184" s="1" t="s">
        <v>7041</v>
      </c>
      <c r="I1184" s="1" t="s">
        <v>7042</v>
      </c>
      <c r="K1184" s="1" t="s">
        <v>1334</v>
      </c>
      <c r="L1184" s="1" t="s">
        <v>4971</v>
      </c>
    </row>
    <row r="1185" spans="1:12" x14ac:dyDescent="0.25">
      <c r="A1185" s="1" t="s">
        <v>7043</v>
      </c>
      <c r="B1185" s="1" t="s">
        <v>6957</v>
      </c>
      <c r="C1185" s="1" t="s">
        <v>1328</v>
      </c>
      <c r="D1185" s="18">
        <v>19</v>
      </c>
      <c r="E1185" s="1" t="s">
        <v>1440</v>
      </c>
      <c r="F1185" s="1" t="s">
        <v>7044</v>
      </c>
      <c r="G1185" s="1" t="s">
        <v>7045</v>
      </c>
      <c r="H1185" s="1" t="s">
        <v>7046</v>
      </c>
      <c r="I1185" s="1" t="s">
        <v>7047</v>
      </c>
      <c r="K1185" s="1" t="s">
        <v>1366</v>
      </c>
      <c r="L1185" s="1" t="s">
        <v>4940</v>
      </c>
    </row>
    <row r="1186" spans="1:12" x14ac:dyDescent="0.25">
      <c r="A1186" s="1" t="s">
        <v>7048</v>
      </c>
      <c r="B1186" s="1" t="s">
        <v>6957</v>
      </c>
      <c r="C1186" s="1" t="s">
        <v>1328</v>
      </c>
      <c r="D1186" s="18">
        <v>20</v>
      </c>
      <c r="E1186" s="1" t="s">
        <v>1446</v>
      </c>
      <c r="F1186" s="1" t="s">
        <v>7049</v>
      </c>
      <c r="G1186" s="1" t="s">
        <v>7050</v>
      </c>
      <c r="H1186" s="1" t="s">
        <v>7051</v>
      </c>
      <c r="I1186" s="1" t="s">
        <v>7052</v>
      </c>
      <c r="K1186" s="1" t="s">
        <v>1366</v>
      </c>
      <c r="L1186" s="1" t="s">
        <v>4971</v>
      </c>
    </row>
    <row r="1187" spans="1:12" x14ac:dyDescent="0.25">
      <c r="A1187" s="1" t="s">
        <v>7053</v>
      </c>
      <c r="B1187" s="1" t="s">
        <v>6957</v>
      </c>
      <c r="C1187" s="1" t="s">
        <v>1328</v>
      </c>
      <c r="D1187" s="18">
        <v>21</v>
      </c>
      <c r="E1187" s="1" t="s">
        <v>1452</v>
      </c>
      <c r="F1187" s="1" t="s">
        <v>7054</v>
      </c>
      <c r="G1187" s="1" t="s">
        <v>7055</v>
      </c>
      <c r="H1187" s="1" t="s">
        <v>6408</v>
      </c>
      <c r="I1187" s="1" t="s">
        <v>7056</v>
      </c>
      <c r="K1187" s="1" t="s">
        <v>1366</v>
      </c>
      <c r="L1187" s="1" t="s">
        <v>4946</v>
      </c>
    </row>
    <row r="1188" spans="1:12" x14ac:dyDescent="0.25">
      <c r="A1188" s="1" t="s">
        <v>7057</v>
      </c>
      <c r="B1188" s="1" t="s">
        <v>6957</v>
      </c>
      <c r="C1188" s="1" t="s">
        <v>1328</v>
      </c>
      <c r="D1188" s="18">
        <v>22</v>
      </c>
      <c r="E1188" s="1" t="s">
        <v>1458</v>
      </c>
      <c r="F1188" s="1" t="s">
        <v>7058</v>
      </c>
      <c r="G1188" s="1" t="s">
        <v>7059</v>
      </c>
      <c r="H1188" s="1" t="s">
        <v>7060</v>
      </c>
      <c r="I1188" s="1" t="s">
        <v>7061</v>
      </c>
      <c r="K1188" s="1" t="s">
        <v>1366</v>
      </c>
      <c r="L1188" s="1" t="s">
        <v>4940</v>
      </c>
    </row>
    <row r="1189" spans="1:12" x14ac:dyDescent="0.25">
      <c r="A1189" s="1" t="s">
        <v>7062</v>
      </c>
      <c r="B1189" s="1" t="s">
        <v>6957</v>
      </c>
      <c r="C1189" s="1" t="s">
        <v>1328</v>
      </c>
      <c r="D1189" s="18">
        <v>23</v>
      </c>
      <c r="E1189" s="1" t="s">
        <v>1464</v>
      </c>
      <c r="F1189" s="1" t="s">
        <v>7063</v>
      </c>
      <c r="G1189" s="1" t="s">
        <v>7064</v>
      </c>
      <c r="H1189" s="1" t="s">
        <v>7065</v>
      </c>
      <c r="I1189" s="1" t="s">
        <v>7066</v>
      </c>
      <c r="K1189" s="1" t="s">
        <v>1334</v>
      </c>
      <c r="L1189" s="1" t="s">
        <v>4940</v>
      </c>
    </row>
    <row r="1190" spans="1:12" x14ac:dyDescent="0.25">
      <c r="A1190" s="1" t="s">
        <v>7067</v>
      </c>
      <c r="B1190" s="1" t="s">
        <v>6957</v>
      </c>
      <c r="C1190" s="1" t="s">
        <v>1328</v>
      </c>
      <c r="D1190" s="18">
        <v>24</v>
      </c>
      <c r="E1190" s="1" t="s">
        <v>1470</v>
      </c>
      <c r="F1190" s="1" t="s">
        <v>7068</v>
      </c>
      <c r="G1190" s="1" t="s">
        <v>7069</v>
      </c>
      <c r="H1190" s="1" t="s">
        <v>7070</v>
      </c>
      <c r="I1190" s="1" t="s">
        <v>7071</v>
      </c>
      <c r="K1190" s="1" t="s">
        <v>1334</v>
      </c>
      <c r="L1190" s="1" t="s">
        <v>4946</v>
      </c>
    </row>
    <row r="1191" spans="1:12" x14ac:dyDescent="0.25">
      <c r="A1191" s="1" t="s">
        <v>7072</v>
      </c>
      <c r="B1191" s="1" t="s">
        <v>6957</v>
      </c>
      <c r="C1191" s="1" t="s">
        <v>1328</v>
      </c>
      <c r="D1191" s="18">
        <v>25</v>
      </c>
      <c r="E1191" s="1" t="s">
        <v>1476</v>
      </c>
      <c r="F1191" s="1" t="s">
        <v>7073</v>
      </c>
      <c r="G1191" s="1" t="s">
        <v>7074</v>
      </c>
      <c r="H1191" s="1" t="s">
        <v>7075</v>
      </c>
      <c r="I1191" s="1" t="s">
        <v>7076</v>
      </c>
      <c r="K1191" s="1" t="s">
        <v>1366</v>
      </c>
      <c r="L1191" s="1" t="s">
        <v>4940</v>
      </c>
    </row>
    <row r="1192" spans="1:12" x14ac:dyDescent="0.25">
      <c r="A1192" s="1" t="s">
        <v>7077</v>
      </c>
      <c r="B1192" s="1" t="s">
        <v>6957</v>
      </c>
      <c r="C1192" s="1" t="s">
        <v>1328</v>
      </c>
      <c r="D1192" s="18">
        <v>26</v>
      </c>
      <c r="E1192" s="1" t="s">
        <v>1482</v>
      </c>
      <c r="F1192" s="1" t="s">
        <v>7078</v>
      </c>
      <c r="G1192" s="1" t="s">
        <v>7079</v>
      </c>
      <c r="H1192" s="1" t="s">
        <v>7080</v>
      </c>
      <c r="I1192" s="1" t="s">
        <v>7081</v>
      </c>
      <c r="K1192" s="1" t="s">
        <v>1366</v>
      </c>
      <c r="L1192" s="1" t="s">
        <v>4971</v>
      </c>
    </row>
    <row r="1193" spans="1:12" x14ac:dyDescent="0.25">
      <c r="A1193" s="1" t="s">
        <v>7082</v>
      </c>
      <c r="B1193" s="1" t="s">
        <v>6957</v>
      </c>
      <c r="C1193" s="1" t="s">
        <v>1328</v>
      </c>
      <c r="D1193" s="18">
        <v>27</v>
      </c>
      <c r="E1193" s="1" t="s">
        <v>1488</v>
      </c>
      <c r="F1193" s="1" t="s">
        <v>7083</v>
      </c>
      <c r="G1193" s="1" t="s">
        <v>7084</v>
      </c>
      <c r="H1193" s="1" t="s">
        <v>7085</v>
      </c>
      <c r="I1193" s="1" t="s">
        <v>7086</v>
      </c>
      <c r="K1193" s="1" t="s">
        <v>1366</v>
      </c>
      <c r="L1193" s="1" t="s">
        <v>4951</v>
      </c>
    </row>
    <row r="1194" spans="1:12" x14ac:dyDescent="0.25">
      <c r="A1194" s="1" t="s">
        <v>7087</v>
      </c>
      <c r="B1194" s="1" t="s">
        <v>6957</v>
      </c>
      <c r="C1194" s="1" t="s">
        <v>1328</v>
      </c>
      <c r="D1194" s="18">
        <v>28</v>
      </c>
      <c r="E1194" s="1" t="s">
        <v>1494</v>
      </c>
      <c r="F1194" s="1" t="s">
        <v>7088</v>
      </c>
      <c r="G1194" s="1" t="s">
        <v>7089</v>
      </c>
      <c r="H1194" s="1" t="s">
        <v>7090</v>
      </c>
      <c r="I1194" s="1" t="s">
        <v>7091</v>
      </c>
      <c r="K1194" s="1" t="s">
        <v>1366</v>
      </c>
      <c r="L1194" s="1" t="s">
        <v>4971</v>
      </c>
    </row>
    <row r="1195" spans="1:12" x14ac:dyDescent="0.25">
      <c r="A1195" s="1" t="s">
        <v>7092</v>
      </c>
      <c r="B1195" s="1" t="s">
        <v>6957</v>
      </c>
      <c r="C1195" s="1" t="s">
        <v>1328</v>
      </c>
      <c r="D1195" s="18">
        <v>29</v>
      </c>
      <c r="E1195" s="1" t="s">
        <v>1500</v>
      </c>
      <c r="F1195" s="1" t="s">
        <v>7093</v>
      </c>
      <c r="G1195" s="1" t="s">
        <v>7094</v>
      </c>
      <c r="H1195" s="1" t="s">
        <v>7095</v>
      </c>
      <c r="I1195" s="1" t="s">
        <v>7096</v>
      </c>
      <c r="J1195" s="14" t="s">
        <v>5052</v>
      </c>
      <c r="K1195" s="1" t="s">
        <v>1334</v>
      </c>
      <c r="L1195" s="1" t="s">
        <v>4940</v>
      </c>
    </row>
    <row r="1196" spans="1:12" x14ac:dyDescent="0.25">
      <c r="A1196" s="1" t="s">
        <v>7097</v>
      </c>
      <c r="B1196" s="1" t="s">
        <v>6957</v>
      </c>
      <c r="C1196" s="1" t="s">
        <v>1328</v>
      </c>
      <c r="D1196" s="18">
        <v>30</v>
      </c>
      <c r="E1196" s="1" t="s">
        <v>1506</v>
      </c>
      <c r="F1196" s="1" t="s">
        <v>7098</v>
      </c>
      <c r="G1196" s="1" t="s">
        <v>7099</v>
      </c>
      <c r="H1196" s="1" t="s">
        <v>7100</v>
      </c>
      <c r="I1196" s="1" t="s">
        <v>7101</v>
      </c>
      <c r="K1196" s="1" t="s">
        <v>1366</v>
      </c>
      <c r="L1196" s="1" t="s">
        <v>4971</v>
      </c>
    </row>
    <row r="1197" spans="1:12" x14ac:dyDescent="0.25">
      <c r="A1197" s="1" t="s">
        <v>7102</v>
      </c>
      <c r="B1197" s="1" t="s">
        <v>6957</v>
      </c>
      <c r="C1197" s="1" t="s">
        <v>1328</v>
      </c>
      <c r="D1197" s="18">
        <v>31</v>
      </c>
      <c r="E1197" s="1" t="s">
        <v>1512</v>
      </c>
      <c r="F1197" s="1" t="s">
        <v>7103</v>
      </c>
      <c r="G1197" s="1" t="s">
        <v>7104</v>
      </c>
      <c r="H1197" s="1" t="s">
        <v>6828</v>
      </c>
      <c r="I1197" s="1" t="s">
        <v>7105</v>
      </c>
      <c r="K1197" s="1" t="s">
        <v>1366</v>
      </c>
      <c r="L1197" s="1" t="s">
        <v>4940</v>
      </c>
    </row>
    <row r="1198" spans="1:12" x14ac:dyDescent="0.25">
      <c r="A1198" s="1" t="s">
        <v>7106</v>
      </c>
      <c r="B1198" s="1" t="s">
        <v>6957</v>
      </c>
      <c r="C1198" s="1" t="s">
        <v>1328</v>
      </c>
      <c r="D1198" s="18">
        <v>32</v>
      </c>
      <c r="E1198" s="1" t="s">
        <v>1517</v>
      </c>
      <c r="F1198" s="1" t="s">
        <v>7107</v>
      </c>
      <c r="G1198" s="1" t="s">
        <v>7108</v>
      </c>
      <c r="H1198" s="1" t="s">
        <v>7109</v>
      </c>
      <c r="I1198" s="1" t="s">
        <v>7110</v>
      </c>
      <c r="K1198" s="1" t="s">
        <v>1334</v>
      </c>
      <c r="L1198" s="1" t="s">
        <v>4946</v>
      </c>
    </row>
    <row r="1199" spans="1:12" x14ac:dyDescent="0.25">
      <c r="A1199" s="1" t="s">
        <v>7111</v>
      </c>
      <c r="B1199" s="1" t="s">
        <v>6957</v>
      </c>
      <c r="C1199" s="1" t="s">
        <v>1328</v>
      </c>
      <c r="D1199" s="18">
        <v>33</v>
      </c>
      <c r="E1199" s="1" t="s">
        <v>1523</v>
      </c>
      <c r="F1199" s="1" t="s">
        <v>7112</v>
      </c>
      <c r="G1199" s="1" t="s">
        <v>7113</v>
      </c>
      <c r="H1199" s="1" t="s">
        <v>7114</v>
      </c>
      <c r="I1199" s="1" t="s">
        <v>7115</v>
      </c>
      <c r="K1199" s="1" t="s">
        <v>1334</v>
      </c>
      <c r="L1199" s="1" t="s">
        <v>4940</v>
      </c>
    </row>
    <row r="1200" spans="1:12" x14ac:dyDescent="0.25">
      <c r="A1200" s="1" t="s">
        <v>7116</v>
      </c>
      <c r="B1200" s="1" t="s">
        <v>6957</v>
      </c>
      <c r="C1200" s="1" t="s">
        <v>1328</v>
      </c>
      <c r="D1200" s="18">
        <v>34</v>
      </c>
      <c r="E1200" s="1" t="s">
        <v>5739</v>
      </c>
      <c r="F1200" s="1" t="s">
        <v>7117</v>
      </c>
      <c r="G1200" s="1" t="s">
        <v>7118</v>
      </c>
      <c r="H1200" s="1" t="s">
        <v>7119</v>
      </c>
      <c r="I1200" s="1" t="s">
        <v>7120</v>
      </c>
      <c r="K1200" s="1" t="s">
        <v>1366</v>
      </c>
      <c r="L1200" s="1" t="s">
        <v>4940</v>
      </c>
    </row>
    <row r="1201" spans="1:12" x14ac:dyDescent="0.25">
      <c r="A1201" s="1" t="s">
        <v>475</v>
      </c>
      <c r="B1201" s="1" t="s">
        <v>6957</v>
      </c>
      <c r="C1201" s="1" t="s">
        <v>1328</v>
      </c>
      <c r="D1201" s="18">
        <v>35</v>
      </c>
      <c r="E1201" s="1" t="s">
        <v>5908</v>
      </c>
      <c r="F1201" s="1" t="s">
        <v>7121</v>
      </c>
      <c r="G1201" s="1" t="s">
        <v>7122</v>
      </c>
      <c r="H1201" s="1" t="s">
        <v>7123</v>
      </c>
      <c r="I1201" s="1" t="s">
        <v>7124</v>
      </c>
      <c r="K1201" s="1" t="s">
        <v>1366</v>
      </c>
      <c r="L1201" s="1" t="s">
        <v>4940</v>
      </c>
    </row>
    <row r="1202" spans="1:12" x14ac:dyDescent="0.25">
      <c r="A1202" s="1" t="s">
        <v>7125</v>
      </c>
      <c r="B1202" s="1" t="s">
        <v>6957</v>
      </c>
      <c r="C1202" s="1" t="s">
        <v>1328</v>
      </c>
      <c r="D1202" s="18">
        <v>36</v>
      </c>
      <c r="E1202" s="1" t="s">
        <v>6411</v>
      </c>
      <c r="F1202" s="1" t="s">
        <v>7126</v>
      </c>
      <c r="G1202" s="1" t="s">
        <v>7127</v>
      </c>
      <c r="H1202" s="1" t="s">
        <v>7128</v>
      </c>
      <c r="I1202" s="1" t="s">
        <v>7129</v>
      </c>
      <c r="K1202" s="1" t="s">
        <v>1334</v>
      </c>
      <c r="L1202" s="1" t="s">
        <v>4951</v>
      </c>
    </row>
    <row r="1203" spans="1:12" x14ac:dyDescent="0.25">
      <c r="A1203" s="1" t="s">
        <v>7130</v>
      </c>
      <c r="B1203" s="1" t="s">
        <v>6957</v>
      </c>
      <c r="C1203" s="1" t="s">
        <v>1529</v>
      </c>
      <c r="D1203" s="18">
        <v>1</v>
      </c>
      <c r="E1203" s="1" t="s">
        <v>1329</v>
      </c>
      <c r="F1203" s="1" t="s">
        <v>7131</v>
      </c>
      <c r="G1203" s="1" t="s">
        <v>7132</v>
      </c>
      <c r="H1203" s="1" t="s">
        <v>7133</v>
      </c>
      <c r="I1203" s="1" t="s">
        <v>7134</v>
      </c>
      <c r="K1203" s="1" t="s">
        <v>1366</v>
      </c>
      <c r="L1203" s="1" t="s">
        <v>4946</v>
      </c>
    </row>
    <row r="1204" spans="1:12" x14ac:dyDescent="0.25">
      <c r="A1204" s="1" t="s">
        <v>7135</v>
      </c>
      <c r="B1204" s="1" t="s">
        <v>6957</v>
      </c>
      <c r="C1204" s="1" t="s">
        <v>1529</v>
      </c>
      <c r="D1204" s="18">
        <v>2</v>
      </c>
      <c r="E1204" s="1" t="s">
        <v>1337</v>
      </c>
      <c r="F1204" s="1" t="s">
        <v>7136</v>
      </c>
      <c r="G1204" s="1" t="s">
        <v>7137</v>
      </c>
      <c r="H1204" s="1" t="s">
        <v>7138</v>
      </c>
      <c r="I1204" s="1" t="s">
        <v>7139</v>
      </c>
      <c r="K1204" s="1" t="s">
        <v>1366</v>
      </c>
      <c r="L1204" s="1" t="s">
        <v>4946</v>
      </c>
    </row>
    <row r="1205" spans="1:12" x14ac:dyDescent="0.25">
      <c r="A1205" s="1" t="s">
        <v>7140</v>
      </c>
      <c r="B1205" s="1" t="s">
        <v>6957</v>
      </c>
      <c r="C1205" s="1" t="s">
        <v>1529</v>
      </c>
      <c r="D1205" s="18">
        <v>3</v>
      </c>
      <c r="E1205" s="1" t="s">
        <v>1343</v>
      </c>
      <c r="F1205" s="1" t="s">
        <v>7141</v>
      </c>
      <c r="G1205" s="1" t="s">
        <v>7142</v>
      </c>
      <c r="H1205" s="1" t="s">
        <v>7143</v>
      </c>
      <c r="I1205" s="1" t="s">
        <v>7144</v>
      </c>
      <c r="K1205" s="1" t="s">
        <v>1366</v>
      </c>
      <c r="L1205" s="1" t="s">
        <v>4946</v>
      </c>
    </row>
    <row r="1206" spans="1:12" x14ac:dyDescent="0.25">
      <c r="A1206" s="1" t="s">
        <v>7145</v>
      </c>
      <c r="B1206" s="1" t="s">
        <v>6957</v>
      </c>
      <c r="C1206" s="1" t="s">
        <v>1529</v>
      </c>
      <c r="D1206" s="18">
        <v>4</v>
      </c>
      <c r="E1206" s="1" t="s">
        <v>1349</v>
      </c>
      <c r="F1206" s="1" t="s">
        <v>7146</v>
      </c>
      <c r="G1206" s="1" t="s">
        <v>7147</v>
      </c>
      <c r="H1206" s="1" t="s">
        <v>7148</v>
      </c>
      <c r="I1206" s="1" t="s">
        <v>7149</v>
      </c>
      <c r="K1206" s="1" t="s">
        <v>1366</v>
      </c>
      <c r="L1206" s="1" t="s">
        <v>4971</v>
      </c>
    </row>
    <row r="1207" spans="1:12" x14ac:dyDescent="0.25">
      <c r="A1207" s="1" t="s">
        <v>7150</v>
      </c>
      <c r="B1207" s="1" t="s">
        <v>6957</v>
      </c>
      <c r="C1207" s="1" t="s">
        <v>1529</v>
      </c>
      <c r="D1207" s="18">
        <v>5</v>
      </c>
      <c r="E1207" s="1" t="s">
        <v>1355</v>
      </c>
      <c r="F1207" s="1" t="s">
        <v>7151</v>
      </c>
      <c r="G1207" s="1" t="s">
        <v>7152</v>
      </c>
      <c r="H1207" s="1" t="s">
        <v>7153</v>
      </c>
      <c r="I1207" s="1" t="s">
        <v>7154</v>
      </c>
      <c r="K1207" s="1" t="s">
        <v>1334</v>
      </c>
      <c r="L1207" s="1" t="s">
        <v>4971</v>
      </c>
    </row>
    <row r="1208" spans="1:12" x14ac:dyDescent="0.25">
      <c r="A1208" s="1" t="s">
        <v>7155</v>
      </c>
      <c r="B1208" s="1" t="s">
        <v>6957</v>
      </c>
      <c r="C1208" s="1" t="s">
        <v>1529</v>
      </c>
      <c r="D1208" s="18">
        <v>6</v>
      </c>
      <c r="E1208" s="1" t="s">
        <v>1361</v>
      </c>
      <c r="F1208" s="1" t="s">
        <v>7156</v>
      </c>
      <c r="G1208" s="1" t="s">
        <v>7157</v>
      </c>
      <c r="H1208" s="1" t="s">
        <v>7158</v>
      </c>
      <c r="I1208" s="1" t="s">
        <v>7159</v>
      </c>
      <c r="K1208" s="1" t="s">
        <v>1366</v>
      </c>
      <c r="L1208" s="1" t="s">
        <v>4946</v>
      </c>
    </row>
    <row r="1209" spans="1:12" x14ac:dyDescent="0.25">
      <c r="A1209" s="1" t="s">
        <v>7160</v>
      </c>
      <c r="B1209" s="1" t="s">
        <v>6957</v>
      </c>
      <c r="C1209" s="1" t="s">
        <v>1529</v>
      </c>
      <c r="D1209" s="18">
        <v>7</v>
      </c>
      <c r="E1209" s="1" t="s">
        <v>1368</v>
      </c>
      <c r="F1209" s="1" t="s">
        <v>7161</v>
      </c>
      <c r="G1209" s="1" t="s">
        <v>7162</v>
      </c>
      <c r="H1209" s="1" t="s">
        <v>7163</v>
      </c>
      <c r="I1209" s="1" t="s">
        <v>7164</v>
      </c>
      <c r="K1209" s="1" t="s">
        <v>1366</v>
      </c>
      <c r="L1209" s="1" t="s">
        <v>4946</v>
      </c>
    </row>
    <row r="1210" spans="1:12" x14ac:dyDescent="0.25">
      <c r="A1210" s="1" t="s">
        <v>2358</v>
      </c>
      <c r="B1210" s="1" t="s">
        <v>6957</v>
      </c>
      <c r="C1210" s="1" t="s">
        <v>1529</v>
      </c>
      <c r="D1210" s="18">
        <v>8</v>
      </c>
      <c r="E1210" s="1" t="s">
        <v>1374</v>
      </c>
      <c r="F1210" s="1" t="s">
        <v>7165</v>
      </c>
      <c r="G1210" s="1" t="s">
        <v>7166</v>
      </c>
      <c r="H1210" s="1" t="s">
        <v>7167</v>
      </c>
      <c r="I1210" s="1" t="s">
        <v>7168</v>
      </c>
      <c r="K1210" s="1" t="s">
        <v>1366</v>
      </c>
      <c r="L1210" s="1" t="s">
        <v>4940</v>
      </c>
    </row>
    <row r="1211" spans="1:12" x14ac:dyDescent="0.25">
      <c r="A1211" s="1" t="s">
        <v>7169</v>
      </c>
      <c r="B1211" s="1" t="s">
        <v>6957</v>
      </c>
      <c r="C1211" s="1" t="s">
        <v>1529</v>
      </c>
      <c r="D1211" s="18">
        <v>9</v>
      </c>
      <c r="E1211" s="1" t="s">
        <v>1380</v>
      </c>
      <c r="F1211" s="1" t="s">
        <v>7170</v>
      </c>
      <c r="G1211" s="1" t="s">
        <v>7171</v>
      </c>
      <c r="H1211" s="1" t="s">
        <v>7172</v>
      </c>
      <c r="I1211" s="1" t="s">
        <v>7173</v>
      </c>
      <c r="K1211" s="1" t="s">
        <v>1334</v>
      </c>
      <c r="L1211" s="1" t="s">
        <v>4946</v>
      </c>
    </row>
    <row r="1212" spans="1:12" x14ac:dyDescent="0.25">
      <c r="A1212" s="1" t="s">
        <v>7174</v>
      </c>
      <c r="B1212" s="1" t="s">
        <v>6957</v>
      </c>
      <c r="C1212" s="1" t="s">
        <v>1529</v>
      </c>
      <c r="D1212" s="18">
        <v>10</v>
      </c>
      <c r="E1212" s="1" t="s">
        <v>1386</v>
      </c>
      <c r="F1212" s="1" t="s">
        <v>7175</v>
      </c>
      <c r="G1212" s="1" t="s">
        <v>7176</v>
      </c>
      <c r="H1212" s="1" t="s">
        <v>7177</v>
      </c>
      <c r="I1212" s="1" t="s">
        <v>7178</v>
      </c>
      <c r="J1212" s="14" t="s">
        <v>5052</v>
      </c>
      <c r="K1212" s="1" t="s">
        <v>1366</v>
      </c>
      <c r="L1212" s="1" t="s">
        <v>4951</v>
      </c>
    </row>
    <row r="1213" spans="1:12" x14ac:dyDescent="0.25">
      <c r="A1213" s="1" t="s">
        <v>7179</v>
      </c>
      <c r="B1213" s="1" t="s">
        <v>6957</v>
      </c>
      <c r="C1213" s="1" t="s">
        <v>1529</v>
      </c>
      <c r="D1213" s="18">
        <v>11</v>
      </c>
      <c r="E1213" s="1" t="s">
        <v>1392</v>
      </c>
      <c r="F1213" s="1" t="s">
        <v>7180</v>
      </c>
      <c r="G1213" s="1" t="s">
        <v>7181</v>
      </c>
      <c r="H1213" s="1" t="s">
        <v>7041</v>
      </c>
      <c r="I1213" s="1" t="s">
        <v>7182</v>
      </c>
      <c r="K1213" s="1" t="s">
        <v>1366</v>
      </c>
      <c r="L1213" s="1" t="s">
        <v>4946</v>
      </c>
    </row>
    <row r="1214" spans="1:12" x14ac:dyDescent="0.25">
      <c r="A1214" s="1" t="s">
        <v>7183</v>
      </c>
      <c r="B1214" s="1" t="s">
        <v>6957</v>
      </c>
      <c r="C1214" s="1" t="s">
        <v>1529</v>
      </c>
      <c r="D1214" s="18">
        <v>12</v>
      </c>
      <c r="E1214" s="1" t="s">
        <v>1398</v>
      </c>
      <c r="F1214" s="1" t="s">
        <v>7184</v>
      </c>
      <c r="G1214" s="1" t="s">
        <v>7185</v>
      </c>
      <c r="H1214" s="1" t="s">
        <v>7186</v>
      </c>
      <c r="I1214" s="1" t="s">
        <v>7187</v>
      </c>
      <c r="J1214" s="14" t="s">
        <v>5052</v>
      </c>
      <c r="K1214" s="1" t="s">
        <v>1334</v>
      </c>
      <c r="L1214" s="1" t="s">
        <v>4946</v>
      </c>
    </row>
    <row r="1215" spans="1:12" x14ac:dyDescent="0.25">
      <c r="A1215" s="1" t="s">
        <v>7188</v>
      </c>
      <c r="B1215" s="1" t="s">
        <v>6957</v>
      </c>
      <c r="C1215" s="1" t="s">
        <v>1529</v>
      </c>
      <c r="D1215" s="18">
        <v>13</v>
      </c>
      <c r="E1215" s="1" t="s">
        <v>1404</v>
      </c>
      <c r="F1215" s="1" t="s">
        <v>7189</v>
      </c>
      <c r="G1215" s="1" t="s">
        <v>7190</v>
      </c>
      <c r="H1215" s="1" t="s">
        <v>7191</v>
      </c>
      <c r="I1215" s="1" t="s">
        <v>7192</v>
      </c>
      <c r="K1215" s="1" t="s">
        <v>1334</v>
      </c>
      <c r="L1215" s="1" t="s">
        <v>4971</v>
      </c>
    </row>
    <row r="1216" spans="1:12" x14ac:dyDescent="0.25">
      <c r="A1216" s="1" t="s">
        <v>7193</v>
      </c>
      <c r="B1216" s="1" t="s">
        <v>6957</v>
      </c>
      <c r="C1216" s="1" t="s">
        <v>1529</v>
      </c>
      <c r="D1216" s="18">
        <v>14</v>
      </c>
      <c r="E1216" s="1" t="s">
        <v>1410</v>
      </c>
      <c r="F1216" s="1" t="s">
        <v>7194</v>
      </c>
      <c r="G1216" s="1" t="s">
        <v>7195</v>
      </c>
      <c r="H1216" s="1" t="s">
        <v>7119</v>
      </c>
      <c r="I1216" s="1" t="s">
        <v>7196</v>
      </c>
      <c r="K1216" s="1" t="s">
        <v>1334</v>
      </c>
      <c r="L1216" s="1" t="s">
        <v>4946</v>
      </c>
    </row>
    <row r="1217" spans="1:12" x14ac:dyDescent="0.25">
      <c r="A1217" s="1" t="s">
        <v>7197</v>
      </c>
      <c r="B1217" s="1" t="s">
        <v>6957</v>
      </c>
      <c r="C1217" s="1" t="s">
        <v>1529</v>
      </c>
      <c r="D1217" s="18">
        <v>15</v>
      </c>
      <c r="E1217" s="1" t="s">
        <v>1416</v>
      </c>
      <c r="F1217" s="1" t="s">
        <v>7198</v>
      </c>
      <c r="G1217" s="1" t="s">
        <v>7199</v>
      </c>
      <c r="H1217" s="1" t="s">
        <v>7191</v>
      </c>
      <c r="I1217" s="1" t="s">
        <v>7200</v>
      </c>
      <c r="K1217" s="1" t="s">
        <v>1366</v>
      </c>
      <c r="L1217" s="1" t="s">
        <v>4951</v>
      </c>
    </row>
    <row r="1218" spans="1:12" x14ac:dyDescent="0.25">
      <c r="A1218" s="1" t="s">
        <v>7201</v>
      </c>
      <c r="B1218" s="1" t="s">
        <v>6957</v>
      </c>
      <c r="C1218" s="1" t="s">
        <v>1529</v>
      </c>
      <c r="D1218" s="18">
        <v>16</v>
      </c>
      <c r="E1218" s="1" t="s">
        <v>1422</v>
      </c>
      <c r="F1218" s="1" t="s">
        <v>7202</v>
      </c>
      <c r="G1218" s="1" t="s">
        <v>7203</v>
      </c>
      <c r="H1218" s="1" t="s">
        <v>7204</v>
      </c>
      <c r="I1218" s="1" t="s">
        <v>7205</v>
      </c>
      <c r="K1218" s="1" t="s">
        <v>1334</v>
      </c>
      <c r="L1218" s="1" t="s">
        <v>4940</v>
      </c>
    </row>
    <row r="1219" spans="1:12" x14ac:dyDescent="0.25">
      <c r="A1219" s="1" t="s">
        <v>7206</v>
      </c>
      <c r="B1219" s="1" t="s">
        <v>6957</v>
      </c>
      <c r="C1219" s="1" t="s">
        <v>1529</v>
      </c>
      <c r="D1219" s="18">
        <v>17</v>
      </c>
      <c r="E1219" s="1" t="s">
        <v>1428</v>
      </c>
      <c r="F1219" s="1" t="s">
        <v>7207</v>
      </c>
      <c r="G1219" s="1" t="s">
        <v>7208</v>
      </c>
      <c r="H1219" s="1" t="s">
        <v>7209</v>
      </c>
      <c r="I1219" s="1" t="s">
        <v>7210</v>
      </c>
      <c r="K1219" s="1" t="s">
        <v>1334</v>
      </c>
      <c r="L1219" s="1" t="s">
        <v>4951</v>
      </c>
    </row>
    <row r="1220" spans="1:12" x14ac:dyDescent="0.25">
      <c r="A1220" s="1" t="s">
        <v>7211</v>
      </c>
      <c r="B1220" s="1" t="s">
        <v>6957</v>
      </c>
      <c r="C1220" s="1" t="s">
        <v>1529</v>
      </c>
      <c r="D1220" s="18">
        <v>18</v>
      </c>
      <c r="E1220" s="1" t="s">
        <v>1434</v>
      </c>
      <c r="F1220" s="1" t="s">
        <v>7212</v>
      </c>
      <c r="G1220" s="1" t="s">
        <v>7213</v>
      </c>
      <c r="H1220" s="1" t="s">
        <v>7214</v>
      </c>
      <c r="I1220" s="1" t="s">
        <v>7215</v>
      </c>
      <c r="K1220" s="1" t="s">
        <v>1334</v>
      </c>
      <c r="L1220" s="1" t="s">
        <v>4971</v>
      </c>
    </row>
    <row r="1221" spans="1:12" x14ac:dyDescent="0.25">
      <c r="A1221" s="1" t="s">
        <v>7216</v>
      </c>
      <c r="B1221" s="1" t="s">
        <v>6957</v>
      </c>
      <c r="C1221" s="1" t="s">
        <v>1529</v>
      </c>
      <c r="D1221" s="18">
        <v>19</v>
      </c>
      <c r="E1221" s="1" t="s">
        <v>1440</v>
      </c>
      <c r="F1221" s="1" t="s">
        <v>7217</v>
      </c>
      <c r="G1221" s="1" t="s">
        <v>7218</v>
      </c>
      <c r="H1221" s="1" t="s">
        <v>7219</v>
      </c>
      <c r="I1221" s="1" t="s">
        <v>7220</v>
      </c>
      <c r="K1221" s="1" t="s">
        <v>1334</v>
      </c>
      <c r="L1221" s="1" t="s">
        <v>4946</v>
      </c>
    </row>
    <row r="1222" spans="1:12" x14ac:dyDescent="0.25">
      <c r="A1222" s="1" t="s">
        <v>7221</v>
      </c>
      <c r="B1222" s="1" t="s">
        <v>6957</v>
      </c>
      <c r="C1222" s="1" t="s">
        <v>1529</v>
      </c>
      <c r="D1222" s="18">
        <v>20</v>
      </c>
      <c r="E1222" s="1" t="s">
        <v>1446</v>
      </c>
      <c r="F1222" s="1" t="s">
        <v>7222</v>
      </c>
      <c r="G1222" s="1" t="s">
        <v>7223</v>
      </c>
      <c r="H1222" s="1" t="s">
        <v>7224</v>
      </c>
      <c r="I1222" s="1" t="s">
        <v>7225</v>
      </c>
      <c r="K1222" s="1" t="s">
        <v>1334</v>
      </c>
      <c r="L1222" s="1" t="s">
        <v>4971</v>
      </c>
    </row>
    <row r="1223" spans="1:12" x14ac:dyDescent="0.25">
      <c r="A1223" s="1" t="s">
        <v>7226</v>
      </c>
      <c r="B1223" s="1" t="s">
        <v>6957</v>
      </c>
      <c r="C1223" s="1" t="s">
        <v>1529</v>
      </c>
      <c r="D1223" s="18">
        <v>21</v>
      </c>
      <c r="E1223" s="1" t="s">
        <v>1452</v>
      </c>
      <c r="F1223" s="1" t="s">
        <v>7227</v>
      </c>
      <c r="G1223" s="1" t="s">
        <v>7228</v>
      </c>
      <c r="H1223" s="1" t="s">
        <v>7191</v>
      </c>
      <c r="I1223" s="1" t="s">
        <v>7229</v>
      </c>
      <c r="K1223" s="1" t="s">
        <v>1366</v>
      </c>
      <c r="L1223" s="1" t="s">
        <v>4946</v>
      </c>
    </row>
    <row r="1224" spans="1:12" x14ac:dyDescent="0.25">
      <c r="A1224" s="1" t="s">
        <v>7230</v>
      </c>
      <c r="B1224" s="1" t="s">
        <v>6957</v>
      </c>
      <c r="C1224" s="1" t="s">
        <v>1529</v>
      </c>
      <c r="D1224" s="18">
        <v>22</v>
      </c>
      <c r="E1224" s="1" t="s">
        <v>1458</v>
      </c>
      <c r="F1224" s="1" t="s">
        <v>7231</v>
      </c>
      <c r="G1224" s="1" t="s">
        <v>7232</v>
      </c>
      <c r="H1224" s="1" t="s">
        <v>7233</v>
      </c>
      <c r="I1224" s="1" t="s">
        <v>7234</v>
      </c>
      <c r="K1224" s="1" t="s">
        <v>1366</v>
      </c>
      <c r="L1224" s="1" t="s">
        <v>4940</v>
      </c>
    </row>
    <row r="1225" spans="1:12" x14ac:dyDescent="0.25">
      <c r="A1225" s="1" t="s">
        <v>7235</v>
      </c>
      <c r="B1225" s="1" t="s">
        <v>6957</v>
      </c>
      <c r="C1225" s="1" t="s">
        <v>1529</v>
      </c>
      <c r="D1225" s="18">
        <v>23</v>
      </c>
      <c r="E1225" s="1" t="s">
        <v>1464</v>
      </c>
      <c r="F1225" s="1" t="s">
        <v>7236</v>
      </c>
      <c r="G1225" s="1" t="s">
        <v>7237</v>
      </c>
      <c r="H1225" s="1" t="s">
        <v>7238</v>
      </c>
      <c r="I1225" s="1" t="s">
        <v>7239</v>
      </c>
      <c r="K1225" s="1" t="s">
        <v>1366</v>
      </c>
      <c r="L1225" s="1" t="s">
        <v>4946</v>
      </c>
    </row>
    <row r="1226" spans="1:12" x14ac:dyDescent="0.25">
      <c r="A1226" s="1" t="s">
        <v>7240</v>
      </c>
      <c r="B1226" s="1" t="s">
        <v>6957</v>
      </c>
      <c r="C1226" s="1" t="s">
        <v>1529</v>
      </c>
      <c r="D1226" s="18">
        <v>24</v>
      </c>
      <c r="E1226" s="1" t="s">
        <v>1470</v>
      </c>
      <c r="F1226" s="1" t="s">
        <v>7241</v>
      </c>
      <c r="G1226" s="1" t="s">
        <v>7242</v>
      </c>
      <c r="H1226" s="1" t="s">
        <v>7243</v>
      </c>
      <c r="I1226" s="1" t="s">
        <v>7244</v>
      </c>
      <c r="K1226" s="1" t="s">
        <v>1334</v>
      </c>
      <c r="L1226" s="1" t="s">
        <v>4946</v>
      </c>
    </row>
    <row r="1227" spans="1:12" x14ac:dyDescent="0.25">
      <c r="A1227" s="1" t="s">
        <v>7245</v>
      </c>
      <c r="B1227" s="1" t="s">
        <v>6957</v>
      </c>
      <c r="C1227" s="1" t="s">
        <v>1529</v>
      </c>
      <c r="D1227" s="18">
        <v>25</v>
      </c>
      <c r="E1227" s="1" t="s">
        <v>1476</v>
      </c>
      <c r="F1227" s="1" t="s">
        <v>7246</v>
      </c>
      <c r="G1227" s="1" t="s">
        <v>7247</v>
      </c>
      <c r="H1227" s="1" t="s">
        <v>7248</v>
      </c>
      <c r="I1227" s="1" t="s">
        <v>7249</v>
      </c>
      <c r="K1227" s="1" t="s">
        <v>1366</v>
      </c>
      <c r="L1227" s="1" t="s">
        <v>4971</v>
      </c>
    </row>
    <row r="1228" spans="1:12" x14ac:dyDescent="0.25">
      <c r="A1228" s="1" t="s">
        <v>7250</v>
      </c>
      <c r="B1228" s="1" t="s">
        <v>6957</v>
      </c>
      <c r="C1228" s="1" t="s">
        <v>1529</v>
      </c>
      <c r="D1228" s="18">
        <v>26</v>
      </c>
      <c r="E1228" s="1" t="s">
        <v>1482</v>
      </c>
      <c r="F1228" s="1" t="s">
        <v>7251</v>
      </c>
      <c r="G1228" s="1" t="s">
        <v>7252</v>
      </c>
      <c r="H1228" s="1" t="s">
        <v>7253</v>
      </c>
      <c r="I1228" s="1" t="s">
        <v>7254</v>
      </c>
      <c r="K1228" s="1" t="s">
        <v>1366</v>
      </c>
      <c r="L1228" s="1" t="s">
        <v>4951</v>
      </c>
    </row>
    <row r="1229" spans="1:12" x14ac:dyDescent="0.25">
      <c r="A1229" s="1" t="s">
        <v>7255</v>
      </c>
      <c r="B1229" s="1" t="s">
        <v>6957</v>
      </c>
      <c r="C1229" s="1" t="s">
        <v>1529</v>
      </c>
      <c r="D1229" s="18">
        <v>27</v>
      </c>
      <c r="E1229" s="1" t="s">
        <v>1488</v>
      </c>
      <c r="F1229" s="1" t="s">
        <v>7256</v>
      </c>
      <c r="G1229" s="1" t="s">
        <v>7257</v>
      </c>
      <c r="H1229" s="1" t="s">
        <v>7258</v>
      </c>
      <c r="I1229" s="1" t="s">
        <v>7259</v>
      </c>
      <c r="K1229" s="1" t="s">
        <v>1334</v>
      </c>
      <c r="L1229" s="1" t="s">
        <v>4971</v>
      </c>
    </row>
    <row r="1230" spans="1:12" x14ac:dyDescent="0.25">
      <c r="A1230" s="1" t="s">
        <v>7260</v>
      </c>
      <c r="B1230" s="1" t="s">
        <v>6957</v>
      </c>
      <c r="C1230" s="1" t="s">
        <v>1529</v>
      </c>
      <c r="D1230" s="18">
        <v>28</v>
      </c>
      <c r="E1230" s="1" t="s">
        <v>1494</v>
      </c>
      <c r="F1230" s="1" t="s">
        <v>7261</v>
      </c>
      <c r="G1230" s="1" t="s">
        <v>7262</v>
      </c>
      <c r="H1230" s="1" t="s">
        <v>7263</v>
      </c>
      <c r="I1230" s="1" t="s">
        <v>7264</v>
      </c>
      <c r="K1230" s="1" t="s">
        <v>1366</v>
      </c>
      <c r="L1230" s="1" t="s">
        <v>4940</v>
      </c>
    </row>
    <row r="1231" spans="1:12" x14ac:dyDescent="0.25">
      <c r="A1231" s="1" t="s">
        <v>7265</v>
      </c>
      <c r="B1231" s="1" t="s">
        <v>6957</v>
      </c>
      <c r="C1231" s="1" t="s">
        <v>1529</v>
      </c>
      <c r="D1231" s="18">
        <v>29</v>
      </c>
      <c r="E1231" s="1" t="s">
        <v>1500</v>
      </c>
      <c r="F1231" s="1" t="s">
        <v>7266</v>
      </c>
      <c r="G1231" s="1" t="s">
        <v>7267</v>
      </c>
      <c r="H1231" s="1" t="s">
        <v>7268</v>
      </c>
      <c r="I1231" s="1" t="s">
        <v>7269</v>
      </c>
      <c r="K1231" s="1" t="s">
        <v>1366</v>
      </c>
      <c r="L1231" s="1" t="s">
        <v>4940</v>
      </c>
    </row>
    <row r="1232" spans="1:12" x14ac:dyDescent="0.25">
      <c r="A1232" s="1" t="s">
        <v>7270</v>
      </c>
      <c r="B1232" s="1" t="s">
        <v>6957</v>
      </c>
      <c r="C1232" s="1" t="s">
        <v>1529</v>
      </c>
      <c r="D1232" s="18">
        <v>30</v>
      </c>
      <c r="E1232" s="1" t="s">
        <v>1506</v>
      </c>
      <c r="F1232" s="1" t="s">
        <v>7271</v>
      </c>
      <c r="G1232" s="1" t="s">
        <v>7272</v>
      </c>
      <c r="H1232" s="1" t="s">
        <v>7273</v>
      </c>
      <c r="I1232" s="1" t="s">
        <v>7274</v>
      </c>
      <c r="K1232" s="1" t="s">
        <v>1334</v>
      </c>
      <c r="L1232" s="1" t="s">
        <v>4946</v>
      </c>
    </row>
    <row r="1233" spans="1:12" x14ac:dyDescent="0.25">
      <c r="A1233" s="1" t="s">
        <v>7275</v>
      </c>
      <c r="B1233" s="1" t="s">
        <v>6957</v>
      </c>
      <c r="C1233" s="1" t="s">
        <v>1529</v>
      </c>
      <c r="D1233" s="18">
        <v>31</v>
      </c>
      <c r="E1233" s="1" t="s">
        <v>1512</v>
      </c>
      <c r="F1233" s="1" t="s">
        <v>7276</v>
      </c>
      <c r="G1233" s="1" t="s">
        <v>7277</v>
      </c>
      <c r="H1233" s="1" t="s">
        <v>7278</v>
      </c>
      <c r="I1233" s="1" t="s">
        <v>7279</v>
      </c>
      <c r="K1233" s="1" t="s">
        <v>1334</v>
      </c>
      <c r="L1233" s="1" t="s">
        <v>4940</v>
      </c>
    </row>
    <row r="1234" spans="1:12" x14ac:dyDescent="0.25">
      <c r="A1234" s="1" t="s">
        <v>7280</v>
      </c>
      <c r="B1234" s="1" t="s">
        <v>6957</v>
      </c>
      <c r="C1234" s="1" t="s">
        <v>1529</v>
      </c>
      <c r="D1234" s="18">
        <v>32</v>
      </c>
      <c r="E1234" s="1" t="s">
        <v>1517</v>
      </c>
      <c r="F1234" s="1" t="s">
        <v>7281</v>
      </c>
      <c r="G1234" s="1" t="s">
        <v>7282</v>
      </c>
      <c r="H1234" s="1" t="s">
        <v>7012</v>
      </c>
      <c r="I1234" s="1" t="s">
        <v>7283</v>
      </c>
      <c r="K1234" s="1" t="s">
        <v>1366</v>
      </c>
      <c r="L1234" s="1" t="s">
        <v>4971</v>
      </c>
    </row>
    <row r="1235" spans="1:12" x14ac:dyDescent="0.25">
      <c r="A1235" s="1" t="s">
        <v>7284</v>
      </c>
      <c r="B1235" s="1" t="s">
        <v>6957</v>
      </c>
      <c r="C1235" s="1" t="s">
        <v>1529</v>
      </c>
      <c r="D1235" s="18">
        <v>33</v>
      </c>
      <c r="E1235" s="1" t="s">
        <v>1523</v>
      </c>
      <c r="F1235" s="1" t="s">
        <v>7285</v>
      </c>
      <c r="G1235" s="1" t="s">
        <v>7286</v>
      </c>
      <c r="H1235" s="1" t="s">
        <v>7287</v>
      </c>
      <c r="I1235" s="1" t="s">
        <v>7288</v>
      </c>
      <c r="J1235" s="14" t="s">
        <v>5052</v>
      </c>
      <c r="K1235" s="1" t="s">
        <v>1366</v>
      </c>
      <c r="L1235" s="1" t="s">
        <v>4951</v>
      </c>
    </row>
    <row r="1236" spans="1:12" x14ac:dyDescent="0.25">
      <c r="A1236" s="1" t="s">
        <v>7289</v>
      </c>
      <c r="B1236" s="1" t="s">
        <v>6957</v>
      </c>
      <c r="C1236" s="1" t="s">
        <v>1529</v>
      </c>
      <c r="D1236" s="18">
        <v>34</v>
      </c>
      <c r="E1236" s="1" t="s">
        <v>5739</v>
      </c>
      <c r="F1236" s="1" t="s">
        <v>7290</v>
      </c>
      <c r="G1236" s="1" t="s">
        <v>7291</v>
      </c>
      <c r="H1236" s="1" t="s">
        <v>7292</v>
      </c>
      <c r="I1236" s="1" t="s">
        <v>7293</v>
      </c>
      <c r="K1236" s="1" t="s">
        <v>1334</v>
      </c>
      <c r="L1236" s="1" t="s">
        <v>4946</v>
      </c>
    </row>
    <row r="1237" spans="1:12" x14ac:dyDescent="0.25">
      <c r="A1237" s="1" t="s">
        <v>7294</v>
      </c>
      <c r="B1237" s="1" t="s">
        <v>6957</v>
      </c>
      <c r="C1237" s="1" t="s">
        <v>1529</v>
      </c>
      <c r="D1237" s="18">
        <v>35</v>
      </c>
      <c r="E1237" s="1" t="s">
        <v>5908</v>
      </c>
      <c r="F1237" s="1" t="s">
        <v>7295</v>
      </c>
      <c r="G1237" s="1" t="s">
        <v>7296</v>
      </c>
      <c r="H1237" s="1" t="s">
        <v>7297</v>
      </c>
      <c r="I1237" s="1" t="s">
        <v>7298</v>
      </c>
      <c r="K1237" s="1" t="s">
        <v>1334</v>
      </c>
      <c r="L1237" s="1" t="s">
        <v>4951</v>
      </c>
    </row>
    <row r="1238" spans="1:12" x14ac:dyDescent="0.25">
      <c r="A1238" s="1" t="s">
        <v>7299</v>
      </c>
      <c r="B1238" s="1" t="s">
        <v>6957</v>
      </c>
      <c r="C1238" s="1" t="s">
        <v>1686</v>
      </c>
      <c r="D1238" s="18">
        <v>1</v>
      </c>
      <c r="E1238" s="1" t="s">
        <v>1329</v>
      </c>
      <c r="F1238" s="1" t="s">
        <v>7300</v>
      </c>
      <c r="G1238" s="1" t="s">
        <v>7301</v>
      </c>
      <c r="H1238" s="1" t="s">
        <v>7302</v>
      </c>
      <c r="I1238" s="1" t="s">
        <v>7303</v>
      </c>
      <c r="K1238" s="1" t="s">
        <v>1366</v>
      </c>
      <c r="L1238" s="1" t="s">
        <v>4940</v>
      </c>
    </row>
    <row r="1239" spans="1:12" x14ac:dyDescent="0.25">
      <c r="A1239" s="1" t="s">
        <v>7304</v>
      </c>
      <c r="B1239" s="1" t="s">
        <v>6957</v>
      </c>
      <c r="C1239" s="1" t="s">
        <v>1686</v>
      </c>
      <c r="D1239" s="18">
        <v>2</v>
      </c>
      <c r="E1239" s="1" t="s">
        <v>1337</v>
      </c>
      <c r="F1239" s="1" t="s">
        <v>7305</v>
      </c>
      <c r="G1239" s="1" t="s">
        <v>7306</v>
      </c>
      <c r="H1239" s="1" t="s">
        <v>7307</v>
      </c>
      <c r="I1239" s="1" t="s">
        <v>7308</v>
      </c>
      <c r="K1239" s="1" t="s">
        <v>1366</v>
      </c>
      <c r="L1239" s="1" t="s">
        <v>4951</v>
      </c>
    </row>
    <row r="1240" spans="1:12" x14ac:dyDescent="0.25">
      <c r="A1240" s="1" t="s">
        <v>7309</v>
      </c>
      <c r="B1240" s="1" t="s">
        <v>6957</v>
      </c>
      <c r="C1240" s="1" t="s">
        <v>1686</v>
      </c>
      <c r="D1240" s="18">
        <v>3</v>
      </c>
      <c r="E1240" s="1" t="s">
        <v>1343</v>
      </c>
      <c r="F1240" s="1" t="s">
        <v>7310</v>
      </c>
      <c r="G1240" s="1" t="s">
        <v>7311</v>
      </c>
      <c r="H1240" s="1" t="s">
        <v>6208</v>
      </c>
      <c r="I1240" s="1" t="s">
        <v>7312</v>
      </c>
      <c r="K1240" s="1" t="s">
        <v>1366</v>
      </c>
      <c r="L1240" s="1" t="s">
        <v>4971</v>
      </c>
    </row>
    <row r="1241" spans="1:12" x14ac:dyDescent="0.25">
      <c r="A1241" s="1" t="s">
        <v>277</v>
      </c>
      <c r="B1241" s="1" t="s">
        <v>6957</v>
      </c>
      <c r="C1241" s="1" t="s">
        <v>1686</v>
      </c>
      <c r="D1241" s="18">
        <v>4</v>
      </c>
      <c r="E1241" s="1" t="s">
        <v>1349</v>
      </c>
      <c r="F1241" s="1" t="s">
        <v>7313</v>
      </c>
      <c r="G1241" s="1" t="s">
        <v>7314</v>
      </c>
      <c r="H1241" s="1" t="s">
        <v>7315</v>
      </c>
      <c r="I1241" s="1" t="s">
        <v>7316</v>
      </c>
      <c r="K1241" s="1" t="s">
        <v>1334</v>
      </c>
      <c r="L1241" s="1" t="s">
        <v>4946</v>
      </c>
    </row>
    <row r="1242" spans="1:12" x14ac:dyDescent="0.25">
      <c r="A1242" s="1" t="s">
        <v>7317</v>
      </c>
      <c r="B1242" s="1" t="s">
        <v>6957</v>
      </c>
      <c r="C1242" s="1" t="s">
        <v>1686</v>
      </c>
      <c r="D1242" s="18">
        <v>5</v>
      </c>
      <c r="E1242" s="1" t="s">
        <v>1355</v>
      </c>
      <c r="F1242" s="1" t="s">
        <v>7318</v>
      </c>
      <c r="G1242" s="1" t="s">
        <v>7319</v>
      </c>
      <c r="H1242" s="1" t="s">
        <v>7320</v>
      </c>
      <c r="I1242" s="1" t="s">
        <v>7321</v>
      </c>
      <c r="K1242" s="1" t="s">
        <v>1334</v>
      </c>
      <c r="L1242" s="1" t="s">
        <v>4951</v>
      </c>
    </row>
    <row r="1243" spans="1:12" x14ac:dyDescent="0.25">
      <c r="A1243" s="1" t="s">
        <v>7322</v>
      </c>
      <c r="B1243" s="1" t="s">
        <v>6957</v>
      </c>
      <c r="C1243" s="1" t="s">
        <v>1686</v>
      </c>
      <c r="D1243" s="18">
        <v>6</v>
      </c>
      <c r="E1243" s="1" t="s">
        <v>1361</v>
      </c>
      <c r="F1243" s="1" t="s">
        <v>7323</v>
      </c>
      <c r="G1243" s="1" t="s">
        <v>7324</v>
      </c>
      <c r="H1243" s="1" t="s">
        <v>7219</v>
      </c>
      <c r="I1243" s="1" t="s">
        <v>7325</v>
      </c>
      <c r="K1243" s="1" t="s">
        <v>1366</v>
      </c>
      <c r="L1243" s="1" t="s">
        <v>4940</v>
      </c>
    </row>
    <row r="1244" spans="1:12" x14ac:dyDescent="0.25">
      <c r="A1244" s="1" t="s">
        <v>7326</v>
      </c>
      <c r="B1244" s="1" t="s">
        <v>6957</v>
      </c>
      <c r="C1244" s="1" t="s">
        <v>1686</v>
      </c>
      <c r="D1244" s="18">
        <v>7</v>
      </c>
      <c r="E1244" s="1" t="s">
        <v>1368</v>
      </c>
      <c r="F1244" s="1" t="s">
        <v>7327</v>
      </c>
      <c r="G1244" s="1" t="s">
        <v>7328</v>
      </c>
      <c r="H1244" s="1" t="s">
        <v>7329</v>
      </c>
      <c r="I1244" s="1" t="s">
        <v>7330</v>
      </c>
      <c r="K1244" s="1" t="s">
        <v>1366</v>
      </c>
      <c r="L1244" s="1" t="s">
        <v>4971</v>
      </c>
    </row>
    <row r="1245" spans="1:12" x14ac:dyDescent="0.25">
      <c r="A1245" s="1" t="s">
        <v>7331</v>
      </c>
      <c r="B1245" s="1" t="s">
        <v>6957</v>
      </c>
      <c r="C1245" s="1" t="s">
        <v>1686</v>
      </c>
      <c r="D1245" s="18">
        <v>8</v>
      </c>
      <c r="E1245" s="1" t="s">
        <v>1374</v>
      </c>
      <c r="F1245" s="1" t="s">
        <v>7332</v>
      </c>
      <c r="G1245" s="1" t="s">
        <v>7333</v>
      </c>
      <c r="H1245" s="1" t="s">
        <v>7253</v>
      </c>
      <c r="I1245" s="1" t="s">
        <v>7334</v>
      </c>
      <c r="K1245" s="1" t="s">
        <v>1334</v>
      </c>
      <c r="L1245" s="1" t="s">
        <v>4946</v>
      </c>
    </row>
    <row r="1246" spans="1:12" x14ac:dyDescent="0.25">
      <c r="A1246" s="1" t="s">
        <v>7335</v>
      </c>
      <c r="B1246" s="1" t="s">
        <v>6957</v>
      </c>
      <c r="C1246" s="1" t="s">
        <v>1686</v>
      </c>
      <c r="D1246" s="18">
        <v>9</v>
      </c>
      <c r="E1246" s="1" t="s">
        <v>1380</v>
      </c>
      <c r="F1246" s="1" t="s">
        <v>7336</v>
      </c>
      <c r="G1246" s="1" t="s">
        <v>7337</v>
      </c>
      <c r="H1246" s="1" t="s">
        <v>7338</v>
      </c>
      <c r="I1246" s="1" t="s">
        <v>7339</v>
      </c>
      <c r="K1246" s="1" t="s">
        <v>1366</v>
      </c>
      <c r="L1246" s="1" t="s">
        <v>4940</v>
      </c>
    </row>
    <row r="1247" spans="1:12" x14ac:dyDescent="0.25">
      <c r="A1247" s="1" t="s">
        <v>7340</v>
      </c>
      <c r="B1247" s="1" t="s">
        <v>6957</v>
      </c>
      <c r="C1247" s="1" t="s">
        <v>1686</v>
      </c>
      <c r="D1247" s="18">
        <v>10</v>
      </c>
      <c r="E1247" s="1" t="s">
        <v>1386</v>
      </c>
      <c r="F1247" s="1" t="s">
        <v>7341</v>
      </c>
      <c r="G1247" s="1" t="s">
        <v>7342</v>
      </c>
      <c r="H1247" s="1" t="s">
        <v>7233</v>
      </c>
      <c r="I1247" s="1" t="s">
        <v>7343</v>
      </c>
      <c r="K1247" s="1" t="s">
        <v>1366</v>
      </c>
      <c r="L1247" s="1" t="s">
        <v>4971</v>
      </c>
    </row>
    <row r="1248" spans="1:12" x14ac:dyDescent="0.25">
      <c r="A1248" s="1" t="s">
        <v>7344</v>
      </c>
      <c r="B1248" s="1" t="s">
        <v>6957</v>
      </c>
      <c r="C1248" s="1" t="s">
        <v>1686</v>
      </c>
      <c r="D1248" s="18">
        <v>11</v>
      </c>
      <c r="E1248" s="1" t="s">
        <v>1392</v>
      </c>
      <c r="F1248" s="1" t="s">
        <v>7345</v>
      </c>
      <c r="G1248" s="1" t="s">
        <v>7346</v>
      </c>
      <c r="H1248" s="1" t="s">
        <v>7347</v>
      </c>
      <c r="I1248" s="1" t="s">
        <v>7348</v>
      </c>
      <c r="K1248" s="1" t="s">
        <v>1334</v>
      </c>
      <c r="L1248" s="1" t="s">
        <v>4951</v>
      </c>
    </row>
    <row r="1249" spans="1:12" x14ac:dyDescent="0.25">
      <c r="A1249" s="1" t="s">
        <v>7349</v>
      </c>
      <c r="B1249" s="1" t="s">
        <v>6957</v>
      </c>
      <c r="C1249" s="1" t="s">
        <v>1686</v>
      </c>
      <c r="D1249" s="18">
        <v>12</v>
      </c>
      <c r="E1249" s="1" t="s">
        <v>1398</v>
      </c>
      <c r="F1249" s="1" t="s">
        <v>7350</v>
      </c>
      <c r="G1249" s="1" t="s">
        <v>7351</v>
      </c>
      <c r="H1249" s="1" t="s">
        <v>7352</v>
      </c>
      <c r="I1249" s="1" t="s">
        <v>7353</v>
      </c>
      <c r="K1249" s="1" t="s">
        <v>1334</v>
      </c>
      <c r="L1249" s="1" t="s">
        <v>4946</v>
      </c>
    </row>
    <row r="1250" spans="1:12" x14ac:dyDescent="0.25">
      <c r="A1250" s="1" t="s">
        <v>7354</v>
      </c>
      <c r="B1250" s="1" t="s">
        <v>6957</v>
      </c>
      <c r="C1250" s="1" t="s">
        <v>1686</v>
      </c>
      <c r="D1250" s="18">
        <v>13</v>
      </c>
      <c r="E1250" s="1" t="s">
        <v>1404</v>
      </c>
      <c r="F1250" s="1" t="s">
        <v>7355</v>
      </c>
      <c r="G1250" s="1" t="s">
        <v>7356</v>
      </c>
      <c r="H1250" s="1" t="s">
        <v>7357</v>
      </c>
      <c r="I1250" s="1" t="s">
        <v>7358</v>
      </c>
      <c r="K1250" s="1" t="s">
        <v>1366</v>
      </c>
      <c r="L1250" s="1" t="s">
        <v>4940</v>
      </c>
    </row>
    <row r="1251" spans="1:12" x14ac:dyDescent="0.25">
      <c r="A1251" s="1" t="s">
        <v>276</v>
      </c>
      <c r="B1251" s="1" t="s">
        <v>6957</v>
      </c>
      <c r="C1251" s="1" t="s">
        <v>1686</v>
      </c>
      <c r="D1251" s="18">
        <v>14</v>
      </c>
      <c r="E1251" s="1" t="s">
        <v>1410</v>
      </c>
      <c r="F1251" s="1" t="s">
        <v>7359</v>
      </c>
      <c r="G1251" s="1" t="s">
        <v>7360</v>
      </c>
      <c r="H1251" s="1" t="s">
        <v>7361</v>
      </c>
      <c r="I1251" s="1" t="s">
        <v>7362</v>
      </c>
      <c r="K1251" s="1" t="s">
        <v>1334</v>
      </c>
      <c r="L1251" s="1" t="s">
        <v>4951</v>
      </c>
    </row>
    <row r="1252" spans="1:12" x14ac:dyDescent="0.25">
      <c r="A1252" s="1" t="s">
        <v>7363</v>
      </c>
      <c r="B1252" s="1" t="s">
        <v>6957</v>
      </c>
      <c r="C1252" s="1" t="s">
        <v>1686</v>
      </c>
      <c r="D1252" s="18">
        <v>15</v>
      </c>
      <c r="E1252" s="1" t="s">
        <v>1416</v>
      </c>
      <c r="F1252" s="1" t="s">
        <v>7364</v>
      </c>
      <c r="G1252" s="1" t="s">
        <v>7365</v>
      </c>
      <c r="H1252" s="1" t="s">
        <v>7366</v>
      </c>
      <c r="I1252" s="1" t="s">
        <v>7367</v>
      </c>
      <c r="K1252" s="1" t="s">
        <v>1334</v>
      </c>
      <c r="L1252" s="1" t="s">
        <v>4971</v>
      </c>
    </row>
    <row r="1253" spans="1:12" x14ac:dyDescent="0.25">
      <c r="A1253" s="1" t="s">
        <v>7368</v>
      </c>
      <c r="B1253" s="1" t="s">
        <v>6957</v>
      </c>
      <c r="C1253" s="1" t="s">
        <v>1686</v>
      </c>
      <c r="D1253" s="18">
        <v>16</v>
      </c>
      <c r="E1253" s="1" t="s">
        <v>1422</v>
      </c>
      <c r="F1253" s="1" t="s">
        <v>7369</v>
      </c>
      <c r="G1253" s="1" t="s">
        <v>7370</v>
      </c>
      <c r="H1253" s="1" t="s">
        <v>7371</v>
      </c>
      <c r="I1253" s="1" t="s">
        <v>7372</v>
      </c>
      <c r="K1253" s="1" t="s">
        <v>1366</v>
      </c>
      <c r="L1253" s="1" t="s">
        <v>4946</v>
      </c>
    </row>
    <row r="1254" spans="1:12" x14ac:dyDescent="0.25">
      <c r="A1254" s="1" t="s">
        <v>7373</v>
      </c>
      <c r="B1254" s="1" t="s">
        <v>6957</v>
      </c>
      <c r="C1254" s="1" t="s">
        <v>1686</v>
      </c>
      <c r="D1254" s="18">
        <v>17</v>
      </c>
      <c r="E1254" s="1" t="s">
        <v>1428</v>
      </c>
      <c r="F1254" s="1" t="s">
        <v>7374</v>
      </c>
      <c r="G1254" s="1" t="s">
        <v>7375</v>
      </c>
      <c r="H1254" s="1" t="s">
        <v>7376</v>
      </c>
      <c r="I1254" s="1" t="s">
        <v>7377</v>
      </c>
      <c r="K1254" s="1" t="s">
        <v>1366</v>
      </c>
      <c r="L1254" s="1" t="s">
        <v>4971</v>
      </c>
    </row>
    <row r="1255" spans="1:12" x14ac:dyDescent="0.25">
      <c r="A1255" s="1" t="s">
        <v>7378</v>
      </c>
      <c r="B1255" s="1" t="s">
        <v>6957</v>
      </c>
      <c r="C1255" s="1" t="s">
        <v>1686</v>
      </c>
      <c r="D1255" s="18">
        <v>18</v>
      </c>
      <c r="E1255" s="1" t="s">
        <v>1434</v>
      </c>
      <c r="F1255" s="1" t="s">
        <v>7379</v>
      </c>
      <c r="G1255" s="1" t="s">
        <v>7380</v>
      </c>
      <c r="H1255" s="1" t="s">
        <v>7381</v>
      </c>
      <c r="I1255" s="1" t="s">
        <v>7382</v>
      </c>
      <c r="K1255" s="1" t="s">
        <v>1366</v>
      </c>
      <c r="L1255" s="1" t="s">
        <v>4946</v>
      </c>
    </row>
    <row r="1256" spans="1:12" x14ac:dyDescent="0.25">
      <c r="A1256" s="1" t="s">
        <v>7383</v>
      </c>
      <c r="B1256" s="1" t="s">
        <v>6957</v>
      </c>
      <c r="C1256" s="1" t="s">
        <v>1686</v>
      </c>
      <c r="D1256" s="18">
        <v>19</v>
      </c>
      <c r="E1256" s="1" t="s">
        <v>1440</v>
      </c>
      <c r="F1256" s="1" t="s">
        <v>7384</v>
      </c>
      <c r="G1256" s="1" t="s">
        <v>7385</v>
      </c>
      <c r="H1256" s="1" t="s">
        <v>7386</v>
      </c>
      <c r="I1256" s="1" t="s">
        <v>7387</v>
      </c>
      <c r="K1256" s="1" t="s">
        <v>1366</v>
      </c>
      <c r="L1256" s="1" t="s">
        <v>4940</v>
      </c>
    </row>
    <row r="1257" spans="1:12" x14ac:dyDescent="0.25">
      <c r="A1257" s="1" t="s">
        <v>7388</v>
      </c>
      <c r="B1257" s="1" t="s">
        <v>6957</v>
      </c>
      <c r="C1257" s="1" t="s">
        <v>1686</v>
      </c>
      <c r="D1257" s="18">
        <v>20</v>
      </c>
      <c r="E1257" s="1" t="s">
        <v>1446</v>
      </c>
      <c r="F1257" s="1" t="s">
        <v>7389</v>
      </c>
      <c r="G1257" s="1" t="s">
        <v>7390</v>
      </c>
      <c r="H1257" s="1" t="s">
        <v>7391</v>
      </c>
      <c r="I1257" s="1" t="s">
        <v>7392</v>
      </c>
      <c r="J1257" s="14" t="s">
        <v>5052</v>
      </c>
      <c r="K1257" s="1" t="s">
        <v>1334</v>
      </c>
      <c r="L1257" s="1" t="s">
        <v>4940</v>
      </c>
    </row>
    <row r="1258" spans="1:12" x14ac:dyDescent="0.25">
      <c r="A1258" s="1" t="s">
        <v>1166</v>
      </c>
      <c r="B1258" s="1" t="s">
        <v>6957</v>
      </c>
      <c r="C1258" s="1" t="s">
        <v>1686</v>
      </c>
      <c r="D1258" s="18">
        <v>21</v>
      </c>
      <c r="E1258" s="1" t="s">
        <v>1452</v>
      </c>
      <c r="F1258" s="1" t="s">
        <v>7393</v>
      </c>
      <c r="G1258" s="1" t="s">
        <v>7394</v>
      </c>
      <c r="H1258" s="1" t="s">
        <v>7395</v>
      </c>
      <c r="I1258" s="1" t="s">
        <v>7396</v>
      </c>
      <c r="K1258" s="1" t="s">
        <v>1334</v>
      </c>
      <c r="L1258" s="1" t="s">
        <v>4951</v>
      </c>
    </row>
    <row r="1259" spans="1:12" x14ac:dyDescent="0.25">
      <c r="A1259" s="1" t="s">
        <v>7397</v>
      </c>
      <c r="B1259" s="1" t="s">
        <v>6957</v>
      </c>
      <c r="C1259" s="1" t="s">
        <v>1686</v>
      </c>
      <c r="D1259" s="18">
        <v>22</v>
      </c>
      <c r="E1259" s="1" t="s">
        <v>1458</v>
      </c>
      <c r="F1259" s="1" t="s">
        <v>7398</v>
      </c>
      <c r="G1259" s="1" t="s">
        <v>7399</v>
      </c>
      <c r="H1259" s="1" t="s">
        <v>7400</v>
      </c>
      <c r="I1259" s="1" t="s">
        <v>7401</v>
      </c>
      <c r="K1259" s="1" t="s">
        <v>1334</v>
      </c>
      <c r="L1259" s="1" t="s">
        <v>4951</v>
      </c>
    </row>
    <row r="1260" spans="1:12" x14ac:dyDescent="0.25">
      <c r="A1260" s="1" t="s">
        <v>7402</v>
      </c>
      <c r="B1260" s="1" t="s">
        <v>6957</v>
      </c>
      <c r="C1260" s="1" t="s">
        <v>1686</v>
      </c>
      <c r="D1260" s="18">
        <v>23</v>
      </c>
      <c r="E1260" s="1" t="s">
        <v>1464</v>
      </c>
      <c r="F1260" s="1" t="s">
        <v>7403</v>
      </c>
      <c r="G1260" s="1" t="s">
        <v>7404</v>
      </c>
      <c r="H1260" s="1" t="s">
        <v>7405</v>
      </c>
      <c r="I1260" s="1" t="s">
        <v>7406</v>
      </c>
      <c r="K1260" s="1" t="s">
        <v>1366</v>
      </c>
      <c r="L1260" s="1" t="s">
        <v>4951</v>
      </c>
    </row>
    <row r="1261" spans="1:12" x14ac:dyDescent="0.25">
      <c r="A1261" s="1" t="s">
        <v>1173</v>
      </c>
      <c r="B1261" s="1" t="s">
        <v>6957</v>
      </c>
      <c r="C1261" s="1" t="s">
        <v>1686</v>
      </c>
      <c r="D1261" s="18">
        <v>24</v>
      </c>
      <c r="E1261" s="1" t="s">
        <v>1470</v>
      </c>
      <c r="F1261" s="1" t="s">
        <v>7407</v>
      </c>
      <c r="G1261" s="1" t="s">
        <v>7408</v>
      </c>
      <c r="H1261" s="1" t="s">
        <v>7036</v>
      </c>
      <c r="I1261" s="1" t="s">
        <v>7409</v>
      </c>
      <c r="K1261" s="1" t="s">
        <v>1366</v>
      </c>
      <c r="L1261" s="1" t="s">
        <v>4940</v>
      </c>
    </row>
    <row r="1262" spans="1:12" x14ac:dyDescent="0.25">
      <c r="A1262" s="1" t="s">
        <v>7410</v>
      </c>
      <c r="B1262" s="1" t="s">
        <v>6957</v>
      </c>
      <c r="C1262" s="1" t="s">
        <v>1686</v>
      </c>
      <c r="D1262" s="18">
        <v>25</v>
      </c>
      <c r="E1262" s="1" t="s">
        <v>1476</v>
      </c>
      <c r="F1262" s="1" t="s">
        <v>7411</v>
      </c>
      <c r="G1262" s="1" t="s">
        <v>7412</v>
      </c>
      <c r="H1262" s="1" t="s">
        <v>7413</v>
      </c>
      <c r="I1262" s="1" t="s">
        <v>7414</v>
      </c>
      <c r="K1262" s="1" t="s">
        <v>1366</v>
      </c>
      <c r="L1262" s="1" t="s">
        <v>4946</v>
      </c>
    </row>
    <row r="1263" spans="1:12" x14ac:dyDescent="0.25">
      <c r="A1263" s="1" t="s">
        <v>5318</v>
      </c>
      <c r="B1263" s="1" t="s">
        <v>6957</v>
      </c>
      <c r="C1263" s="1" t="s">
        <v>1686</v>
      </c>
      <c r="D1263" s="18">
        <v>26</v>
      </c>
      <c r="E1263" s="1" t="s">
        <v>1482</v>
      </c>
      <c r="F1263" s="1" t="s">
        <v>7415</v>
      </c>
      <c r="G1263" s="1" t="s">
        <v>7416</v>
      </c>
      <c r="H1263" s="1" t="s">
        <v>7417</v>
      </c>
      <c r="I1263" s="1" t="s">
        <v>7418</v>
      </c>
      <c r="J1263" s="14" t="s">
        <v>5052</v>
      </c>
      <c r="K1263" s="1" t="s">
        <v>1334</v>
      </c>
      <c r="L1263" s="1" t="s">
        <v>4971</v>
      </c>
    </row>
    <row r="1264" spans="1:12" x14ac:dyDescent="0.25">
      <c r="A1264" s="1" t="s">
        <v>7419</v>
      </c>
      <c r="B1264" s="1" t="s">
        <v>6957</v>
      </c>
      <c r="C1264" s="1" t="s">
        <v>1686</v>
      </c>
      <c r="D1264" s="18">
        <v>27</v>
      </c>
      <c r="E1264" s="1" t="s">
        <v>1488</v>
      </c>
      <c r="F1264" s="1" t="s">
        <v>7420</v>
      </c>
      <c r="G1264" s="1" t="s">
        <v>7421</v>
      </c>
      <c r="H1264" s="1" t="s">
        <v>7422</v>
      </c>
      <c r="I1264" s="1" t="s">
        <v>7423</v>
      </c>
      <c r="K1264" s="1" t="s">
        <v>1334</v>
      </c>
      <c r="L1264" s="1" t="s">
        <v>4951</v>
      </c>
    </row>
    <row r="1265" spans="1:12" x14ac:dyDescent="0.25">
      <c r="A1265" s="1" t="s">
        <v>7424</v>
      </c>
      <c r="B1265" s="1" t="s">
        <v>6957</v>
      </c>
      <c r="C1265" s="1" t="s">
        <v>1686</v>
      </c>
      <c r="D1265" s="18">
        <v>28</v>
      </c>
      <c r="E1265" s="1" t="s">
        <v>1494</v>
      </c>
      <c r="F1265" s="1" t="s">
        <v>7425</v>
      </c>
      <c r="G1265" s="1" t="s">
        <v>7426</v>
      </c>
      <c r="H1265" s="1" t="s">
        <v>7427</v>
      </c>
      <c r="I1265" s="1" t="s">
        <v>7428</v>
      </c>
      <c r="K1265" s="1" t="s">
        <v>1366</v>
      </c>
      <c r="L1265" s="1" t="s">
        <v>4946</v>
      </c>
    </row>
    <row r="1266" spans="1:12" x14ac:dyDescent="0.25">
      <c r="A1266" s="1" t="s">
        <v>7429</v>
      </c>
      <c r="B1266" s="1" t="s">
        <v>6957</v>
      </c>
      <c r="C1266" s="1" t="s">
        <v>1686</v>
      </c>
      <c r="D1266" s="18">
        <v>29</v>
      </c>
      <c r="E1266" s="1" t="s">
        <v>1500</v>
      </c>
      <c r="F1266" s="1" t="s">
        <v>7430</v>
      </c>
      <c r="G1266" s="1" t="s">
        <v>7431</v>
      </c>
      <c r="H1266" s="1" t="s">
        <v>6398</v>
      </c>
      <c r="I1266" s="1" t="s">
        <v>7432</v>
      </c>
      <c r="K1266" s="1" t="s">
        <v>1366</v>
      </c>
      <c r="L1266" s="1" t="s">
        <v>4946</v>
      </c>
    </row>
    <row r="1267" spans="1:12" x14ac:dyDescent="0.25">
      <c r="A1267" s="1" t="s">
        <v>7433</v>
      </c>
      <c r="B1267" s="1" t="s">
        <v>6957</v>
      </c>
      <c r="C1267" s="1" t="s">
        <v>1686</v>
      </c>
      <c r="D1267" s="18">
        <v>30</v>
      </c>
      <c r="E1267" s="1" t="s">
        <v>1506</v>
      </c>
      <c r="F1267" s="1" t="s">
        <v>7434</v>
      </c>
      <c r="G1267" s="1" t="s">
        <v>7435</v>
      </c>
      <c r="H1267" s="1" t="s">
        <v>7436</v>
      </c>
      <c r="I1267" s="1" t="s">
        <v>7437</v>
      </c>
      <c r="K1267" s="1" t="s">
        <v>1366</v>
      </c>
      <c r="L1267" s="1" t="s">
        <v>4951</v>
      </c>
    </row>
    <row r="1268" spans="1:12" x14ac:dyDescent="0.25">
      <c r="A1268" s="1" t="s">
        <v>7438</v>
      </c>
      <c r="B1268" s="1" t="s">
        <v>6957</v>
      </c>
      <c r="C1268" s="1" t="s">
        <v>1686</v>
      </c>
      <c r="D1268" s="18">
        <v>31</v>
      </c>
      <c r="E1268" s="1" t="s">
        <v>1512</v>
      </c>
      <c r="F1268" s="1" t="s">
        <v>7439</v>
      </c>
      <c r="G1268" s="1" t="s">
        <v>7440</v>
      </c>
      <c r="H1268" s="1" t="s">
        <v>7441</v>
      </c>
      <c r="I1268" s="1" t="s">
        <v>7442</v>
      </c>
      <c r="K1268" s="1" t="s">
        <v>1334</v>
      </c>
      <c r="L1268" s="1" t="s">
        <v>4971</v>
      </c>
    </row>
    <row r="1269" spans="1:12" x14ac:dyDescent="0.25">
      <c r="A1269" s="1" t="s">
        <v>7443</v>
      </c>
      <c r="B1269" s="1" t="s">
        <v>6957</v>
      </c>
      <c r="C1269" s="1" t="s">
        <v>1686</v>
      </c>
      <c r="D1269" s="18">
        <v>32</v>
      </c>
      <c r="E1269" s="1" t="s">
        <v>1517</v>
      </c>
      <c r="F1269" s="1" t="s">
        <v>7444</v>
      </c>
      <c r="G1269" s="1" t="s">
        <v>7445</v>
      </c>
      <c r="H1269" s="1" t="s">
        <v>7138</v>
      </c>
      <c r="I1269" s="1" t="s">
        <v>7446</v>
      </c>
      <c r="K1269" s="1" t="s">
        <v>1334</v>
      </c>
      <c r="L1269" s="1" t="s">
        <v>4946</v>
      </c>
    </row>
    <row r="1270" spans="1:12" x14ac:dyDescent="0.25">
      <c r="A1270" s="1" t="s">
        <v>7447</v>
      </c>
      <c r="B1270" s="1" t="s">
        <v>6957</v>
      </c>
      <c r="C1270" s="1" t="s">
        <v>1686</v>
      </c>
      <c r="D1270" s="18">
        <v>33</v>
      </c>
      <c r="E1270" s="1" t="s">
        <v>1523</v>
      </c>
      <c r="F1270" s="1" t="s">
        <v>7448</v>
      </c>
      <c r="G1270" s="1" t="s">
        <v>7449</v>
      </c>
      <c r="H1270" s="1" t="s">
        <v>7450</v>
      </c>
      <c r="I1270" s="1" t="s">
        <v>7451</v>
      </c>
      <c r="K1270" s="1" t="s">
        <v>1366</v>
      </c>
      <c r="L1270" s="1" t="s">
        <v>4971</v>
      </c>
    </row>
    <row r="1271" spans="1:12" x14ac:dyDescent="0.25">
      <c r="A1271" s="1" t="s">
        <v>7452</v>
      </c>
      <c r="B1271" s="1" t="s">
        <v>6957</v>
      </c>
      <c r="C1271" s="1" t="s">
        <v>1686</v>
      </c>
      <c r="D1271" s="18">
        <v>34</v>
      </c>
      <c r="E1271" s="1" t="s">
        <v>5739</v>
      </c>
      <c r="F1271" s="1" t="s">
        <v>7453</v>
      </c>
      <c r="G1271" s="1" t="s">
        <v>7454</v>
      </c>
      <c r="H1271" s="1" t="s">
        <v>6750</v>
      </c>
      <c r="I1271" s="1" t="s">
        <v>7455</v>
      </c>
      <c r="K1271" s="1" t="s">
        <v>1334</v>
      </c>
      <c r="L1271" s="1" t="s">
        <v>4971</v>
      </c>
    </row>
    <row r="1272" spans="1:12" x14ac:dyDescent="0.25">
      <c r="A1272" s="1" t="s">
        <v>7456</v>
      </c>
      <c r="B1272" s="1" t="s">
        <v>6957</v>
      </c>
      <c r="C1272" s="1" t="s">
        <v>1686</v>
      </c>
      <c r="D1272" s="18">
        <v>35</v>
      </c>
      <c r="E1272" s="1" t="s">
        <v>5908</v>
      </c>
      <c r="F1272" s="1" t="s">
        <v>7457</v>
      </c>
      <c r="G1272" s="1" t="s">
        <v>7458</v>
      </c>
      <c r="H1272" s="1" t="s">
        <v>7459</v>
      </c>
      <c r="I1272" s="1" t="s">
        <v>7460</v>
      </c>
      <c r="K1272" s="1" t="s">
        <v>1334</v>
      </c>
      <c r="L1272" s="1" t="s">
        <v>4940</v>
      </c>
    </row>
    <row r="1273" spans="1:12" x14ac:dyDescent="0.25">
      <c r="A1273" s="1" t="s">
        <v>7461</v>
      </c>
      <c r="B1273" s="1" t="s">
        <v>6957</v>
      </c>
      <c r="C1273" s="1" t="s">
        <v>1843</v>
      </c>
      <c r="D1273" s="18">
        <v>1</v>
      </c>
      <c r="E1273" s="1" t="s">
        <v>1329</v>
      </c>
      <c r="F1273" s="1" t="s">
        <v>7462</v>
      </c>
      <c r="G1273" s="1" t="s">
        <v>7463</v>
      </c>
      <c r="H1273" s="1" t="s">
        <v>7464</v>
      </c>
      <c r="I1273" s="1" t="s">
        <v>7465</v>
      </c>
      <c r="J1273" s="14" t="s">
        <v>5052</v>
      </c>
      <c r="K1273" s="1" t="s">
        <v>1366</v>
      </c>
      <c r="L1273" s="1" t="s">
        <v>4946</v>
      </c>
    </row>
    <row r="1274" spans="1:12" x14ac:dyDescent="0.25">
      <c r="A1274" s="1" t="s">
        <v>7466</v>
      </c>
      <c r="B1274" s="1" t="s">
        <v>6957</v>
      </c>
      <c r="C1274" s="1" t="s">
        <v>1843</v>
      </c>
      <c r="D1274" s="18">
        <v>2</v>
      </c>
      <c r="E1274" s="1" t="s">
        <v>1337</v>
      </c>
      <c r="F1274" s="1" t="s">
        <v>7467</v>
      </c>
      <c r="G1274" s="1" t="s">
        <v>7468</v>
      </c>
      <c r="H1274" s="1" t="s">
        <v>7469</v>
      </c>
      <c r="I1274" s="1" t="s">
        <v>7470</v>
      </c>
      <c r="K1274" s="1" t="s">
        <v>1334</v>
      </c>
      <c r="L1274" s="1" t="s">
        <v>4951</v>
      </c>
    </row>
    <row r="1275" spans="1:12" x14ac:dyDescent="0.25">
      <c r="A1275" s="1" t="s">
        <v>7471</v>
      </c>
      <c r="B1275" s="1" t="s">
        <v>6957</v>
      </c>
      <c r="C1275" s="1" t="s">
        <v>1843</v>
      </c>
      <c r="D1275" s="18">
        <v>3</v>
      </c>
      <c r="E1275" s="1" t="s">
        <v>1343</v>
      </c>
      <c r="F1275" s="1" t="s">
        <v>7472</v>
      </c>
      <c r="G1275" s="1" t="s">
        <v>7473</v>
      </c>
      <c r="H1275" s="1" t="s">
        <v>7474</v>
      </c>
      <c r="I1275" s="1" t="s">
        <v>7475</v>
      </c>
      <c r="K1275" s="1" t="s">
        <v>1334</v>
      </c>
      <c r="L1275" s="1" t="s">
        <v>4971</v>
      </c>
    </row>
    <row r="1276" spans="1:12" x14ac:dyDescent="0.25">
      <c r="A1276" s="1" t="s">
        <v>1175</v>
      </c>
      <c r="B1276" s="1" t="s">
        <v>6957</v>
      </c>
      <c r="C1276" s="1" t="s">
        <v>1843</v>
      </c>
      <c r="D1276" s="18">
        <v>4</v>
      </c>
      <c r="E1276" s="1" t="s">
        <v>1349</v>
      </c>
      <c r="F1276" s="1" t="s">
        <v>7476</v>
      </c>
      <c r="G1276" s="1" t="s">
        <v>7477</v>
      </c>
      <c r="H1276" s="1" t="s">
        <v>7478</v>
      </c>
      <c r="I1276" s="1" t="s">
        <v>7479</v>
      </c>
      <c r="K1276" s="1" t="s">
        <v>1366</v>
      </c>
      <c r="L1276" s="1" t="s">
        <v>4971</v>
      </c>
    </row>
    <row r="1277" spans="1:12" x14ac:dyDescent="0.25">
      <c r="A1277" s="1" t="s">
        <v>7480</v>
      </c>
      <c r="B1277" s="1" t="s">
        <v>6957</v>
      </c>
      <c r="C1277" s="1" t="s">
        <v>1843</v>
      </c>
      <c r="D1277" s="18">
        <v>5</v>
      </c>
      <c r="E1277" s="1" t="s">
        <v>1355</v>
      </c>
      <c r="F1277" s="1" t="s">
        <v>7481</v>
      </c>
      <c r="G1277" s="1" t="s">
        <v>7482</v>
      </c>
      <c r="H1277" s="1" t="s">
        <v>7483</v>
      </c>
      <c r="I1277" s="1" t="s">
        <v>7484</v>
      </c>
      <c r="K1277" s="1" t="s">
        <v>1334</v>
      </c>
      <c r="L1277" s="1" t="s">
        <v>4946</v>
      </c>
    </row>
    <row r="1278" spans="1:12" x14ac:dyDescent="0.25">
      <c r="A1278" s="1" t="s">
        <v>7485</v>
      </c>
      <c r="B1278" s="1" t="s">
        <v>6957</v>
      </c>
      <c r="C1278" s="1" t="s">
        <v>1843</v>
      </c>
      <c r="D1278" s="18">
        <v>6</v>
      </c>
      <c r="E1278" s="1" t="s">
        <v>1361</v>
      </c>
      <c r="F1278" s="1" t="s">
        <v>7486</v>
      </c>
      <c r="G1278" s="1" t="s">
        <v>7487</v>
      </c>
      <c r="H1278" s="1" t="s">
        <v>7488</v>
      </c>
      <c r="I1278" s="1" t="s">
        <v>7489</v>
      </c>
      <c r="K1278" s="1" t="s">
        <v>1366</v>
      </c>
      <c r="L1278" s="1" t="s">
        <v>4951</v>
      </c>
    </row>
    <row r="1279" spans="1:12" x14ac:dyDescent="0.25">
      <c r="A1279" s="1" t="s">
        <v>7490</v>
      </c>
      <c r="B1279" s="1" t="s">
        <v>6957</v>
      </c>
      <c r="C1279" s="1" t="s">
        <v>1843</v>
      </c>
      <c r="D1279" s="18">
        <v>7</v>
      </c>
      <c r="E1279" s="1" t="s">
        <v>1368</v>
      </c>
      <c r="F1279" s="1" t="s">
        <v>7491</v>
      </c>
      <c r="G1279" s="1" t="s">
        <v>7492</v>
      </c>
      <c r="H1279" s="1" t="s">
        <v>7493</v>
      </c>
      <c r="I1279" s="1" t="s">
        <v>7494</v>
      </c>
      <c r="K1279" s="1" t="s">
        <v>1334</v>
      </c>
      <c r="L1279" s="1" t="s">
        <v>4940</v>
      </c>
    </row>
    <row r="1280" spans="1:12" x14ac:dyDescent="0.25">
      <c r="A1280" s="1" t="s">
        <v>7495</v>
      </c>
      <c r="B1280" s="1" t="s">
        <v>6957</v>
      </c>
      <c r="C1280" s="1" t="s">
        <v>1843</v>
      </c>
      <c r="D1280" s="18">
        <v>8</v>
      </c>
      <c r="E1280" s="1" t="s">
        <v>1374</v>
      </c>
      <c r="F1280" s="1" t="s">
        <v>7496</v>
      </c>
      <c r="G1280" s="1" t="s">
        <v>7497</v>
      </c>
      <c r="H1280" s="1" t="s">
        <v>7498</v>
      </c>
      <c r="I1280" s="1" t="s">
        <v>7499</v>
      </c>
      <c r="J1280" s="14" t="s">
        <v>5052</v>
      </c>
      <c r="K1280" s="1" t="s">
        <v>1366</v>
      </c>
      <c r="L1280" s="1" t="s">
        <v>4940</v>
      </c>
    </row>
    <row r="1281" spans="1:12" x14ac:dyDescent="0.25">
      <c r="A1281" s="1" t="s">
        <v>7500</v>
      </c>
      <c r="B1281" s="1" t="s">
        <v>6957</v>
      </c>
      <c r="C1281" s="1" t="s">
        <v>1843</v>
      </c>
      <c r="D1281" s="18">
        <v>9</v>
      </c>
      <c r="E1281" s="1" t="s">
        <v>1380</v>
      </c>
      <c r="F1281" s="1" t="s">
        <v>7501</v>
      </c>
      <c r="G1281" s="1" t="s">
        <v>7502</v>
      </c>
      <c r="H1281" s="1" t="s">
        <v>7503</v>
      </c>
      <c r="I1281" s="1" t="s">
        <v>7504</v>
      </c>
      <c r="K1281" s="1" t="s">
        <v>1334</v>
      </c>
      <c r="L1281" s="1" t="s">
        <v>4971</v>
      </c>
    </row>
    <row r="1282" spans="1:12" x14ac:dyDescent="0.25">
      <c r="A1282" s="1" t="s">
        <v>7505</v>
      </c>
      <c r="B1282" s="1" t="s">
        <v>6957</v>
      </c>
      <c r="C1282" s="1" t="s">
        <v>1843</v>
      </c>
      <c r="D1282" s="18">
        <v>10</v>
      </c>
      <c r="E1282" s="1" t="s">
        <v>1386</v>
      </c>
      <c r="F1282" s="1" t="s">
        <v>7506</v>
      </c>
      <c r="G1282" s="1" t="s">
        <v>7507</v>
      </c>
      <c r="H1282" s="1" t="s">
        <v>7508</v>
      </c>
      <c r="I1282" s="1" t="s">
        <v>7509</v>
      </c>
      <c r="K1282" s="1" t="s">
        <v>1366</v>
      </c>
      <c r="L1282" s="1" t="s">
        <v>4951</v>
      </c>
    </row>
    <row r="1283" spans="1:12" x14ac:dyDescent="0.25">
      <c r="A1283" s="1" t="s">
        <v>7510</v>
      </c>
      <c r="B1283" s="1" t="s">
        <v>6957</v>
      </c>
      <c r="C1283" s="1" t="s">
        <v>1843</v>
      </c>
      <c r="D1283" s="18">
        <v>11</v>
      </c>
      <c r="E1283" s="1" t="s">
        <v>1392</v>
      </c>
      <c r="F1283" s="1" t="s">
        <v>7511</v>
      </c>
      <c r="G1283" s="1" t="s">
        <v>7512</v>
      </c>
      <c r="H1283" s="1" t="s">
        <v>7017</v>
      </c>
      <c r="I1283" s="1" t="s">
        <v>7513</v>
      </c>
      <c r="K1283" s="1" t="s">
        <v>1366</v>
      </c>
      <c r="L1283" s="1" t="s">
        <v>4971</v>
      </c>
    </row>
    <row r="1284" spans="1:12" x14ac:dyDescent="0.25">
      <c r="A1284" s="1" t="s">
        <v>7514</v>
      </c>
      <c r="B1284" s="1" t="s">
        <v>6957</v>
      </c>
      <c r="C1284" s="1" t="s">
        <v>1843</v>
      </c>
      <c r="D1284" s="18">
        <v>12</v>
      </c>
      <c r="E1284" s="1" t="s">
        <v>1398</v>
      </c>
      <c r="F1284" s="1" t="s">
        <v>7515</v>
      </c>
      <c r="G1284" s="1" t="s">
        <v>7516</v>
      </c>
      <c r="H1284" s="1" t="s">
        <v>7320</v>
      </c>
      <c r="I1284" s="1" t="s">
        <v>7517</v>
      </c>
      <c r="K1284" s="1" t="s">
        <v>1366</v>
      </c>
      <c r="L1284" s="1" t="s">
        <v>4951</v>
      </c>
    </row>
    <row r="1285" spans="1:12" x14ac:dyDescent="0.25">
      <c r="A1285" s="1" t="s">
        <v>7518</v>
      </c>
      <c r="B1285" s="1" t="s">
        <v>6957</v>
      </c>
      <c r="C1285" s="1" t="s">
        <v>1843</v>
      </c>
      <c r="D1285" s="18">
        <v>13</v>
      </c>
      <c r="E1285" s="1" t="s">
        <v>1404</v>
      </c>
      <c r="F1285" s="1" t="s">
        <v>7519</v>
      </c>
      <c r="G1285" s="1" t="s">
        <v>7520</v>
      </c>
      <c r="H1285" s="1" t="s">
        <v>7521</v>
      </c>
      <c r="I1285" s="1" t="s">
        <v>7522</v>
      </c>
      <c r="K1285" s="1" t="s">
        <v>1334</v>
      </c>
      <c r="L1285" s="1" t="s">
        <v>4951</v>
      </c>
    </row>
    <row r="1286" spans="1:12" x14ac:dyDescent="0.25">
      <c r="A1286" s="1" t="s">
        <v>7523</v>
      </c>
      <c r="B1286" s="1" t="s">
        <v>6957</v>
      </c>
      <c r="C1286" s="1" t="s">
        <v>1843</v>
      </c>
      <c r="D1286" s="18">
        <v>14</v>
      </c>
      <c r="E1286" s="1" t="s">
        <v>1410</v>
      </c>
      <c r="F1286" s="1" t="s">
        <v>7524</v>
      </c>
      <c r="G1286" s="1" t="s">
        <v>7525</v>
      </c>
      <c r="H1286" s="1" t="s">
        <v>7526</v>
      </c>
      <c r="I1286" s="1" t="s">
        <v>7527</v>
      </c>
      <c r="K1286" s="1" t="s">
        <v>1334</v>
      </c>
      <c r="L1286" s="1" t="s">
        <v>4946</v>
      </c>
    </row>
    <row r="1287" spans="1:12" x14ac:dyDescent="0.25">
      <c r="A1287" s="1" t="s">
        <v>7528</v>
      </c>
      <c r="B1287" s="1" t="s">
        <v>6957</v>
      </c>
      <c r="C1287" s="1" t="s">
        <v>1843</v>
      </c>
      <c r="D1287" s="18">
        <v>15</v>
      </c>
      <c r="E1287" s="1" t="s">
        <v>1416</v>
      </c>
      <c r="F1287" s="1" t="s">
        <v>7529</v>
      </c>
      <c r="G1287" s="1" t="s">
        <v>7530</v>
      </c>
      <c r="H1287" s="1" t="s">
        <v>6534</v>
      </c>
      <c r="I1287" s="1" t="s">
        <v>7531</v>
      </c>
      <c r="K1287" s="1" t="s">
        <v>1334</v>
      </c>
      <c r="L1287" s="1" t="s">
        <v>4951</v>
      </c>
    </row>
    <row r="1288" spans="1:12" x14ac:dyDescent="0.25">
      <c r="A1288" s="1" t="s">
        <v>7532</v>
      </c>
      <c r="B1288" s="1" t="s">
        <v>6957</v>
      </c>
      <c r="C1288" s="1" t="s">
        <v>1843</v>
      </c>
      <c r="D1288" s="18">
        <v>16</v>
      </c>
      <c r="E1288" s="1" t="s">
        <v>1422</v>
      </c>
      <c r="F1288" s="1" t="s">
        <v>7533</v>
      </c>
      <c r="G1288" s="1" t="s">
        <v>7534</v>
      </c>
      <c r="H1288" s="1" t="s">
        <v>7535</v>
      </c>
      <c r="I1288" s="1" t="s">
        <v>7536</v>
      </c>
      <c r="K1288" s="1" t="s">
        <v>1366</v>
      </c>
      <c r="L1288" s="1" t="s">
        <v>4946</v>
      </c>
    </row>
    <row r="1289" spans="1:12" x14ac:dyDescent="0.25">
      <c r="A1289" s="1" t="s">
        <v>7537</v>
      </c>
      <c r="B1289" s="1" t="s">
        <v>6957</v>
      </c>
      <c r="C1289" s="1" t="s">
        <v>1843</v>
      </c>
      <c r="D1289" s="19">
        <v>17</v>
      </c>
      <c r="E1289" s="16" t="s">
        <v>1428</v>
      </c>
      <c r="F1289" s="1" t="s">
        <v>7538</v>
      </c>
      <c r="G1289" s="1" t="s">
        <v>7539</v>
      </c>
      <c r="H1289" s="1" t="s">
        <v>7540</v>
      </c>
      <c r="I1289" s="1" t="s">
        <v>7541</v>
      </c>
      <c r="K1289" s="1" t="s">
        <v>1334</v>
      </c>
      <c r="L1289" s="1" t="s">
        <v>4940</v>
      </c>
    </row>
    <row r="1290" spans="1:12" x14ac:dyDescent="0.25">
      <c r="A1290" s="1" t="s">
        <v>7542</v>
      </c>
      <c r="B1290" s="1" t="s">
        <v>6957</v>
      </c>
      <c r="C1290" s="1" t="s">
        <v>1843</v>
      </c>
      <c r="D1290" s="19">
        <v>19</v>
      </c>
      <c r="E1290" s="16" t="s">
        <v>1440</v>
      </c>
      <c r="F1290" s="1" t="s">
        <v>7543</v>
      </c>
      <c r="G1290" s="1" t="s">
        <v>7544</v>
      </c>
      <c r="H1290" s="1" t="s">
        <v>7545</v>
      </c>
      <c r="I1290" s="1" t="s">
        <v>7546</v>
      </c>
      <c r="K1290" s="1" t="s">
        <v>1366</v>
      </c>
      <c r="L1290" s="1" t="s">
        <v>4951</v>
      </c>
    </row>
    <row r="1291" spans="1:12" x14ac:dyDescent="0.25">
      <c r="A1291" s="1" t="s">
        <v>7547</v>
      </c>
      <c r="B1291" s="1" t="s">
        <v>6957</v>
      </c>
      <c r="C1291" s="1" t="s">
        <v>1843</v>
      </c>
      <c r="D1291" s="18">
        <v>20</v>
      </c>
      <c r="E1291" s="1" t="s">
        <v>1446</v>
      </c>
      <c r="F1291" s="1" t="s">
        <v>7548</v>
      </c>
      <c r="G1291" s="1" t="s">
        <v>7549</v>
      </c>
      <c r="H1291" s="1" t="s">
        <v>7550</v>
      </c>
      <c r="I1291" s="1" t="s">
        <v>7551</v>
      </c>
      <c r="K1291" s="1" t="s">
        <v>1334</v>
      </c>
      <c r="L1291" s="1" t="s">
        <v>4946</v>
      </c>
    </row>
    <row r="1292" spans="1:12" x14ac:dyDescent="0.25">
      <c r="A1292" s="1" t="s">
        <v>7552</v>
      </c>
      <c r="B1292" s="1" t="s">
        <v>6957</v>
      </c>
      <c r="C1292" s="1" t="s">
        <v>1843</v>
      </c>
      <c r="D1292" s="18">
        <v>21</v>
      </c>
      <c r="E1292" s="1" t="s">
        <v>1452</v>
      </c>
      <c r="F1292" s="1" t="s">
        <v>7553</v>
      </c>
      <c r="G1292" s="1" t="s">
        <v>7554</v>
      </c>
      <c r="H1292" s="1" t="s">
        <v>7521</v>
      </c>
      <c r="I1292" s="1" t="s">
        <v>7555</v>
      </c>
      <c r="K1292" s="1" t="s">
        <v>1366</v>
      </c>
      <c r="L1292" s="1" t="s">
        <v>4940</v>
      </c>
    </row>
    <row r="1293" spans="1:12" x14ac:dyDescent="0.25">
      <c r="A1293" s="1" t="s">
        <v>7556</v>
      </c>
      <c r="B1293" s="1" t="s">
        <v>6957</v>
      </c>
      <c r="C1293" s="1" t="s">
        <v>1843</v>
      </c>
      <c r="D1293" s="18">
        <v>22</v>
      </c>
      <c r="E1293" s="1" t="s">
        <v>1458</v>
      </c>
      <c r="F1293" s="1" t="s">
        <v>7557</v>
      </c>
      <c r="G1293" s="1" t="s">
        <v>7558</v>
      </c>
      <c r="H1293" s="1" t="s">
        <v>7559</v>
      </c>
      <c r="I1293" s="1" t="s">
        <v>7560</v>
      </c>
      <c r="K1293" s="1" t="s">
        <v>1334</v>
      </c>
      <c r="L1293" s="1" t="s">
        <v>4951</v>
      </c>
    </row>
    <row r="1294" spans="1:12" x14ac:dyDescent="0.25">
      <c r="A1294" s="1" t="s">
        <v>7561</v>
      </c>
      <c r="B1294" s="1" t="s">
        <v>6957</v>
      </c>
      <c r="C1294" s="1" t="s">
        <v>1843</v>
      </c>
      <c r="D1294" s="18">
        <v>23</v>
      </c>
      <c r="E1294" s="1" t="s">
        <v>1464</v>
      </c>
      <c r="F1294" s="1" t="s">
        <v>7562</v>
      </c>
      <c r="G1294" s="1" t="s">
        <v>7563</v>
      </c>
      <c r="H1294" s="1" t="s">
        <v>7564</v>
      </c>
      <c r="I1294" s="1" t="s">
        <v>7565</v>
      </c>
      <c r="K1294" s="1" t="s">
        <v>1366</v>
      </c>
      <c r="L1294" s="1" t="s">
        <v>4951</v>
      </c>
    </row>
    <row r="1295" spans="1:12" x14ac:dyDescent="0.25">
      <c r="A1295" s="1" t="s">
        <v>7566</v>
      </c>
      <c r="B1295" s="1" t="s">
        <v>6957</v>
      </c>
      <c r="C1295" s="1" t="s">
        <v>1843</v>
      </c>
      <c r="D1295" s="18">
        <v>24</v>
      </c>
      <c r="E1295" s="1" t="s">
        <v>1470</v>
      </c>
      <c r="F1295" s="1" t="s">
        <v>7567</v>
      </c>
      <c r="G1295" s="1" t="s">
        <v>7568</v>
      </c>
      <c r="H1295" s="1" t="s">
        <v>7569</v>
      </c>
      <c r="I1295" s="1" t="s">
        <v>1802</v>
      </c>
      <c r="K1295" s="1" t="s">
        <v>1366</v>
      </c>
      <c r="L1295" s="1" t="s">
        <v>4971</v>
      </c>
    </row>
    <row r="1296" spans="1:12" x14ac:dyDescent="0.25">
      <c r="A1296" s="1" t="s">
        <v>7570</v>
      </c>
      <c r="B1296" s="1" t="s">
        <v>6957</v>
      </c>
      <c r="C1296" s="1" t="s">
        <v>1843</v>
      </c>
      <c r="D1296" s="18">
        <v>25</v>
      </c>
      <c r="E1296" s="1" t="s">
        <v>1476</v>
      </c>
      <c r="F1296" s="1" t="s">
        <v>7571</v>
      </c>
      <c r="G1296" s="1" t="s">
        <v>7572</v>
      </c>
      <c r="H1296" s="1" t="s">
        <v>6877</v>
      </c>
      <c r="I1296" s="1" t="s">
        <v>7573</v>
      </c>
      <c r="K1296" s="1" t="s">
        <v>1366</v>
      </c>
      <c r="L1296" s="1" t="s">
        <v>4940</v>
      </c>
    </row>
    <row r="1297" spans="1:12" x14ac:dyDescent="0.25">
      <c r="A1297" s="1" t="s">
        <v>7574</v>
      </c>
      <c r="B1297" s="1" t="s">
        <v>6957</v>
      </c>
      <c r="C1297" s="1" t="s">
        <v>1843</v>
      </c>
      <c r="D1297" s="18">
        <v>26</v>
      </c>
      <c r="E1297" s="1" t="s">
        <v>1482</v>
      </c>
      <c r="F1297" s="1" t="s">
        <v>7575</v>
      </c>
      <c r="G1297" s="1" t="s">
        <v>7576</v>
      </c>
      <c r="H1297" s="1" t="s">
        <v>7577</v>
      </c>
      <c r="I1297" s="1" t="s">
        <v>7578</v>
      </c>
      <c r="K1297" s="1" t="s">
        <v>1334</v>
      </c>
      <c r="L1297" s="1" t="s">
        <v>4946</v>
      </c>
    </row>
    <row r="1298" spans="1:12" x14ac:dyDescent="0.25">
      <c r="A1298" s="1" t="s">
        <v>7579</v>
      </c>
      <c r="B1298" s="1" t="s">
        <v>6957</v>
      </c>
      <c r="C1298" s="1" t="s">
        <v>1843</v>
      </c>
      <c r="D1298" s="18">
        <v>27</v>
      </c>
      <c r="E1298" s="1" t="s">
        <v>1488</v>
      </c>
      <c r="F1298" s="1" t="s">
        <v>7580</v>
      </c>
      <c r="G1298" s="1" t="s">
        <v>7581</v>
      </c>
      <c r="H1298" s="1" t="s">
        <v>7582</v>
      </c>
      <c r="I1298" s="1" t="s">
        <v>7583</v>
      </c>
      <c r="K1298" s="1" t="s">
        <v>1366</v>
      </c>
      <c r="L1298" s="1" t="s">
        <v>4946</v>
      </c>
    </row>
    <row r="1299" spans="1:12" x14ac:dyDescent="0.25">
      <c r="A1299" s="1" t="s">
        <v>7584</v>
      </c>
      <c r="B1299" s="1" t="s">
        <v>6957</v>
      </c>
      <c r="C1299" s="1" t="s">
        <v>1843</v>
      </c>
      <c r="D1299" s="18">
        <v>28</v>
      </c>
      <c r="E1299" s="1" t="s">
        <v>1494</v>
      </c>
      <c r="F1299" s="1" t="s">
        <v>7585</v>
      </c>
      <c r="G1299" s="1" t="s">
        <v>7586</v>
      </c>
      <c r="H1299" s="1" t="s">
        <v>7587</v>
      </c>
      <c r="I1299" s="1" t="s">
        <v>7588</v>
      </c>
      <c r="K1299" s="1" t="s">
        <v>1366</v>
      </c>
      <c r="L1299" s="1" t="s">
        <v>4940</v>
      </c>
    </row>
    <row r="1300" spans="1:12" x14ac:dyDescent="0.25">
      <c r="A1300" s="1" t="s">
        <v>7589</v>
      </c>
      <c r="B1300" s="1" t="s">
        <v>6957</v>
      </c>
      <c r="C1300" s="1" t="s">
        <v>1843</v>
      </c>
      <c r="D1300" s="18">
        <v>29</v>
      </c>
      <c r="E1300" s="1" t="s">
        <v>1500</v>
      </c>
      <c r="F1300" s="1" t="s">
        <v>7590</v>
      </c>
      <c r="G1300" s="1" t="s">
        <v>7591</v>
      </c>
      <c r="H1300" s="1" t="s">
        <v>7258</v>
      </c>
      <c r="I1300" s="1" t="s">
        <v>7592</v>
      </c>
      <c r="K1300" s="1" t="s">
        <v>1334</v>
      </c>
      <c r="L1300" s="1" t="s">
        <v>4940</v>
      </c>
    </row>
    <row r="1301" spans="1:12" x14ac:dyDescent="0.25">
      <c r="A1301" s="1" t="s">
        <v>7593</v>
      </c>
      <c r="B1301" s="1" t="s">
        <v>6957</v>
      </c>
      <c r="C1301" s="1" t="s">
        <v>1843</v>
      </c>
      <c r="D1301" s="18">
        <v>30</v>
      </c>
      <c r="E1301" s="1" t="s">
        <v>1506</v>
      </c>
      <c r="F1301" s="1" t="s">
        <v>7594</v>
      </c>
      <c r="G1301" s="1" t="s">
        <v>7595</v>
      </c>
      <c r="H1301" s="1" t="s">
        <v>7596</v>
      </c>
      <c r="I1301" s="1" t="s">
        <v>7597</v>
      </c>
      <c r="K1301" s="1" t="s">
        <v>1366</v>
      </c>
      <c r="L1301" s="1" t="s">
        <v>4951</v>
      </c>
    </row>
    <row r="1302" spans="1:12" x14ac:dyDescent="0.25">
      <c r="A1302" s="1" t="s">
        <v>7598</v>
      </c>
      <c r="B1302" s="1" t="s">
        <v>6957</v>
      </c>
      <c r="C1302" s="1" t="s">
        <v>1843</v>
      </c>
      <c r="D1302" s="18">
        <v>31</v>
      </c>
      <c r="E1302" s="1" t="s">
        <v>1512</v>
      </c>
      <c r="F1302" s="1" t="s">
        <v>7599</v>
      </c>
      <c r="G1302" s="1" t="s">
        <v>7600</v>
      </c>
      <c r="H1302" s="1" t="s">
        <v>7601</v>
      </c>
      <c r="I1302" s="1" t="s">
        <v>7602</v>
      </c>
      <c r="K1302" s="1" t="s">
        <v>1334</v>
      </c>
      <c r="L1302" s="1" t="s">
        <v>4946</v>
      </c>
    </row>
    <row r="1303" spans="1:12" x14ac:dyDescent="0.25">
      <c r="A1303" s="1" t="s">
        <v>7603</v>
      </c>
      <c r="B1303" s="1" t="s">
        <v>6957</v>
      </c>
      <c r="C1303" s="1" t="s">
        <v>1843</v>
      </c>
      <c r="D1303" s="18">
        <v>32</v>
      </c>
      <c r="E1303" s="1" t="s">
        <v>1517</v>
      </c>
      <c r="F1303" s="1" t="s">
        <v>7604</v>
      </c>
      <c r="G1303" s="1" t="s">
        <v>7605</v>
      </c>
      <c r="H1303" s="1" t="s">
        <v>7606</v>
      </c>
      <c r="I1303" s="1" t="s">
        <v>7607</v>
      </c>
      <c r="K1303" s="1" t="s">
        <v>1334</v>
      </c>
      <c r="L1303" s="1" t="s">
        <v>4951</v>
      </c>
    </row>
    <row r="1304" spans="1:12" x14ac:dyDescent="0.25">
      <c r="A1304" s="1" t="s">
        <v>7608</v>
      </c>
      <c r="B1304" s="1" t="s">
        <v>6957</v>
      </c>
      <c r="C1304" s="1" t="s">
        <v>1843</v>
      </c>
      <c r="D1304" s="18">
        <v>33</v>
      </c>
      <c r="E1304" s="1" t="s">
        <v>1523</v>
      </c>
      <c r="F1304" s="1" t="s">
        <v>7609</v>
      </c>
      <c r="G1304" s="1" t="s">
        <v>7610</v>
      </c>
      <c r="H1304" s="1" t="s">
        <v>6226</v>
      </c>
      <c r="I1304" s="1" t="s">
        <v>7611</v>
      </c>
      <c r="K1304" s="1" t="s">
        <v>1366</v>
      </c>
      <c r="L1304" s="1" t="s">
        <v>4951</v>
      </c>
    </row>
    <row r="1305" spans="1:12" x14ac:dyDescent="0.25">
      <c r="A1305" s="1" t="s">
        <v>7612</v>
      </c>
      <c r="B1305" s="1" t="s">
        <v>6957</v>
      </c>
      <c r="C1305" s="1" t="s">
        <v>1843</v>
      </c>
      <c r="D1305" s="18">
        <v>34</v>
      </c>
      <c r="E1305" s="1" t="s">
        <v>5739</v>
      </c>
      <c r="F1305" s="1" t="s">
        <v>7613</v>
      </c>
      <c r="G1305" s="1" t="s">
        <v>7614</v>
      </c>
      <c r="H1305" s="1" t="s">
        <v>7615</v>
      </c>
      <c r="I1305" s="1" t="s">
        <v>7616</v>
      </c>
      <c r="K1305" s="1" t="s">
        <v>1366</v>
      </c>
      <c r="L1305" s="1" t="s">
        <v>4946</v>
      </c>
    </row>
    <row r="1306" spans="1:12" x14ac:dyDescent="0.25">
      <c r="A1306" s="1" t="s">
        <v>7617</v>
      </c>
      <c r="B1306" s="1" t="s">
        <v>6957</v>
      </c>
      <c r="C1306" s="1" t="s">
        <v>1843</v>
      </c>
      <c r="D1306" s="18">
        <v>35</v>
      </c>
      <c r="E1306" s="1" t="s">
        <v>5908</v>
      </c>
      <c r="F1306" s="1" t="s">
        <v>7618</v>
      </c>
      <c r="G1306" s="1" t="s">
        <v>7619</v>
      </c>
      <c r="H1306" s="1" t="s">
        <v>7620</v>
      </c>
      <c r="I1306" s="1" t="s">
        <v>7621</v>
      </c>
      <c r="K1306" s="1" t="s">
        <v>1334</v>
      </c>
      <c r="L1306" s="1" t="s">
        <v>4951</v>
      </c>
    </row>
    <row r="1307" spans="1:12" x14ac:dyDescent="0.25">
      <c r="A1307" s="1" t="s">
        <v>1182</v>
      </c>
      <c r="B1307" s="1" t="s">
        <v>7622</v>
      </c>
      <c r="C1307" s="1" t="s">
        <v>1328</v>
      </c>
      <c r="D1307" s="18">
        <v>1</v>
      </c>
      <c r="E1307" s="1" t="s">
        <v>1329</v>
      </c>
      <c r="F1307" s="1" t="s">
        <v>7623</v>
      </c>
      <c r="G1307" s="1" t="s">
        <v>7624</v>
      </c>
      <c r="H1307" s="1" t="s">
        <v>7625</v>
      </c>
      <c r="I1307" s="1" t="s">
        <v>7626</v>
      </c>
      <c r="J1307" s="14" t="s">
        <v>5052</v>
      </c>
      <c r="K1307" s="1" t="s">
        <v>1366</v>
      </c>
      <c r="L1307" s="1" t="s">
        <v>4971</v>
      </c>
    </row>
    <row r="1308" spans="1:12" x14ac:dyDescent="0.25">
      <c r="A1308" s="1" t="s">
        <v>7627</v>
      </c>
      <c r="B1308" s="1" t="s">
        <v>7622</v>
      </c>
      <c r="C1308" s="1" t="s">
        <v>1328</v>
      </c>
      <c r="D1308" s="18">
        <v>2</v>
      </c>
      <c r="E1308" s="1" t="s">
        <v>1337</v>
      </c>
      <c r="F1308" s="1" t="s">
        <v>7628</v>
      </c>
      <c r="G1308" s="1" t="s">
        <v>7629</v>
      </c>
      <c r="H1308" s="1" t="s">
        <v>7630</v>
      </c>
      <c r="I1308" s="1" t="s">
        <v>7631</v>
      </c>
      <c r="K1308" s="1" t="s">
        <v>1334</v>
      </c>
      <c r="L1308" s="1" t="s">
        <v>4946</v>
      </c>
    </row>
    <row r="1309" spans="1:12" x14ac:dyDescent="0.25">
      <c r="A1309" s="1" t="s">
        <v>7632</v>
      </c>
      <c r="B1309" s="1" t="s">
        <v>7622</v>
      </c>
      <c r="C1309" s="1" t="s">
        <v>1328</v>
      </c>
      <c r="D1309" s="18">
        <v>3</v>
      </c>
      <c r="E1309" s="1" t="s">
        <v>1343</v>
      </c>
      <c r="F1309" s="1" t="s">
        <v>7633</v>
      </c>
      <c r="G1309" s="1" t="s">
        <v>7634</v>
      </c>
      <c r="H1309" s="1" t="s">
        <v>7635</v>
      </c>
      <c r="I1309" s="1" t="s">
        <v>7636</v>
      </c>
      <c r="K1309" s="1" t="s">
        <v>1366</v>
      </c>
      <c r="L1309" s="1" t="s">
        <v>4946</v>
      </c>
    </row>
    <row r="1310" spans="1:12" x14ac:dyDescent="0.25">
      <c r="A1310" s="1" t="s">
        <v>599</v>
      </c>
      <c r="B1310" s="1" t="s">
        <v>7622</v>
      </c>
      <c r="C1310" s="1" t="s">
        <v>1328</v>
      </c>
      <c r="D1310" s="18">
        <v>4</v>
      </c>
      <c r="E1310" s="1" t="s">
        <v>1349</v>
      </c>
      <c r="F1310" s="1" t="s">
        <v>7637</v>
      </c>
      <c r="G1310" s="1" t="s">
        <v>7638</v>
      </c>
      <c r="H1310" s="1" t="s">
        <v>7639</v>
      </c>
      <c r="I1310" s="1" t="s">
        <v>7640</v>
      </c>
      <c r="K1310" s="1" t="s">
        <v>1334</v>
      </c>
      <c r="L1310" s="1" t="s">
        <v>4940</v>
      </c>
    </row>
    <row r="1311" spans="1:12" x14ac:dyDescent="0.25">
      <c r="A1311" s="1" t="s">
        <v>7641</v>
      </c>
      <c r="B1311" s="1" t="s">
        <v>7622</v>
      </c>
      <c r="C1311" s="1" t="s">
        <v>1328</v>
      </c>
      <c r="D1311" s="18">
        <v>5</v>
      </c>
      <c r="E1311" s="1" t="s">
        <v>1355</v>
      </c>
      <c r="F1311" s="1" t="s">
        <v>7642</v>
      </c>
      <c r="G1311" s="1" t="s">
        <v>7643</v>
      </c>
      <c r="H1311" s="1" t="s">
        <v>7644</v>
      </c>
      <c r="I1311" s="1" t="s">
        <v>7645</v>
      </c>
      <c r="K1311" s="1" t="s">
        <v>1334</v>
      </c>
      <c r="L1311" s="1" t="s">
        <v>4971</v>
      </c>
    </row>
    <row r="1312" spans="1:12" x14ac:dyDescent="0.25">
      <c r="A1312" s="1" t="s">
        <v>7646</v>
      </c>
      <c r="B1312" s="1" t="s">
        <v>7622</v>
      </c>
      <c r="C1312" s="1" t="s">
        <v>1328</v>
      </c>
      <c r="D1312" s="18">
        <v>6</v>
      </c>
      <c r="E1312" s="1" t="s">
        <v>1361</v>
      </c>
      <c r="F1312" s="1" t="s">
        <v>7647</v>
      </c>
      <c r="G1312" s="1" t="s">
        <v>7648</v>
      </c>
      <c r="H1312" s="1" t="s">
        <v>7649</v>
      </c>
      <c r="I1312" s="1" t="s">
        <v>7650</v>
      </c>
      <c r="K1312" s="1" t="s">
        <v>1366</v>
      </c>
      <c r="L1312" s="1" t="s">
        <v>4946</v>
      </c>
    </row>
    <row r="1313" spans="1:12" x14ac:dyDescent="0.25">
      <c r="A1313" s="1" t="s">
        <v>7651</v>
      </c>
      <c r="B1313" s="1" t="s">
        <v>7622</v>
      </c>
      <c r="C1313" s="1" t="s">
        <v>1328</v>
      </c>
      <c r="D1313" s="18">
        <v>7</v>
      </c>
      <c r="E1313" s="1" t="s">
        <v>1368</v>
      </c>
      <c r="F1313" s="1" t="s">
        <v>7652</v>
      </c>
      <c r="G1313" s="1" t="s">
        <v>7653</v>
      </c>
      <c r="H1313" s="1" t="s">
        <v>7654</v>
      </c>
      <c r="I1313" s="1" t="s">
        <v>7655</v>
      </c>
      <c r="K1313" s="1" t="s">
        <v>1334</v>
      </c>
      <c r="L1313" s="1" t="s">
        <v>4940</v>
      </c>
    </row>
    <row r="1314" spans="1:12" x14ac:dyDescent="0.25">
      <c r="A1314" s="1" t="s">
        <v>7656</v>
      </c>
      <c r="B1314" s="1" t="s">
        <v>7622</v>
      </c>
      <c r="C1314" s="1" t="s">
        <v>1328</v>
      </c>
      <c r="D1314" s="18">
        <v>8</v>
      </c>
      <c r="E1314" s="1" t="s">
        <v>1374</v>
      </c>
      <c r="F1314" s="1" t="s">
        <v>7657</v>
      </c>
      <c r="G1314" s="1" t="s">
        <v>7658</v>
      </c>
      <c r="H1314" s="1" t="s">
        <v>7659</v>
      </c>
      <c r="I1314" s="1" t="s">
        <v>7660</v>
      </c>
      <c r="K1314" s="1" t="s">
        <v>1334</v>
      </c>
      <c r="L1314" s="1" t="s">
        <v>4971</v>
      </c>
    </row>
    <row r="1315" spans="1:12" x14ac:dyDescent="0.25">
      <c r="A1315" s="1" t="s">
        <v>1174</v>
      </c>
      <c r="B1315" s="1" t="s">
        <v>7622</v>
      </c>
      <c r="C1315" s="1" t="s">
        <v>1328</v>
      </c>
      <c r="D1315" s="18">
        <v>9</v>
      </c>
      <c r="E1315" s="1" t="s">
        <v>1380</v>
      </c>
      <c r="F1315" s="1" t="s">
        <v>7661</v>
      </c>
      <c r="G1315" s="1" t="s">
        <v>7662</v>
      </c>
      <c r="H1315" s="1" t="s">
        <v>7663</v>
      </c>
      <c r="I1315" s="1" t="s">
        <v>7664</v>
      </c>
      <c r="K1315" s="1" t="s">
        <v>1334</v>
      </c>
      <c r="L1315" s="1" t="s">
        <v>4951</v>
      </c>
    </row>
    <row r="1316" spans="1:12" x14ac:dyDescent="0.25">
      <c r="A1316" s="1" t="s">
        <v>168</v>
      </c>
      <c r="B1316" s="1" t="s">
        <v>7622</v>
      </c>
      <c r="C1316" s="1" t="s">
        <v>1328</v>
      </c>
      <c r="D1316" s="18">
        <v>10</v>
      </c>
      <c r="E1316" s="1" t="s">
        <v>2353</v>
      </c>
      <c r="F1316" s="1" t="s">
        <v>7665</v>
      </c>
      <c r="G1316" s="1" t="s">
        <v>7666</v>
      </c>
      <c r="H1316" s="1" t="s">
        <v>7667</v>
      </c>
      <c r="I1316" s="1" t="s">
        <v>7668</v>
      </c>
      <c r="K1316" s="1" t="s">
        <v>1334</v>
      </c>
      <c r="L1316" s="1" t="s">
        <v>4946</v>
      </c>
    </row>
    <row r="1317" spans="1:12" x14ac:dyDescent="0.25">
      <c r="A1317" s="1" t="s">
        <v>7669</v>
      </c>
      <c r="B1317" s="1" t="s">
        <v>7622</v>
      </c>
      <c r="C1317" s="1" t="s">
        <v>1328</v>
      </c>
      <c r="D1317" s="18">
        <v>11</v>
      </c>
      <c r="E1317" s="1" t="s">
        <v>2359</v>
      </c>
      <c r="F1317" s="1" t="s">
        <v>7670</v>
      </c>
      <c r="G1317" s="1" t="s">
        <v>7671</v>
      </c>
      <c r="H1317" s="1" t="s">
        <v>7672</v>
      </c>
      <c r="I1317" s="1" t="s">
        <v>7673</v>
      </c>
      <c r="K1317" s="1" t="s">
        <v>1366</v>
      </c>
      <c r="L1317" s="1" t="s">
        <v>4940</v>
      </c>
    </row>
    <row r="1318" spans="1:12" x14ac:dyDescent="0.25">
      <c r="A1318" s="1" t="s">
        <v>7674</v>
      </c>
      <c r="B1318" s="1" t="s">
        <v>7622</v>
      </c>
      <c r="C1318" s="1" t="s">
        <v>1328</v>
      </c>
      <c r="D1318" s="18">
        <v>12</v>
      </c>
      <c r="E1318" s="1" t="s">
        <v>2365</v>
      </c>
      <c r="F1318" s="1" t="s">
        <v>7675</v>
      </c>
      <c r="G1318" s="1" t="s">
        <v>7676</v>
      </c>
      <c r="H1318" s="1" t="s">
        <v>7677</v>
      </c>
      <c r="I1318" s="1" t="s">
        <v>7678</v>
      </c>
      <c r="K1318" s="1" t="s">
        <v>1334</v>
      </c>
      <c r="L1318" s="1" t="s">
        <v>4951</v>
      </c>
    </row>
    <row r="1319" spans="1:12" x14ac:dyDescent="0.25">
      <c r="A1319" s="1" t="s">
        <v>1188</v>
      </c>
      <c r="B1319" s="1" t="s">
        <v>7622</v>
      </c>
      <c r="C1319" s="1" t="s">
        <v>1328</v>
      </c>
      <c r="D1319" s="18">
        <v>13</v>
      </c>
      <c r="E1319" s="1" t="s">
        <v>2371</v>
      </c>
      <c r="F1319" s="1" t="s">
        <v>7679</v>
      </c>
      <c r="G1319" s="1" t="s">
        <v>7680</v>
      </c>
      <c r="H1319" s="1" t="s">
        <v>7681</v>
      </c>
      <c r="I1319" s="1" t="s">
        <v>7682</v>
      </c>
      <c r="K1319" s="1" t="s">
        <v>1366</v>
      </c>
      <c r="L1319" s="1" t="s">
        <v>4971</v>
      </c>
    </row>
    <row r="1320" spans="1:12" x14ac:dyDescent="0.25">
      <c r="A1320" s="1" t="s">
        <v>7683</v>
      </c>
      <c r="B1320" s="1" t="s">
        <v>7622</v>
      </c>
      <c r="C1320" s="1" t="s">
        <v>1328</v>
      </c>
      <c r="D1320" s="18">
        <v>14</v>
      </c>
      <c r="E1320" s="1" t="s">
        <v>2377</v>
      </c>
      <c r="F1320" s="1" t="s">
        <v>7684</v>
      </c>
      <c r="G1320" s="1" t="s">
        <v>7685</v>
      </c>
      <c r="H1320" s="1" t="s">
        <v>7686</v>
      </c>
      <c r="I1320" s="1" t="s">
        <v>7687</v>
      </c>
      <c r="K1320" s="1" t="s">
        <v>1334</v>
      </c>
      <c r="L1320" s="1" t="s">
        <v>4946</v>
      </c>
    </row>
    <row r="1321" spans="1:12" x14ac:dyDescent="0.25">
      <c r="A1321" s="1" t="s">
        <v>1172</v>
      </c>
      <c r="B1321" s="1" t="s">
        <v>7622</v>
      </c>
      <c r="C1321" s="1" t="s">
        <v>1328</v>
      </c>
      <c r="D1321" s="18">
        <v>15</v>
      </c>
      <c r="E1321" s="1" t="s">
        <v>2383</v>
      </c>
      <c r="F1321" s="1" t="s">
        <v>7688</v>
      </c>
      <c r="G1321" s="1" t="s">
        <v>7689</v>
      </c>
      <c r="H1321" s="1" t="s">
        <v>7690</v>
      </c>
      <c r="I1321" s="1" t="s">
        <v>7691</v>
      </c>
      <c r="K1321" s="1" t="s">
        <v>1366</v>
      </c>
      <c r="L1321" s="1" t="s">
        <v>4951</v>
      </c>
    </row>
    <row r="1322" spans="1:12" x14ac:dyDescent="0.25">
      <c r="A1322" s="1" t="s">
        <v>7692</v>
      </c>
      <c r="B1322" s="1" t="s">
        <v>7622</v>
      </c>
      <c r="C1322" s="1" t="s">
        <v>1328</v>
      </c>
      <c r="D1322" s="18">
        <v>16</v>
      </c>
      <c r="E1322" s="1" t="s">
        <v>2389</v>
      </c>
      <c r="F1322" s="1" t="s">
        <v>7693</v>
      </c>
      <c r="G1322" s="1" t="s">
        <v>7694</v>
      </c>
      <c r="H1322" s="1" t="s">
        <v>7695</v>
      </c>
      <c r="I1322" s="1" t="s">
        <v>7696</v>
      </c>
      <c r="K1322" s="1" t="s">
        <v>1334</v>
      </c>
      <c r="L1322" s="1" t="s">
        <v>4946</v>
      </c>
    </row>
    <row r="1323" spans="1:12" x14ac:dyDescent="0.25">
      <c r="A1323" s="1" t="s">
        <v>7697</v>
      </c>
      <c r="B1323" s="1" t="s">
        <v>7622</v>
      </c>
      <c r="C1323" s="1" t="s">
        <v>1328</v>
      </c>
      <c r="D1323" s="18">
        <v>17</v>
      </c>
      <c r="E1323" s="1" t="s">
        <v>2395</v>
      </c>
      <c r="F1323" s="1" t="s">
        <v>7698</v>
      </c>
      <c r="G1323" s="1" t="s">
        <v>7699</v>
      </c>
      <c r="H1323" s="1" t="s">
        <v>7700</v>
      </c>
      <c r="I1323" s="1" t="s">
        <v>7701</v>
      </c>
      <c r="K1323" s="1" t="s">
        <v>1366</v>
      </c>
      <c r="L1323" s="1" t="s">
        <v>4951</v>
      </c>
    </row>
    <row r="1324" spans="1:12" x14ac:dyDescent="0.25">
      <c r="A1324" s="1" t="s">
        <v>7702</v>
      </c>
      <c r="B1324" s="1" t="s">
        <v>7622</v>
      </c>
      <c r="C1324" s="1" t="s">
        <v>1328</v>
      </c>
      <c r="D1324" s="18">
        <v>18</v>
      </c>
      <c r="E1324" s="1" t="s">
        <v>2401</v>
      </c>
      <c r="F1324" s="1" t="s">
        <v>7703</v>
      </c>
      <c r="G1324" s="1" t="s">
        <v>7704</v>
      </c>
      <c r="H1324" s="1" t="s">
        <v>7705</v>
      </c>
      <c r="I1324" s="1" t="s">
        <v>7706</v>
      </c>
      <c r="K1324" s="1" t="s">
        <v>1366</v>
      </c>
      <c r="L1324" s="1" t="s">
        <v>4940</v>
      </c>
    </row>
    <row r="1325" spans="1:12" x14ac:dyDescent="0.25">
      <c r="A1325" s="1" t="s">
        <v>951</v>
      </c>
      <c r="B1325" s="1" t="s">
        <v>7622</v>
      </c>
      <c r="C1325" s="1" t="s">
        <v>1328</v>
      </c>
      <c r="D1325" s="18">
        <v>19</v>
      </c>
      <c r="E1325" s="1" t="s">
        <v>2407</v>
      </c>
      <c r="F1325" s="1" t="s">
        <v>7707</v>
      </c>
      <c r="G1325" s="1" t="s">
        <v>7708</v>
      </c>
      <c r="H1325" s="1" t="s">
        <v>7709</v>
      </c>
      <c r="I1325" s="1" t="s">
        <v>7710</v>
      </c>
      <c r="K1325" s="1" t="s">
        <v>1334</v>
      </c>
      <c r="L1325" s="1" t="s">
        <v>4951</v>
      </c>
    </row>
    <row r="1326" spans="1:12" x14ac:dyDescent="0.25">
      <c r="A1326" s="1" t="s">
        <v>7711</v>
      </c>
      <c r="B1326" s="1" t="s">
        <v>7622</v>
      </c>
      <c r="C1326" s="1" t="s">
        <v>1328</v>
      </c>
      <c r="D1326" s="18">
        <v>20</v>
      </c>
      <c r="E1326" s="1" t="s">
        <v>2413</v>
      </c>
      <c r="F1326" s="1" t="s">
        <v>7712</v>
      </c>
      <c r="G1326" s="1" t="s">
        <v>7713</v>
      </c>
      <c r="H1326" s="1" t="s">
        <v>7714</v>
      </c>
      <c r="I1326" s="1" t="s">
        <v>7715</v>
      </c>
      <c r="K1326" s="1" t="s">
        <v>1366</v>
      </c>
      <c r="L1326" s="1" t="s">
        <v>4951</v>
      </c>
    </row>
    <row r="1327" spans="1:12" x14ac:dyDescent="0.25">
      <c r="A1327" s="1" t="s">
        <v>7716</v>
      </c>
      <c r="B1327" s="1" t="s">
        <v>7622</v>
      </c>
      <c r="C1327" s="1" t="s">
        <v>1328</v>
      </c>
      <c r="D1327" s="18">
        <v>21</v>
      </c>
      <c r="E1327" s="1" t="s">
        <v>2419</v>
      </c>
      <c r="F1327" s="1" t="s">
        <v>7717</v>
      </c>
      <c r="G1327" s="1" t="s">
        <v>7718</v>
      </c>
      <c r="H1327" s="1" t="s">
        <v>7719</v>
      </c>
      <c r="I1327" s="1" t="s">
        <v>7720</v>
      </c>
      <c r="K1327" s="1" t="s">
        <v>1366</v>
      </c>
      <c r="L1327" s="1" t="s">
        <v>4971</v>
      </c>
    </row>
    <row r="1328" spans="1:12" x14ac:dyDescent="0.25">
      <c r="A1328" s="1" t="s">
        <v>7721</v>
      </c>
      <c r="B1328" s="1" t="s">
        <v>7622</v>
      </c>
      <c r="C1328" s="1" t="s">
        <v>1328</v>
      </c>
      <c r="D1328" s="18">
        <v>22</v>
      </c>
      <c r="E1328" s="1" t="s">
        <v>2425</v>
      </c>
      <c r="F1328" s="1" t="s">
        <v>7722</v>
      </c>
      <c r="G1328" s="1" t="s">
        <v>7723</v>
      </c>
      <c r="H1328" s="1" t="s">
        <v>7724</v>
      </c>
      <c r="I1328" s="1" t="s">
        <v>7725</v>
      </c>
      <c r="K1328" s="1" t="s">
        <v>1334</v>
      </c>
      <c r="L1328" s="1" t="s">
        <v>4951</v>
      </c>
    </row>
    <row r="1329" spans="1:12" x14ac:dyDescent="0.25">
      <c r="A1329" s="1" t="s">
        <v>954</v>
      </c>
      <c r="B1329" s="1" t="s">
        <v>7622</v>
      </c>
      <c r="C1329" s="1" t="s">
        <v>1328</v>
      </c>
      <c r="D1329" s="18">
        <v>23</v>
      </c>
      <c r="E1329" s="1" t="s">
        <v>2431</v>
      </c>
      <c r="F1329" s="1" t="s">
        <v>7726</v>
      </c>
      <c r="G1329" s="1" t="s">
        <v>7727</v>
      </c>
      <c r="H1329" s="1" t="s">
        <v>7728</v>
      </c>
      <c r="I1329" s="1" t="s">
        <v>7729</v>
      </c>
      <c r="K1329" s="1" t="s">
        <v>1334</v>
      </c>
      <c r="L1329" s="1" t="s">
        <v>4971</v>
      </c>
    </row>
    <row r="1330" spans="1:12" x14ac:dyDescent="0.25">
      <c r="A1330" s="1" t="s">
        <v>7730</v>
      </c>
      <c r="B1330" s="1" t="s">
        <v>7622</v>
      </c>
      <c r="C1330" s="1" t="s">
        <v>1328</v>
      </c>
      <c r="D1330" s="18">
        <v>24</v>
      </c>
      <c r="E1330" s="1" t="s">
        <v>2437</v>
      </c>
      <c r="F1330" s="1" t="s">
        <v>7731</v>
      </c>
      <c r="G1330" s="1" t="s">
        <v>7732</v>
      </c>
      <c r="H1330" s="1" t="s">
        <v>7733</v>
      </c>
      <c r="I1330" s="1" t="s">
        <v>7734</v>
      </c>
      <c r="K1330" s="1" t="s">
        <v>1366</v>
      </c>
      <c r="L1330" s="1" t="s">
        <v>4946</v>
      </c>
    </row>
    <row r="1331" spans="1:12" x14ac:dyDescent="0.25">
      <c r="A1331" s="1" t="s">
        <v>7735</v>
      </c>
      <c r="B1331" s="1" t="s">
        <v>7622</v>
      </c>
      <c r="C1331" s="1" t="s">
        <v>1328</v>
      </c>
      <c r="D1331" s="18">
        <v>25</v>
      </c>
      <c r="E1331" s="1" t="s">
        <v>2442</v>
      </c>
      <c r="F1331" s="1" t="s">
        <v>7736</v>
      </c>
      <c r="G1331" s="1" t="s">
        <v>7737</v>
      </c>
      <c r="H1331" s="1" t="s">
        <v>7738</v>
      </c>
      <c r="I1331" s="1" t="s">
        <v>7739</v>
      </c>
      <c r="K1331" s="1" t="s">
        <v>1334</v>
      </c>
      <c r="L1331" s="1" t="s">
        <v>4971</v>
      </c>
    </row>
    <row r="1332" spans="1:12" x14ac:dyDescent="0.25">
      <c r="A1332" s="1" t="s">
        <v>7740</v>
      </c>
      <c r="B1332" s="1" t="s">
        <v>7622</v>
      </c>
      <c r="C1332" s="1" t="s">
        <v>1328</v>
      </c>
      <c r="D1332" s="18">
        <v>26</v>
      </c>
      <c r="E1332" s="1" t="s">
        <v>2448</v>
      </c>
      <c r="F1332" s="1" t="s">
        <v>7741</v>
      </c>
      <c r="G1332" s="1" t="s">
        <v>7742</v>
      </c>
      <c r="H1332" s="1" t="s">
        <v>7743</v>
      </c>
      <c r="I1332" s="1" t="s">
        <v>7744</v>
      </c>
      <c r="K1332" s="1" t="s">
        <v>1334</v>
      </c>
      <c r="L1332" s="1" t="s">
        <v>4951</v>
      </c>
    </row>
    <row r="1333" spans="1:12" x14ac:dyDescent="0.25">
      <c r="A1333" s="1" t="s">
        <v>7745</v>
      </c>
      <c r="B1333" s="1" t="s">
        <v>7622</v>
      </c>
      <c r="C1333" s="1" t="s">
        <v>1328</v>
      </c>
      <c r="D1333" s="18">
        <v>27</v>
      </c>
      <c r="E1333" s="1" t="s">
        <v>2454</v>
      </c>
      <c r="F1333" s="1" t="s">
        <v>7746</v>
      </c>
      <c r="G1333" s="1" t="s">
        <v>7747</v>
      </c>
      <c r="H1333" s="1" t="s">
        <v>7748</v>
      </c>
      <c r="I1333" s="1" t="s">
        <v>7749</v>
      </c>
      <c r="K1333" s="1" t="s">
        <v>1366</v>
      </c>
      <c r="L1333" s="1" t="s">
        <v>4951</v>
      </c>
    </row>
    <row r="1334" spans="1:12" x14ac:dyDescent="0.25">
      <c r="A1334" s="1" t="s">
        <v>7750</v>
      </c>
      <c r="B1334" s="1" t="s">
        <v>7622</v>
      </c>
      <c r="C1334" s="1" t="s">
        <v>1328</v>
      </c>
      <c r="D1334" s="18">
        <v>28</v>
      </c>
      <c r="E1334" s="1" t="s">
        <v>2460</v>
      </c>
      <c r="F1334" s="1" t="s">
        <v>7751</v>
      </c>
      <c r="G1334" s="1" t="s">
        <v>7752</v>
      </c>
      <c r="H1334" s="1" t="s">
        <v>7753</v>
      </c>
      <c r="I1334" s="1" t="s">
        <v>7754</v>
      </c>
      <c r="K1334" s="1" t="s">
        <v>1334</v>
      </c>
      <c r="L1334" s="1" t="s">
        <v>4940</v>
      </c>
    </row>
    <row r="1335" spans="1:12" x14ac:dyDescent="0.25">
      <c r="A1335" s="1" t="s">
        <v>7755</v>
      </c>
      <c r="B1335" s="1" t="s">
        <v>7622</v>
      </c>
      <c r="C1335" s="1" t="s">
        <v>1328</v>
      </c>
      <c r="D1335" s="18">
        <v>29</v>
      </c>
      <c r="E1335" s="1" t="s">
        <v>2466</v>
      </c>
      <c r="F1335" s="1" t="s">
        <v>7756</v>
      </c>
      <c r="G1335" s="1" t="s">
        <v>7757</v>
      </c>
      <c r="H1335" s="1" t="s">
        <v>7758</v>
      </c>
      <c r="I1335" s="1" t="s">
        <v>7293</v>
      </c>
      <c r="K1335" s="1" t="s">
        <v>1334</v>
      </c>
      <c r="L1335" s="1" t="s">
        <v>4951</v>
      </c>
    </row>
    <row r="1336" spans="1:12" x14ac:dyDescent="0.25">
      <c r="A1336" s="1" t="s">
        <v>7759</v>
      </c>
      <c r="B1336" s="1" t="s">
        <v>7622</v>
      </c>
      <c r="C1336" s="1" t="s">
        <v>1328</v>
      </c>
      <c r="D1336" s="18">
        <v>30</v>
      </c>
      <c r="E1336" s="1" t="s">
        <v>2472</v>
      </c>
      <c r="F1336" s="1" t="s">
        <v>7760</v>
      </c>
      <c r="G1336" s="1" t="s">
        <v>7761</v>
      </c>
      <c r="H1336" s="1" t="s">
        <v>7762</v>
      </c>
      <c r="I1336" s="1" t="s">
        <v>7763</v>
      </c>
      <c r="K1336" s="1" t="s">
        <v>1334</v>
      </c>
      <c r="L1336" s="1" t="s">
        <v>4971</v>
      </c>
    </row>
    <row r="1337" spans="1:12" x14ac:dyDescent="0.25">
      <c r="A1337" s="1" t="s">
        <v>600</v>
      </c>
      <c r="B1337" s="1" t="s">
        <v>7622</v>
      </c>
      <c r="C1337" s="1" t="s">
        <v>1328</v>
      </c>
      <c r="D1337" s="18">
        <v>31</v>
      </c>
      <c r="E1337" s="1" t="s">
        <v>5411</v>
      </c>
      <c r="F1337" s="1" t="s">
        <v>7764</v>
      </c>
      <c r="G1337" s="1" t="s">
        <v>7765</v>
      </c>
      <c r="H1337" s="1" t="s">
        <v>7766</v>
      </c>
      <c r="I1337" s="1" t="s">
        <v>7767</v>
      </c>
      <c r="K1337" s="1" t="s">
        <v>1334</v>
      </c>
      <c r="L1337" s="1" t="s">
        <v>4946</v>
      </c>
    </row>
    <row r="1338" spans="1:12" x14ac:dyDescent="0.25">
      <c r="A1338" s="1" t="s">
        <v>7768</v>
      </c>
      <c r="B1338" s="1" t="s">
        <v>7622</v>
      </c>
      <c r="C1338" s="1" t="s">
        <v>1328</v>
      </c>
      <c r="D1338" s="18">
        <v>32</v>
      </c>
      <c r="E1338" s="1" t="s">
        <v>5417</v>
      </c>
      <c r="F1338" s="1" t="s">
        <v>7769</v>
      </c>
      <c r="G1338" s="1" t="s">
        <v>7770</v>
      </c>
      <c r="H1338" s="1" t="s">
        <v>7771</v>
      </c>
      <c r="I1338" s="1" t="s">
        <v>7772</v>
      </c>
      <c r="K1338" s="1" t="s">
        <v>1366</v>
      </c>
      <c r="L1338" s="1" t="s">
        <v>4946</v>
      </c>
    </row>
    <row r="1339" spans="1:12" x14ac:dyDescent="0.25">
      <c r="A1339" s="1" t="s">
        <v>7773</v>
      </c>
      <c r="B1339" s="1" t="s">
        <v>7622</v>
      </c>
      <c r="C1339" s="1" t="s">
        <v>1328</v>
      </c>
      <c r="D1339" s="18">
        <v>33</v>
      </c>
      <c r="E1339" s="1" t="s">
        <v>6586</v>
      </c>
      <c r="F1339" s="1" t="s">
        <v>7774</v>
      </c>
      <c r="G1339" s="1" t="s">
        <v>7775</v>
      </c>
      <c r="H1339" s="1" t="s">
        <v>7776</v>
      </c>
      <c r="I1339" s="1" t="s">
        <v>7777</v>
      </c>
      <c r="K1339" s="1" t="s">
        <v>1334</v>
      </c>
      <c r="L1339" s="1" t="s">
        <v>4940</v>
      </c>
    </row>
    <row r="1340" spans="1:12" x14ac:dyDescent="0.25">
      <c r="A1340" s="1" t="s">
        <v>7778</v>
      </c>
      <c r="B1340" s="1" t="s">
        <v>7622</v>
      </c>
      <c r="C1340" s="1" t="s">
        <v>1328</v>
      </c>
      <c r="D1340" s="18">
        <v>34</v>
      </c>
      <c r="E1340" s="1" t="s">
        <v>6592</v>
      </c>
      <c r="F1340" s="1" t="s">
        <v>7779</v>
      </c>
      <c r="G1340" s="1" t="s">
        <v>7780</v>
      </c>
      <c r="H1340" s="1" t="s">
        <v>7781</v>
      </c>
      <c r="I1340" s="1" t="s">
        <v>7782</v>
      </c>
      <c r="K1340" s="1" t="s">
        <v>1366</v>
      </c>
      <c r="L1340" s="1" t="s">
        <v>4940</v>
      </c>
    </row>
    <row r="1341" spans="1:12" x14ac:dyDescent="0.25">
      <c r="A1341" s="1" t="s">
        <v>947</v>
      </c>
      <c r="B1341" s="1" t="s">
        <v>7622</v>
      </c>
      <c r="C1341" s="1" t="s">
        <v>1529</v>
      </c>
      <c r="D1341" s="18">
        <v>1</v>
      </c>
      <c r="E1341" s="1" t="s">
        <v>1329</v>
      </c>
      <c r="F1341" s="1" t="s">
        <v>7783</v>
      </c>
      <c r="G1341" s="1" t="s">
        <v>7784</v>
      </c>
      <c r="H1341" s="1" t="s">
        <v>7785</v>
      </c>
      <c r="I1341" s="1" t="s">
        <v>7786</v>
      </c>
      <c r="K1341" s="1" t="s">
        <v>1334</v>
      </c>
      <c r="L1341" s="1" t="s">
        <v>4971</v>
      </c>
    </row>
    <row r="1342" spans="1:12" x14ac:dyDescent="0.25">
      <c r="A1342" s="1" t="s">
        <v>952</v>
      </c>
      <c r="B1342" s="1" t="s">
        <v>7622</v>
      </c>
      <c r="C1342" s="1" t="s">
        <v>1529</v>
      </c>
      <c r="D1342" s="18">
        <v>2</v>
      </c>
      <c r="E1342" s="1" t="s">
        <v>1337</v>
      </c>
      <c r="F1342" s="1" t="s">
        <v>7787</v>
      </c>
      <c r="G1342" s="1" t="s">
        <v>7788</v>
      </c>
      <c r="H1342" s="1" t="s">
        <v>7789</v>
      </c>
      <c r="I1342" s="1" t="s">
        <v>7790</v>
      </c>
      <c r="K1342" s="1" t="s">
        <v>1334</v>
      </c>
      <c r="L1342" s="1" t="s">
        <v>4940</v>
      </c>
    </row>
    <row r="1343" spans="1:12" x14ac:dyDescent="0.25">
      <c r="A1343" s="1" t="s">
        <v>7791</v>
      </c>
      <c r="B1343" s="1" t="s">
        <v>7622</v>
      </c>
      <c r="C1343" s="1" t="s">
        <v>1529</v>
      </c>
      <c r="D1343" s="18">
        <v>3</v>
      </c>
      <c r="E1343" s="1" t="s">
        <v>1343</v>
      </c>
      <c r="F1343" s="1" t="s">
        <v>7792</v>
      </c>
      <c r="G1343" s="1" t="s">
        <v>7793</v>
      </c>
      <c r="H1343" s="1" t="s">
        <v>7686</v>
      </c>
      <c r="I1343" s="1" t="s">
        <v>7794</v>
      </c>
      <c r="K1343" s="1" t="s">
        <v>1334</v>
      </c>
      <c r="L1343" s="1" t="s">
        <v>4971</v>
      </c>
    </row>
    <row r="1344" spans="1:12" x14ac:dyDescent="0.25">
      <c r="A1344" s="1" t="s">
        <v>948</v>
      </c>
      <c r="B1344" s="1" t="s">
        <v>7622</v>
      </c>
      <c r="C1344" s="1" t="s">
        <v>1529</v>
      </c>
      <c r="D1344" s="18">
        <v>4</v>
      </c>
      <c r="E1344" s="1" t="s">
        <v>1349</v>
      </c>
      <c r="F1344" s="1" t="s">
        <v>7795</v>
      </c>
      <c r="G1344" s="1" t="s">
        <v>7796</v>
      </c>
      <c r="H1344" s="1" t="s">
        <v>7797</v>
      </c>
      <c r="I1344" s="1" t="s">
        <v>7798</v>
      </c>
      <c r="K1344" s="1" t="s">
        <v>1334</v>
      </c>
      <c r="L1344" s="1" t="s">
        <v>4951</v>
      </c>
    </row>
    <row r="1345" spans="1:12" x14ac:dyDescent="0.25">
      <c r="A1345" s="1" t="s">
        <v>7799</v>
      </c>
      <c r="B1345" s="1" t="s">
        <v>7622</v>
      </c>
      <c r="C1345" s="1" t="s">
        <v>1529</v>
      </c>
      <c r="D1345" s="18">
        <v>5</v>
      </c>
      <c r="E1345" s="1" t="s">
        <v>1355</v>
      </c>
      <c r="F1345" s="1" t="s">
        <v>7800</v>
      </c>
      <c r="G1345" s="1" t="s">
        <v>7801</v>
      </c>
      <c r="H1345" s="1" t="s">
        <v>7802</v>
      </c>
      <c r="I1345" s="1" t="s">
        <v>7803</v>
      </c>
      <c r="K1345" s="1" t="s">
        <v>1366</v>
      </c>
      <c r="L1345" s="1" t="s">
        <v>4951</v>
      </c>
    </row>
    <row r="1346" spans="1:12" x14ac:dyDescent="0.25">
      <c r="A1346" s="1" t="s">
        <v>7804</v>
      </c>
      <c r="B1346" s="1" t="s">
        <v>7622</v>
      </c>
      <c r="C1346" s="1" t="s">
        <v>1529</v>
      </c>
      <c r="D1346" s="18">
        <v>6</v>
      </c>
      <c r="E1346" s="1" t="s">
        <v>1361</v>
      </c>
      <c r="F1346" s="1" t="s">
        <v>7805</v>
      </c>
      <c r="G1346" s="1" t="s">
        <v>7806</v>
      </c>
      <c r="H1346" s="1" t="s">
        <v>7807</v>
      </c>
      <c r="I1346" s="1" t="s">
        <v>7808</v>
      </c>
      <c r="K1346" s="1" t="s">
        <v>1334</v>
      </c>
      <c r="L1346" s="1" t="s">
        <v>4946</v>
      </c>
    </row>
    <row r="1347" spans="1:12" x14ac:dyDescent="0.25">
      <c r="A1347" s="1" t="s">
        <v>7809</v>
      </c>
      <c r="B1347" s="1" t="s">
        <v>7622</v>
      </c>
      <c r="C1347" s="1" t="s">
        <v>1529</v>
      </c>
      <c r="D1347" s="18">
        <v>7</v>
      </c>
      <c r="E1347" s="1" t="s">
        <v>1368</v>
      </c>
      <c r="F1347" s="1" t="s">
        <v>7810</v>
      </c>
      <c r="G1347" s="1" t="s">
        <v>7811</v>
      </c>
      <c r="H1347" s="1" t="s">
        <v>7812</v>
      </c>
      <c r="I1347" s="1" t="s">
        <v>7813</v>
      </c>
      <c r="K1347" s="1" t="s">
        <v>1334</v>
      </c>
      <c r="L1347" s="1" t="s">
        <v>4951</v>
      </c>
    </row>
    <row r="1348" spans="1:12" x14ac:dyDescent="0.25">
      <c r="A1348" s="1" t="s">
        <v>7814</v>
      </c>
      <c r="B1348" s="1" t="s">
        <v>7622</v>
      </c>
      <c r="C1348" s="1" t="s">
        <v>1529</v>
      </c>
      <c r="D1348" s="18">
        <v>8</v>
      </c>
      <c r="E1348" s="1" t="s">
        <v>1374</v>
      </c>
      <c r="F1348" s="1" t="s">
        <v>7815</v>
      </c>
      <c r="G1348" s="1" t="s">
        <v>7816</v>
      </c>
      <c r="H1348" s="1" t="s">
        <v>7817</v>
      </c>
      <c r="I1348" s="1" t="s">
        <v>7818</v>
      </c>
      <c r="K1348" s="1" t="s">
        <v>1334</v>
      </c>
      <c r="L1348" s="1" t="s">
        <v>4940</v>
      </c>
    </row>
    <row r="1349" spans="1:12" x14ac:dyDescent="0.25">
      <c r="A1349" s="1" t="s">
        <v>7819</v>
      </c>
      <c r="B1349" s="1" t="s">
        <v>7622</v>
      </c>
      <c r="C1349" s="1" t="s">
        <v>1529</v>
      </c>
      <c r="D1349" s="18">
        <v>9</v>
      </c>
      <c r="E1349" s="1" t="s">
        <v>1380</v>
      </c>
      <c r="F1349" s="1" t="s">
        <v>7820</v>
      </c>
      <c r="G1349" s="1" t="s">
        <v>7821</v>
      </c>
      <c r="H1349" s="1" t="s">
        <v>7822</v>
      </c>
      <c r="I1349" s="1" t="s">
        <v>7823</v>
      </c>
      <c r="K1349" s="1" t="s">
        <v>1366</v>
      </c>
      <c r="L1349" s="1" t="s">
        <v>4946</v>
      </c>
    </row>
    <row r="1350" spans="1:12" x14ac:dyDescent="0.25">
      <c r="A1350" s="1" t="s">
        <v>944</v>
      </c>
      <c r="B1350" s="1" t="s">
        <v>7622</v>
      </c>
      <c r="C1350" s="1" t="s">
        <v>1529</v>
      </c>
      <c r="D1350" s="18">
        <v>10</v>
      </c>
      <c r="E1350" s="1" t="s">
        <v>2353</v>
      </c>
      <c r="F1350" s="1" t="s">
        <v>7824</v>
      </c>
      <c r="G1350" s="1" t="s">
        <v>7825</v>
      </c>
      <c r="H1350" s="1" t="s">
        <v>7826</v>
      </c>
      <c r="I1350" s="1" t="s">
        <v>7827</v>
      </c>
      <c r="K1350" s="1" t="s">
        <v>1366</v>
      </c>
      <c r="L1350" s="1" t="s">
        <v>4946</v>
      </c>
    </row>
    <row r="1351" spans="1:12" x14ac:dyDescent="0.25">
      <c r="A1351" s="1" t="s">
        <v>7828</v>
      </c>
      <c r="B1351" s="1" t="s">
        <v>7622</v>
      </c>
      <c r="C1351" s="1" t="s">
        <v>1529</v>
      </c>
      <c r="D1351" s="18">
        <v>11</v>
      </c>
      <c r="E1351" s="1" t="s">
        <v>2359</v>
      </c>
      <c r="F1351" s="1" t="s">
        <v>7829</v>
      </c>
      <c r="G1351" s="1" t="s">
        <v>7830</v>
      </c>
      <c r="H1351" s="1" t="s">
        <v>7831</v>
      </c>
      <c r="I1351" s="1" t="s">
        <v>7832</v>
      </c>
      <c r="K1351" s="1" t="s">
        <v>1366</v>
      </c>
      <c r="L1351" s="1" t="s">
        <v>4951</v>
      </c>
    </row>
    <row r="1352" spans="1:12" x14ac:dyDescent="0.25">
      <c r="A1352" s="1" t="s">
        <v>1189</v>
      </c>
      <c r="B1352" s="1" t="s">
        <v>7622</v>
      </c>
      <c r="C1352" s="1" t="s">
        <v>1529</v>
      </c>
      <c r="D1352" s="18">
        <v>12</v>
      </c>
      <c r="E1352" s="1" t="s">
        <v>2365</v>
      </c>
      <c r="F1352" s="1" t="s">
        <v>7833</v>
      </c>
      <c r="G1352" s="1" t="s">
        <v>7834</v>
      </c>
      <c r="H1352" s="1" t="s">
        <v>7835</v>
      </c>
      <c r="I1352" s="1" t="s">
        <v>7836</v>
      </c>
      <c r="K1352" s="1" t="s">
        <v>1366</v>
      </c>
      <c r="L1352" s="1" t="s">
        <v>4946</v>
      </c>
    </row>
    <row r="1353" spans="1:12" x14ac:dyDescent="0.25">
      <c r="A1353" s="1" t="s">
        <v>7837</v>
      </c>
      <c r="B1353" s="1" t="s">
        <v>7622</v>
      </c>
      <c r="C1353" s="1" t="s">
        <v>1529</v>
      </c>
      <c r="D1353" s="18">
        <v>13</v>
      </c>
      <c r="E1353" s="1" t="s">
        <v>2371</v>
      </c>
      <c r="F1353" s="1" t="s">
        <v>7838</v>
      </c>
      <c r="G1353" s="1" t="s">
        <v>7839</v>
      </c>
      <c r="H1353" s="1" t="s">
        <v>7840</v>
      </c>
      <c r="I1353" s="1" t="s">
        <v>7841</v>
      </c>
      <c r="J1353" s="14" t="s">
        <v>5052</v>
      </c>
      <c r="K1353" s="1" t="s">
        <v>1334</v>
      </c>
      <c r="L1353" s="1" t="s">
        <v>4951</v>
      </c>
    </row>
    <row r="1354" spans="1:12" x14ac:dyDescent="0.25">
      <c r="A1354" s="1" t="s">
        <v>7842</v>
      </c>
      <c r="B1354" s="1" t="s">
        <v>7622</v>
      </c>
      <c r="C1354" s="1" t="s">
        <v>1529</v>
      </c>
      <c r="D1354" s="18">
        <v>14</v>
      </c>
      <c r="E1354" s="1" t="s">
        <v>2377</v>
      </c>
      <c r="F1354" s="1" t="s">
        <v>7843</v>
      </c>
      <c r="G1354" s="1" t="s">
        <v>7844</v>
      </c>
      <c r="H1354" s="1" t="s">
        <v>7845</v>
      </c>
      <c r="I1354" s="1" t="s">
        <v>7846</v>
      </c>
      <c r="K1354" s="1" t="s">
        <v>1334</v>
      </c>
      <c r="L1354" s="1" t="s">
        <v>4971</v>
      </c>
    </row>
    <row r="1355" spans="1:12" x14ac:dyDescent="0.25">
      <c r="A1355" s="1" t="s">
        <v>7847</v>
      </c>
      <c r="B1355" s="1" t="s">
        <v>7622</v>
      </c>
      <c r="C1355" s="1" t="s">
        <v>1529</v>
      </c>
      <c r="D1355" s="18">
        <v>15</v>
      </c>
      <c r="E1355" s="1" t="s">
        <v>2383</v>
      </c>
      <c r="F1355" s="1" t="s">
        <v>7848</v>
      </c>
      <c r="G1355" s="1" t="s">
        <v>7849</v>
      </c>
      <c r="H1355" s="1" t="s">
        <v>7850</v>
      </c>
      <c r="I1355" s="1" t="s">
        <v>7851</v>
      </c>
      <c r="K1355" s="1" t="s">
        <v>1366</v>
      </c>
      <c r="L1355" s="1" t="s">
        <v>4951</v>
      </c>
    </row>
    <row r="1356" spans="1:12" x14ac:dyDescent="0.25">
      <c r="A1356" s="1" t="s">
        <v>601</v>
      </c>
      <c r="B1356" s="1" t="s">
        <v>7622</v>
      </c>
      <c r="C1356" s="1" t="s">
        <v>1529</v>
      </c>
      <c r="D1356" s="18">
        <v>16</v>
      </c>
      <c r="E1356" s="1" t="s">
        <v>2389</v>
      </c>
      <c r="F1356" s="1" t="s">
        <v>7852</v>
      </c>
      <c r="G1356" s="1" t="s">
        <v>7853</v>
      </c>
      <c r="H1356" s="1" t="s">
        <v>7854</v>
      </c>
      <c r="I1356" s="1" t="s">
        <v>7855</v>
      </c>
      <c r="K1356" s="1" t="s">
        <v>1366</v>
      </c>
      <c r="L1356" s="1" t="s">
        <v>4971</v>
      </c>
    </row>
    <row r="1357" spans="1:12" x14ac:dyDescent="0.25">
      <c r="A1357" s="1" t="s">
        <v>7856</v>
      </c>
      <c r="B1357" s="1" t="s">
        <v>7622</v>
      </c>
      <c r="C1357" s="1" t="s">
        <v>1529</v>
      </c>
      <c r="D1357" s="18">
        <v>17</v>
      </c>
      <c r="E1357" s="1" t="s">
        <v>2395</v>
      </c>
      <c r="F1357" s="1" t="s">
        <v>7857</v>
      </c>
      <c r="G1357" s="1" t="s">
        <v>7858</v>
      </c>
      <c r="H1357" s="1" t="s">
        <v>7667</v>
      </c>
      <c r="I1357" s="1" t="s">
        <v>7859</v>
      </c>
      <c r="K1357" s="1" t="s">
        <v>1334</v>
      </c>
      <c r="L1357" s="1" t="s">
        <v>4940</v>
      </c>
    </row>
    <row r="1358" spans="1:12" x14ac:dyDescent="0.25">
      <c r="A1358" s="1" t="s">
        <v>7860</v>
      </c>
      <c r="B1358" s="1" t="s">
        <v>7622</v>
      </c>
      <c r="C1358" s="1" t="s">
        <v>1529</v>
      </c>
      <c r="D1358" s="18">
        <v>18</v>
      </c>
      <c r="E1358" s="1" t="s">
        <v>2401</v>
      </c>
      <c r="F1358" s="1" t="s">
        <v>7861</v>
      </c>
      <c r="G1358" s="1" t="s">
        <v>7862</v>
      </c>
      <c r="H1358" s="1" t="s">
        <v>7863</v>
      </c>
      <c r="I1358" s="1" t="s">
        <v>7864</v>
      </c>
      <c r="K1358" s="1" t="s">
        <v>1366</v>
      </c>
      <c r="L1358" s="1" t="s">
        <v>4951</v>
      </c>
    </row>
    <row r="1359" spans="1:12" x14ac:dyDescent="0.25">
      <c r="A1359" s="1" t="s">
        <v>7865</v>
      </c>
      <c r="B1359" s="1" t="s">
        <v>7622</v>
      </c>
      <c r="C1359" s="1" t="s">
        <v>1529</v>
      </c>
      <c r="D1359" s="18">
        <v>19</v>
      </c>
      <c r="E1359" s="1" t="s">
        <v>2407</v>
      </c>
      <c r="F1359" s="1" t="s">
        <v>7866</v>
      </c>
      <c r="G1359" s="1" t="s">
        <v>7867</v>
      </c>
      <c r="H1359" s="1" t="s">
        <v>7663</v>
      </c>
      <c r="I1359" s="1" t="s">
        <v>7868</v>
      </c>
      <c r="J1359" s="14" t="s">
        <v>1726</v>
      </c>
      <c r="K1359" s="1" t="s">
        <v>1334</v>
      </c>
      <c r="L1359" s="1" t="s">
        <v>7869</v>
      </c>
    </row>
    <row r="1360" spans="1:12" x14ac:dyDescent="0.25">
      <c r="A1360" s="2" t="s">
        <v>7870</v>
      </c>
      <c r="B1360" s="1" t="s">
        <v>7622</v>
      </c>
      <c r="C1360" s="1" t="s">
        <v>1529</v>
      </c>
      <c r="D1360" s="18">
        <v>20</v>
      </c>
      <c r="E1360" s="1" t="s">
        <v>2413</v>
      </c>
      <c r="F1360" s="1" t="s">
        <v>7871</v>
      </c>
      <c r="G1360" s="1" t="s">
        <v>7872</v>
      </c>
      <c r="H1360" s="1" t="s">
        <v>7873</v>
      </c>
      <c r="I1360" s="1" t="s">
        <v>7874</v>
      </c>
      <c r="K1360" s="1" t="s">
        <v>1334</v>
      </c>
      <c r="L1360" s="1" t="s">
        <v>4940</v>
      </c>
    </row>
    <row r="1361" spans="1:12" x14ac:dyDescent="0.25">
      <c r="A1361" s="1" t="s">
        <v>7875</v>
      </c>
      <c r="B1361" s="1" t="s">
        <v>7622</v>
      </c>
      <c r="C1361" s="1" t="s">
        <v>1529</v>
      </c>
      <c r="D1361" s="18">
        <v>21</v>
      </c>
      <c r="E1361" s="1" t="s">
        <v>2419</v>
      </c>
      <c r="F1361" s="1" t="s">
        <v>7876</v>
      </c>
      <c r="G1361" s="1" t="s">
        <v>7877</v>
      </c>
      <c r="H1361" s="1" t="s">
        <v>7878</v>
      </c>
      <c r="I1361" s="1" t="s">
        <v>7879</v>
      </c>
      <c r="K1361" s="1" t="s">
        <v>1334</v>
      </c>
      <c r="L1361" s="1" t="s">
        <v>4940</v>
      </c>
    </row>
    <row r="1362" spans="1:12" x14ac:dyDescent="0.25">
      <c r="A1362" s="1" t="s">
        <v>1162</v>
      </c>
      <c r="B1362" s="1" t="s">
        <v>7622</v>
      </c>
      <c r="C1362" s="1" t="s">
        <v>1529</v>
      </c>
      <c r="D1362" s="18">
        <v>22</v>
      </c>
      <c r="E1362" s="1" t="s">
        <v>2425</v>
      </c>
      <c r="F1362" s="1" t="s">
        <v>7880</v>
      </c>
      <c r="G1362" s="1" t="s">
        <v>7881</v>
      </c>
      <c r="H1362" s="1" t="s">
        <v>7882</v>
      </c>
      <c r="I1362" s="1" t="s">
        <v>7883</v>
      </c>
      <c r="K1362" s="1" t="s">
        <v>1334</v>
      </c>
      <c r="L1362" s="1" t="s">
        <v>4971</v>
      </c>
    </row>
    <row r="1363" spans="1:12" x14ac:dyDescent="0.25">
      <c r="A1363" s="1" t="s">
        <v>7884</v>
      </c>
      <c r="B1363" s="1" t="s">
        <v>7622</v>
      </c>
      <c r="C1363" s="1" t="s">
        <v>1529</v>
      </c>
      <c r="D1363" s="18">
        <v>23</v>
      </c>
      <c r="E1363" s="1" t="s">
        <v>2431</v>
      </c>
      <c r="F1363" s="1" t="s">
        <v>7885</v>
      </c>
      <c r="G1363" s="1" t="s">
        <v>7886</v>
      </c>
      <c r="H1363" s="1" t="s">
        <v>7887</v>
      </c>
      <c r="I1363" s="1" t="s">
        <v>7888</v>
      </c>
      <c r="K1363" s="1" t="s">
        <v>1334</v>
      </c>
      <c r="L1363" s="1" t="s">
        <v>4946</v>
      </c>
    </row>
    <row r="1364" spans="1:12" x14ac:dyDescent="0.25">
      <c r="A1364" s="1" t="s">
        <v>7889</v>
      </c>
      <c r="B1364" s="1" t="s">
        <v>7622</v>
      </c>
      <c r="C1364" s="1" t="s">
        <v>1529</v>
      </c>
      <c r="D1364" s="18">
        <v>24</v>
      </c>
      <c r="E1364" s="1" t="s">
        <v>2437</v>
      </c>
      <c r="F1364" s="1" t="s">
        <v>7890</v>
      </c>
      <c r="G1364" s="1" t="s">
        <v>7891</v>
      </c>
      <c r="H1364" s="1" t="s">
        <v>7892</v>
      </c>
      <c r="I1364" s="1" t="s">
        <v>7893</v>
      </c>
      <c r="J1364" s="14" t="s">
        <v>5052</v>
      </c>
      <c r="K1364" s="1" t="s">
        <v>1366</v>
      </c>
      <c r="L1364" s="1" t="s">
        <v>4971</v>
      </c>
    </row>
    <row r="1365" spans="1:12" x14ac:dyDescent="0.25">
      <c r="A1365" s="1" t="s">
        <v>7894</v>
      </c>
      <c r="B1365" s="1" t="s">
        <v>7622</v>
      </c>
      <c r="C1365" s="1" t="s">
        <v>1529</v>
      </c>
      <c r="D1365" s="18">
        <v>25</v>
      </c>
      <c r="E1365" s="1" t="s">
        <v>2442</v>
      </c>
      <c r="F1365" s="1" t="s">
        <v>7895</v>
      </c>
      <c r="G1365" s="1" t="s">
        <v>7896</v>
      </c>
      <c r="H1365" s="1" t="s">
        <v>7897</v>
      </c>
      <c r="I1365" s="1" t="s">
        <v>7898</v>
      </c>
      <c r="K1365" s="1" t="s">
        <v>1334</v>
      </c>
      <c r="L1365" s="1" t="s">
        <v>4951</v>
      </c>
    </row>
    <row r="1366" spans="1:12" x14ac:dyDescent="0.25">
      <c r="A1366" s="1" t="s">
        <v>949</v>
      </c>
      <c r="B1366" s="1" t="s">
        <v>7622</v>
      </c>
      <c r="C1366" s="1" t="s">
        <v>1529</v>
      </c>
      <c r="D1366" s="18">
        <v>26</v>
      </c>
      <c r="E1366" s="1" t="s">
        <v>2448</v>
      </c>
      <c r="F1366" s="1" t="s">
        <v>7899</v>
      </c>
      <c r="G1366" s="1" t="s">
        <v>7900</v>
      </c>
      <c r="H1366" s="1" t="s">
        <v>7901</v>
      </c>
      <c r="I1366" s="1" t="s">
        <v>7902</v>
      </c>
      <c r="K1366" s="1" t="s">
        <v>1334</v>
      </c>
      <c r="L1366" s="1" t="s">
        <v>4951</v>
      </c>
    </row>
    <row r="1367" spans="1:12" x14ac:dyDescent="0.25">
      <c r="A1367" s="1" t="s">
        <v>134</v>
      </c>
      <c r="B1367" s="1" t="s">
        <v>7622</v>
      </c>
      <c r="C1367" s="1" t="s">
        <v>1529</v>
      </c>
      <c r="D1367" s="18">
        <v>27</v>
      </c>
      <c r="E1367" s="1" t="s">
        <v>2454</v>
      </c>
      <c r="F1367" s="1" t="s">
        <v>7903</v>
      </c>
      <c r="G1367" s="1" t="s">
        <v>7904</v>
      </c>
      <c r="H1367" s="1" t="s">
        <v>7905</v>
      </c>
      <c r="I1367" s="1" t="s">
        <v>7906</v>
      </c>
      <c r="K1367" s="1" t="s">
        <v>1334</v>
      </c>
      <c r="L1367" s="1" t="s">
        <v>4946</v>
      </c>
    </row>
    <row r="1368" spans="1:12" x14ac:dyDescent="0.25">
      <c r="A1368" s="1" t="s">
        <v>1190</v>
      </c>
      <c r="B1368" s="1" t="s">
        <v>7622</v>
      </c>
      <c r="C1368" s="1" t="s">
        <v>1529</v>
      </c>
      <c r="D1368" s="18">
        <v>28</v>
      </c>
      <c r="E1368" s="1" t="s">
        <v>2460</v>
      </c>
      <c r="F1368" s="1" t="s">
        <v>7907</v>
      </c>
      <c r="G1368" s="1" t="s">
        <v>7908</v>
      </c>
      <c r="H1368" s="1" t="s">
        <v>7909</v>
      </c>
      <c r="I1368" s="1" t="s">
        <v>7910</v>
      </c>
      <c r="K1368" s="1" t="s">
        <v>1366</v>
      </c>
      <c r="L1368" s="1" t="s">
        <v>4951</v>
      </c>
    </row>
    <row r="1369" spans="1:12" x14ac:dyDescent="0.25">
      <c r="A1369" s="1" t="s">
        <v>950</v>
      </c>
      <c r="B1369" s="1" t="s">
        <v>7622</v>
      </c>
      <c r="C1369" s="1" t="s">
        <v>1529</v>
      </c>
      <c r="D1369" s="18">
        <v>29</v>
      </c>
      <c r="E1369" s="1" t="s">
        <v>2466</v>
      </c>
      <c r="F1369" s="1" t="s">
        <v>7911</v>
      </c>
      <c r="G1369" s="1" t="s">
        <v>7912</v>
      </c>
      <c r="H1369" s="1" t="s">
        <v>7913</v>
      </c>
      <c r="I1369" s="1" t="s">
        <v>7914</v>
      </c>
      <c r="K1369" s="1" t="s">
        <v>1334</v>
      </c>
      <c r="L1369" s="1" t="s">
        <v>4940</v>
      </c>
    </row>
    <row r="1370" spans="1:12" x14ac:dyDescent="0.25">
      <c r="A1370" s="1" t="s">
        <v>7915</v>
      </c>
      <c r="B1370" s="1" t="s">
        <v>7622</v>
      </c>
      <c r="C1370" s="1" t="s">
        <v>1529</v>
      </c>
      <c r="D1370" s="18">
        <v>30</v>
      </c>
      <c r="E1370" s="1" t="s">
        <v>2472</v>
      </c>
      <c r="F1370" s="1" t="s">
        <v>7916</v>
      </c>
      <c r="G1370" s="1" t="s">
        <v>7917</v>
      </c>
      <c r="H1370" s="1" t="s">
        <v>7918</v>
      </c>
      <c r="I1370" s="1" t="s">
        <v>7919</v>
      </c>
      <c r="K1370" s="1" t="s">
        <v>1334</v>
      </c>
      <c r="L1370" s="1" t="s">
        <v>4946</v>
      </c>
    </row>
    <row r="1371" spans="1:12" x14ac:dyDescent="0.25">
      <c r="A1371" s="1" t="s">
        <v>945</v>
      </c>
      <c r="B1371" s="1" t="s">
        <v>7622</v>
      </c>
      <c r="C1371" s="1" t="s">
        <v>1529</v>
      </c>
      <c r="D1371" s="18">
        <v>31</v>
      </c>
      <c r="E1371" s="1" t="s">
        <v>5411</v>
      </c>
      <c r="F1371" s="1" t="s">
        <v>7920</v>
      </c>
      <c r="G1371" s="1" t="s">
        <v>7921</v>
      </c>
      <c r="H1371" s="1" t="s">
        <v>7686</v>
      </c>
      <c r="I1371" s="1" t="s">
        <v>7922</v>
      </c>
      <c r="K1371" s="1" t="s">
        <v>1334</v>
      </c>
      <c r="L1371" s="1" t="s">
        <v>4971</v>
      </c>
    </row>
    <row r="1372" spans="1:12" x14ac:dyDescent="0.25">
      <c r="A1372" s="1" t="s">
        <v>7923</v>
      </c>
      <c r="B1372" s="1" t="s">
        <v>7622</v>
      </c>
      <c r="C1372" s="1" t="s">
        <v>1529</v>
      </c>
      <c r="D1372" s="18">
        <v>32</v>
      </c>
      <c r="E1372" s="1" t="s">
        <v>5417</v>
      </c>
      <c r="F1372" s="1" t="s">
        <v>7924</v>
      </c>
      <c r="G1372" s="1" t="s">
        <v>7925</v>
      </c>
      <c r="H1372" s="1" t="s">
        <v>7926</v>
      </c>
      <c r="I1372" s="1" t="s">
        <v>7927</v>
      </c>
      <c r="K1372" s="1" t="s">
        <v>1366</v>
      </c>
      <c r="L1372" s="1" t="s">
        <v>4940</v>
      </c>
    </row>
    <row r="1373" spans="1:12" x14ac:dyDescent="0.25">
      <c r="A1373" s="1" t="s">
        <v>946</v>
      </c>
      <c r="B1373" s="1" t="s">
        <v>7622</v>
      </c>
      <c r="C1373" s="1" t="s">
        <v>1529</v>
      </c>
      <c r="D1373" s="18">
        <v>33</v>
      </c>
      <c r="E1373" s="1" t="s">
        <v>6586</v>
      </c>
      <c r="F1373" s="1" t="s">
        <v>7928</v>
      </c>
      <c r="G1373" s="1" t="s">
        <v>7929</v>
      </c>
      <c r="H1373" s="1" t="s">
        <v>7930</v>
      </c>
      <c r="I1373" s="1" t="s">
        <v>7931</v>
      </c>
      <c r="K1373" s="1" t="s">
        <v>1334</v>
      </c>
      <c r="L1373" s="1" t="s">
        <v>4940</v>
      </c>
    </row>
    <row r="1374" spans="1:12" x14ac:dyDescent="0.25">
      <c r="A1374" s="1" t="s">
        <v>7932</v>
      </c>
      <c r="B1374" s="1" t="s">
        <v>7622</v>
      </c>
      <c r="C1374" s="1" t="s">
        <v>1529</v>
      </c>
      <c r="D1374" s="18">
        <v>34</v>
      </c>
      <c r="E1374" s="1" t="s">
        <v>6592</v>
      </c>
      <c r="F1374" s="1" t="s">
        <v>7933</v>
      </c>
      <c r="G1374" s="1" t="s">
        <v>7934</v>
      </c>
      <c r="H1374" s="1" t="s">
        <v>7935</v>
      </c>
      <c r="I1374" s="1" t="s">
        <v>7936</v>
      </c>
      <c r="K1374" s="1" t="s">
        <v>1334</v>
      </c>
      <c r="L1374" s="1" t="s">
        <v>4971</v>
      </c>
    </row>
    <row r="1375" spans="1:12" x14ac:dyDescent="0.25">
      <c r="A1375" s="1" t="s">
        <v>7937</v>
      </c>
      <c r="B1375" s="1" t="s">
        <v>7622</v>
      </c>
      <c r="C1375" s="1" t="s">
        <v>1686</v>
      </c>
      <c r="D1375" s="18">
        <v>1</v>
      </c>
      <c r="E1375" s="1" t="s">
        <v>1329</v>
      </c>
      <c r="F1375" s="1" t="s">
        <v>7938</v>
      </c>
      <c r="G1375" s="1" t="s">
        <v>7939</v>
      </c>
      <c r="H1375" s="1" t="s">
        <v>7940</v>
      </c>
      <c r="I1375" s="1" t="s">
        <v>4236</v>
      </c>
      <c r="K1375" s="1" t="s">
        <v>1334</v>
      </c>
      <c r="L1375" s="1" t="s">
        <v>4951</v>
      </c>
    </row>
    <row r="1376" spans="1:12" x14ac:dyDescent="0.25">
      <c r="A1376" s="1" t="s">
        <v>7941</v>
      </c>
      <c r="B1376" s="1" t="s">
        <v>7622</v>
      </c>
      <c r="C1376" s="1" t="s">
        <v>1686</v>
      </c>
      <c r="D1376" s="18">
        <v>2</v>
      </c>
      <c r="E1376" s="1" t="s">
        <v>1337</v>
      </c>
      <c r="F1376" s="1" t="s">
        <v>7942</v>
      </c>
      <c r="G1376" s="1" t="s">
        <v>7943</v>
      </c>
      <c r="H1376" s="1" t="s">
        <v>7944</v>
      </c>
      <c r="I1376" s="1" t="s">
        <v>7945</v>
      </c>
      <c r="K1376" s="1" t="s">
        <v>1334</v>
      </c>
      <c r="L1376" s="1" t="s">
        <v>4940</v>
      </c>
    </row>
    <row r="1377" spans="1:12" x14ac:dyDescent="0.25">
      <c r="A1377" s="1" t="s">
        <v>7946</v>
      </c>
      <c r="B1377" s="1" t="s">
        <v>7622</v>
      </c>
      <c r="C1377" s="1" t="s">
        <v>1686</v>
      </c>
      <c r="D1377" s="18">
        <v>3</v>
      </c>
      <c r="E1377" s="1" t="s">
        <v>1343</v>
      </c>
      <c r="F1377" s="1" t="s">
        <v>7947</v>
      </c>
      <c r="G1377" s="1" t="s">
        <v>7948</v>
      </c>
      <c r="H1377" s="1" t="s">
        <v>7949</v>
      </c>
      <c r="I1377" s="1" t="s">
        <v>7950</v>
      </c>
      <c r="K1377" s="1" t="s">
        <v>1334</v>
      </c>
      <c r="L1377" s="1" t="s">
        <v>4946</v>
      </c>
    </row>
    <row r="1378" spans="1:12" x14ac:dyDescent="0.25">
      <c r="A1378" s="1" t="s">
        <v>7951</v>
      </c>
      <c r="B1378" s="1" t="s">
        <v>7622</v>
      </c>
      <c r="C1378" s="1" t="s">
        <v>1686</v>
      </c>
      <c r="D1378" s="18">
        <v>4</v>
      </c>
      <c r="E1378" s="1" t="s">
        <v>1349</v>
      </c>
      <c r="F1378" s="1" t="s">
        <v>7952</v>
      </c>
      <c r="G1378" s="1" t="s">
        <v>7953</v>
      </c>
      <c r="H1378" s="1" t="s">
        <v>7954</v>
      </c>
      <c r="I1378" s="1" t="s">
        <v>7955</v>
      </c>
      <c r="K1378" s="1" t="s">
        <v>1366</v>
      </c>
      <c r="L1378" s="1" t="s">
        <v>4951</v>
      </c>
    </row>
    <row r="1379" spans="1:12" x14ac:dyDescent="0.25">
      <c r="A1379" s="1" t="s">
        <v>7956</v>
      </c>
      <c r="B1379" s="1" t="s">
        <v>7622</v>
      </c>
      <c r="C1379" s="1" t="s">
        <v>1686</v>
      </c>
      <c r="D1379" s="18">
        <v>5</v>
      </c>
      <c r="E1379" s="1" t="s">
        <v>1355</v>
      </c>
      <c r="F1379" s="1" t="s">
        <v>7957</v>
      </c>
      <c r="G1379" s="1" t="s">
        <v>7958</v>
      </c>
      <c r="H1379" s="1" t="s">
        <v>7959</v>
      </c>
      <c r="I1379" s="1" t="s">
        <v>7960</v>
      </c>
      <c r="K1379" s="1" t="s">
        <v>1334</v>
      </c>
      <c r="L1379" s="1" t="s">
        <v>4940</v>
      </c>
    </row>
    <row r="1380" spans="1:12" x14ac:dyDescent="0.25">
      <c r="A1380" s="1" t="s">
        <v>7961</v>
      </c>
      <c r="B1380" s="1" t="s">
        <v>7622</v>
      </c>
      <c r="C1380" s="1" t="s">
        <v>1686</v>
      </c>
      <c r="D1380" s="18">
        <v>6</v>
      </c>
      <c r="E1380" s="1" t="s">
        <v>1361</v>
      </c>
      <c r="F1380" s="1" t="s">
        <v>7962</v>
      </c>
      <c r="G1380" s="1" t="s">
        <v>7963</v>
      </c>
      <c r="H1380" s="1" t="s">
        <v>7964</v>
      </c>
      <c r="I1380" s="1" t="s">
        <v>7965</v>
      </c>
      <c r="K1380" s="1" t="s">
        <v>1366</v>
      </c>
      <c r="L1380" s="1" t="s">
        <v>4951</v>
      </c>
    </row>
    <row r="1381" spans="1:12" x14ac:dyDescent="0.25">
      <c r="A1381" s="1" t="s">
        <v>7966</v>
      </c>
      <c r="B1381" s="1" t="s">
        <v>7622</v>
      </c>
      <c r="C1381" s="1" t="s">
        <v>1686</v>
      </c>
      <c r="D1381" s="18">
        <v>7</v>
      </c>
      <c r="E1381" s="1" t="s">
        <v>1368</v>
      </c>
      <c r="F1381" s="1" t="s">
        <v>7967</v>
      </c>
      <c r="G1381" s="1" t="s">
        <v>7968</v>
      </c>
      <c r="H1381" s="1" t="s">
        <v>7686</v>
      </c>
      <c r="I1381" s="1" t="s">
        <v>7969</v>
      </c>
      <c r="K1381" s="1" t="s">
        <v>1334</v>
      </c>
      <c r="L1381" s="1" t="s">
        <v>4951</v>
      </c>
    </row>
    <row r="1382" spans="1:12" x14ac:dyDescent="0.25">
      <c r="A1382" s="1" t="s">
        <v>7970</v>
      </c>
      <c r="B1382" s="1" t="s">
        <v>7622</v>
      </c>
      <c r="C1382" s="1" t="s">
        <v>1686</v>
      </c>
      <c r="D1382" s="18">
        <v>8</v>
      </c>
      <c r="E1382" s="1" t="s">
        <v>1374</v>
      </c>
      <c r="F1382" s="1" t="s">
        <v>7971</v>
      </c>
      <c r="G1382" s="1" t="s">
        <v>7972</v>
      </c>
      <c r="H1382" s="1" t="s">
        <v>7973</v>
      </c>
      <c r="I1382" s="1" t="s">
        <v>7974</v>
      </c>
      <c r="K1382" s="1" t="s">
        <v>1334</v>
      </c>
      <c r="L1382" s="1" t="s">
        <v>4946</v>
      </c>
    </row>
    <row r="1383" spans="1:12" x14ac:dyDescent="0.25">
      <c r="A1383" s="1" t="s">
        <v>7975</v>
      </c>
      <c r="B1383" s="1" t="s">
        <v>7622</v>
      </c>
      <c r="C1383" s="1" t="s">
        <v>1686</v>
      </c>
      <c r="D1383" s="18">
        <v>9</v>
      </c>
      <c r="E1383" s="1" t="s">
        <v>1380</v>
      </c>
      <c r="F1383" s="1" t="s">
        <v>7976</v>
      </c>
      <c r="G1383" s="1" t="s">
        <v>7977</v>
      </c>
      <c r="H1383" s="1" t="s">
        <v>7978</v>
      </c>
      <c r="I1383" s="1" t="s">
        <v>7979</v>
      </c>
      <c r="K1383" s="1" t="s">
        <v>1334</v>
      </c>
      <c r="L1383" s="1" t="s">
        <v>4951</v>
      </c>
    </row>
    <row r="1384" spans="1:12" x14ac:dyDescent="0.25">
      <c r="A1384" s="1" t="s">
        <v>7980</v>
      </c>
      <c r="B1384" s="1" t="s">
        <v>7622</v>
      </c>
      <c r="C1384" s="1" t="s">
        <v>1686</v>
      </c>
      <c r="D1384" s="18">
        <v>10</v>
      </c>
      <c r="E1384" s="1" t="s">
        <v>2353</v>
      </c>
      <c r="F1384" s="1" t="s">
        <v>7981</v>
      </c>
      <c r="G1384" s="1" t="s">
        <v>7982</v>
      </c>
      <c r="H1384" s="1" t="s">
        <v>7983</v>
      </c>
      <c r="I1384" s="1" t="s">
        <v>7984</v>
      </c>
      <c r="K1384" s="1" t="s">
        <v>1366</v>
      </c>
      <c r="L1384" s="1" t="s">
        <v>4971</v>
      </c>
    </row>
    <row r="1385" spans="1:12" x14ac:dyDescent="0.25">
      <c r="A1385" s="1" t="s">
        <v>7985</v>
      </c>
      <c r="B1385" s="1" t="s">
        <v>7622</v>
      </c>
      <c r="C1385" s="1" t="s">
        <v>1686</v>
      </c>
      <c r="D1385" s="18">
        <v>11</v>
      </c>
      <c r="E1385" s="1" t="s">
        <v>2359</v>
      </c>
      <c r="F1385" s="1" t="s">
        <v>7986</v>
      </c>
      <c r="G1385" s="1" t="s">
        <v>7987</v>
      </c>
      <c r="H1385" s="1" t="s">
        <v>7988</v>
      </c>
      <c r="I1385" s="1" t="s">
        <v>7989</v>
      </c>
      <c r="K1385" s="1" t="s">
        <v>1366</v>
      </c>
      <c r="L1385" s="1" t="s">
        <v>4940</v>
      </c>
    </row>
    <row r="1386" spans="1:12" x14ac:dyDescent="0.25">
      <c r="A1386" s="1" t="s">
        <v>7990</v>
      </c>
      <c r="B1386" s="1" t="s">
        <v>7622</v>
      </c>
      <c r="C1386" s="1" t="s">
        <v>1686</v>
      </c>
      <c r="D1386" s="18">
        <v>12</v>
      </c>
      <c r="E1386" s="1" t="s">
        <v>2365</v>
      </c>
      <c r="F1386" s="1" t="s">
        <v>7991</v>
      </c>
      <c r="G1386" s="1" t="s">
        <v>7992</v>
      </c>
      <c r="H1386" s="1" t="s">
        <v>7993</v>
      </c>
      <c r="I1386" s="1" t="s">
        <v>7994</v>
      </c>
      <c r="K1386" s="1" t="s">
        <v>1366</v>
      </c>
      <c r="L1386" s="1" t="s">
        <v>4971</v>
      </c>
    </row>
    <row r="1387" spans="1:12" x14ac:dyDescent="0.25">
      <c r="A1387" s="1" t="s">
        <v>7995</v>
      </c>
      <c r="B1387" s="1" t="s">
        <v>7622</v>
      </c>
      <c r="C1387" s="1" t="s">
        <v>1686</v>
      </c>
      <c r="D1387" s="18">
        <v>13</v>
      </c>
      <c r="E1387" s="1" t="s">
        <v>2371</v>
      </c>
      <c r="F1387" s="1" t="s">
        <v>7996</v>
      </c>
      <c r="G1387" s="1" t="s">
        <v>7997</v>
      </c>
      <c r="H1387" s="1" t="s">
        <v>7998</v>
      </c>
      <c r="I1387" s="1" t="s">
        <v>7999</v>
      </c>
      <c r="K1387" s="1" t="s">
        <v>1334</v>
      </c>
      <c r="L1387" s="1" t="s">
        <v>4940</v>
      </c>
    </row>
    <row r="1388" spans="1:12" x14ac:dyDescent="0.25">
      <c r="A1388" s="1" t="s">
        <v>8000</v>
      </c>
      <c r="B1388" s="1" t="s">
        <v>7622</v>
      </c>
      <c r="C1388" s="1" t="s">
        <v>1686</v>
      </c>
      <c r="D1388" s="18">
        <v>14</v>
      </c>
      <c r="E1388" s="1" t="s">
        <v>2377</v>
      </c>
      <c r="F1388" s="1" t="s">
        <v>8001</v>
      </c>
      <c r="G1388" s="1" t="s">
        <v>8002</v>
      </c>
      <c r="H1388" s="1" t="s">
        <v>8003</v>
      </c>
      <c r="I1388" s="1" t="s">
        <v>8004</v>
      </c>
      <c r="K1388" s="1" t="s">
        <v>1334</v>
      </c>
      <c r="L1388" s="1" t="s">
        <v>4971</v>
      </c>
    </row>
    <row r="1389" spans="1:12" x14ac:dyDescent="0.25">
      <c r="A1389" s="1" t="s">
        <v>8005</v>
      </c>
      <c r="B1389" s="1" t="s">
        <v>7622</v>
      </c>
      <c r="C1389" s="1" t="s">
        <v>1686</v>
      </c>
      <c r="D1389" s="18">
        <v>15</v>
      </c>
      <c r="E1389" s="1" t="s">
        <v>2383</v>
      </c>
      <c r="F1389" s="1" t="s">
        <v>8006</v>
      </c>
      <c r="G1389" s="1" t="s">
        <v>8007</v>
      </c>
      <c r="H1389" s="1" t="s">
        <v>8008</v>
      </c>
      <c r="I1389" s="1" t="s">
        <v>8009</v>
      </c>
      <c r="K1389" s="1" t="s">
        <v>1334</v>
      </c>
      <c r="L1389" s="1" t="s">
        <v>4940</v>
      </c>
    </row>
    <row r="1390" spans="1:12" x14ac:dyDescent="0.25">
      <c r="A1390" s="1" t="s">
        <v>8010</v>
      </c>
      <c r="B1390" s="1" t="s">
        <v>7622</v>
      </c>
      <c r="C1390" s="1" t="s">
        <v>1686</v>
      </c>
      <c r="D1390" s="18">
        <v>16</v>
      </c>
      <c r="E1390" s="1" t="s">
        <v>2389</v>
      </c>
      <c r="F1390" s="1" t="s">
        <v>8011</v>
      </c>
      <c r="G1390" s="1" t="s">
        <v>8012</v>
      </c>
      <c r="H1390" s="1" t="s">
        <v>8013</v>
      </c>
      <c r="I1390" s="1" t="s">
        <v>8014</v>
      </c>
      <c r="K1390" s="1" t="s">
        <v>1334</v>
      </c>
      <c r="L1390" s="1" t="s">
        <v>4951</v>
      </c>
    </row>
    <row r="1391" spans="1:12" x14ac:dyDescent="0.25">
      <c r="A1391" s="1" t="s">
        <v>8015</v>
      </c>
      <c r="B1391" s="1" t="s">
        <v>7622</v>
      </c>
      <c r="C1391" s="1" t="s">
        <v>1686</v>
      </c>
      <c r="D1391" s="18">
        <v>17</v>
      </c>
      <c r="E1391" s="1" t="s">
        <v>2395</v>
      </c>
      <c r="F1391" s="1" t="s">
        <v>8016</v>
      </c>
      <c r="G1391" s="1" t="s">
        <v>8017</v>
      </c>
      <c r="H1391" s="1" t="s">
        <v>8018</v>
      </c>
      <c r="I1391" s="1" t="s">
        <v>8019</v>
      </c>
      <c r="K1391" s="1" t="s">
        <v>1334</v>
      </c>
      <c r="L1391" s="1" t="s">
        <v>4971</v>
      </c>
    </row>
    <row r="1392" spans="1:12" x14ac:dyDescent="0.25">
      <c r="A1392" s="1" t="s">
        <v>8020</v>
      </c>
      <c r="B1392" s="1" t="s">
        <v>7622</v>
      </c>
      <c r="C1392" s="1" t="s">
        <v>1686</v>
      </c>
      <c r="D1392" s="18">
        <v>18</v>
      </c>
      <c r="E1392" s="1" t="s">
        <v>2401</v>
      </c>
      <c r="F1392" s="1" t="s">
        <v>8021</v>
      </c>
      <c r="G1392" s="1" t="s">
        <v>8022</v>
      </c>
      <c r="H1392" s="1" t="s">
        <v>8023</v>
      </c>
      <c r="I1392" s="1" t="s">
        <v>8024</v>
      </c>
      <c r="K1392" s="1" t="s">
        <v>1366</v>
      </c>
      <c r="L1392" s="1" t="s">
        <v>4946</v>
      </c>
    </row>
    <row r="1393" spans="1:12" x14ac:dyDescent="0.25">
      <c r="A1393" s="1" t="s">
        <v>8025</v>
      </c>
      <c r="B1393" s="1" t="s">
        <v>7622</v>
      </c>
      <c r="C1393" s="1" t="s">
        <v>1686</v>
      </c>
      <c r="D1393" s="18">
        <v>19</v>
      </c>
      <c r="E1393" s="1" t="s">
        <v>2407</v>
      </c>
      <c r="F1393" s="1" t="s">
        <v>8026</v>
      </c>
      <c r="G1393" s="1" t="s">
        <v>8027</v>
      </c>
      <c r="H1393" s="1" t="s">
        <v>8028</v>
      </c>
      <c r="I1393" s="1" t="s">
        <v>8029</v>
      </c>
      <c r="K1393" s="1" t="s">
        <v>1334</v>
      </c>
      <c r="L1393" s="1" t="s">
        <v>4971</v>
      </c>
    </row>
    <row r="1394" spans="1:12" x14ac:dyDescent="0.25">
      <c r="A1394" s="1" t="s">
        <v>8030</v>
      </c>
      <c r="B1394" s="1" t="s">
        <v>7622</v>
      </c>
      <c r="C1394" s="1" t="s">
        <v>1686</v>
      </c>
      <c r="D1394" s="18">
        <v>20</v>
      </c>
      <c r="E1394" s="1" t="s">
        <v>2413</v>
      </c>
      <c r="F1394" s="1" t="s">
        <v>8031</v>
      </c>
      <c r="G1394" s="1" t="s">
        <v>8032</v>
      </c>
      <c r="H1394" s="1" t="s">
        <v>8033</v>
      </c>
      <c r="I1394" s="1" t="s">
        <v>8034</v>
      </c>
      <c r="K1394" s="1" t="s">
        <v>1366</v>
      </c>
      <c r="L1394" s="1" t="s">
        <v>4940</v>
      </c>
    </row>
    <row r="1395" spans="1:12" x14ac:dyDescent="0.25">
      <c r="A1395" s="1" t="s">
        <v>8035</v>
      </c>
      <c r="B1395" s="1" t="s">
        <v>7622</v>
      </c>
      <c r="C1395" s="1" t="s">
        <v>1686</v>
      </c>
      <c r="D1395" s="18">
        <v>21</v>
      </c>
      <c r="E1395" s="1" t="s">
        <v>2419</v>
      </c>
      <c r="F1395" s="1" t="s">
        <v>8036</v>
      </c>
      <c r="G1395" s="1" t="s">
        <v>8037</v>
      </c>
      <c r="H1395" s="1" t="s">
        <v>8038</v>
      </c>
      <c r="I1395" s="1" t="s">
        <v>8039</v>
      </c>
      <c r="K1395" s="1" t="s">
        <v>1334</v>
      </c>
      <c r="L1395" s="1" t="s">
        <v>4951</v>
      </c>
    </row>
    <row r="1396" spans="1:12" x14ac:dyDescent="0.25">
      <c r="A1396" s="1" t="s">
        <v>8040</v>
      </c>
      <c r="B1396" s="1" t="s">
        <v>7622</v>
      </c>
      <c r="C1396" s="1" t="s">
        <v>1686</v>
      </c>
      <c r="D1396" s="18">
        <v>22</v>
      </c>
      <c r="E1396" s="1" t="s">
        <v>2425</v>
      </c>
      <c r="F1396" s="1" t="s">
        <v>8041</v>
      </c>
      <c r="G1396" s="1" t="s">
        <v>8042</v>
      </c>
      <c r="H1396" s="1" t="s">
        <v>8043</v>
      </c>
      <c r="I1396" s="1" t="s">
        <v>8044</v>
      </c>
      <c r="K1396" s="1" t="s">
        <v>1334</v>
      </c>
      <c r="L1396" s="1" t="s">
        <v>4971</v>
      </c>
    </row>
    <row r="1397" spans="1:12" x14ac:dyDescent="0.25">
      <c r="A1397" s="1" t="s">
        <v>8045</v>
      </c>
      <c r="B1397" s="1" t="s">
        <v>7622</v>
      </c>
      <c r="C1397" s="1" t="s">
        <v>1686</v>
      </c>
      <c r="D1397" s="18">
        <v>23</v>
      </c>
      <c r="E1397" s="1" t="s">
        <v>2431</v>
      </c>
      <c r="F1397" s="1" t="s">
        <v>8046</v>
      </c>
      <c r="G1397" s="1" t="s">
        <v>8047</v>
      </c>
      <c r="H1397" s="1" t="s">
        <v>7695</v>
      </c>
      <c r="I1397" s="1" t="s">
        <v>8048</v>
      </c>
      <c r="K1397" s="1" t="s">
        <v>1334</v>
      </c>
      <c r="L1397" s="1" t="s">
        <v>4946</v>
      </c>
    </row>
    <row r="1398" spans="1:12" x14ac:dyDescent="0.25">
      <c r="A1398" s="1" t="s">
        <v>8049</v>
      </c>
      <c r="B1398" s="1" t="s">
        <v>7622</v>
      </c>
      <c r="C1398" s="1" t="s">
        <v>1686</v>
      </c>
      <c r="D1398" s="18">
        <v>24</v>
      </c>
      <c r="E1398" s="1" t="s">
        <v>2437</v>
      </c>
      <c r="F1398" s="1" t="s">
        <v>8050</v>
      </c>
      <c r="G1398" s="1" t="s">
        <v>8051</v>
      </c>
      <c r="H1398" s="1" t="s">
        <v>8052</v>
      </c>
      <c r="I1398" s="1" t="s">
        <v>8053</v>
      </c>
      <c r="J1398" s="14" t="s">
        <v>5052</v>
      </c>
      <c r="K1398" s="1" t="s">
        <v>1366</v>
      </c>
      <c r="L1398" s="1" t="s">
        <v>4946</v>
      </c>
    </row>
    <row r="1399" spans="1:12" x14ac:dyDescent="0.25">
      <c r="A1399" s="1" t="s">
        <v>8054</v>
      </c>
      <c r="B1399" s="1" t="s">
        <v>7622</v>
      </c>
      <c r="C1399" s="1" t="s">
        <v>1686</v>
      </c>
      <c r="D1399" s="18">
        <v>25</v>
      </c>
      <c r="E1399" s="1" t="s">
        <v>2442</v>
      </c>
      <c r="F1399" s="1" t="s">
        <v>8055</v>
      </c>
      <c r="G1399" s="1" t="s">
        <v>8056</v>
      </c>
      <c r="H1399" s="1" t="s">
        <v>8057</v>
      </c>
      <c r="I1399" s="1" t="s">
        <v>8058</v>
      </c>
      <c r="K1399" s="1" t="s">
        <v>1334</v>
      </c>
      <c r="L1399" s="1" t="s">
        <v>4946</v>
      </c>
    </row>
    <row r="1400" spans="1:12" x14ac:dyDescent="0.25">
      <c r="A1400" s="1" t="s">
        <v>8059</v>
      </c>
      <c r="B1400" s="1" t="s">
        <v>7622</v>
      </c>
      <c r="C1400" s="1" t="s">
        <v>1686</v>
      </c>
      <c r="D1400" s="18">
        <v>26</v>
      </c>
      <c r="E1400" s="1" t="s">
        <v>2448</v>
      </c>
      <c r="F1400" s="1" t="s">
        <v>8060</v>
      </c>
      <c r="G1400" s="1" t="s">
        <v>8061</v>
      </c>
      <c r="H1400" s="1" t="s">
        <v>8062</v>
      </c>
      <c r="I1400" s="1" t="s">
        <v>8063</v>
      </c>
      <c r="K1400" s="1" t="s">
        <v>1334</v>
      </c>
      <c r="L1400" s="1" t="s">
        <v>4946</v>
      </c>
    </row>
    <row r="1401" spans="1:12" x14ac:dyDescent="0.25">
      <c r="A1401" s="1" t="s">
        <v>8064</v>
      </c>
      <c r="B1401" s="1" t="s">
        <v>7622</v>
      </c>
      <c r="C1401" s="1" t="s">
        <v>1686</v>
      </c>
      <c r="D1401" s="18">
        <v>27</v>
      </c>
      <c r="E1401" s="1" t="s">
        <v>2454</v>
      </c>
      <c r="F1401" s="1" t="s">
        <v>8065</v>
      </c>
      <c r="G1401" s="1" t="s">
        <v>8066</v>
      </c>
      <c r="H1401" s="1" t="s">
        <v>8067</v>
      </c>
      <c r="I1401" s="1" t="s">
        <v>8068</v>
      </c>
      <c r="K1401" s="1" t="s">
        <v>1366</v>
      </c>
      <c r="L1401" s="1" t="s">
        <v>4971</v>
      </c>
    </row>
    <row r="1402" spans="1:12" x14ac:dyDescent="0.25">
      <c r="A1402" s="1" t="s">
        <v>8069</v>
      </c>
      <c r="B1402" s="1" t="s">
        <v>7622</v>
      </c>
      <c r="C1402" s="1" t="s">
        <v>1686</v>
      </c>
      <c r="D1402" s="18">
        <v>28</v>
      </c>
      <c r="E1402" s="1" t="s">
        <v>2460</v>
      </c>
      <c r="F1402" s="1" t="s">
        <v>8070</v>
      </c>
      <c r="G1402" s="1" t="s">
        <v>8071</v>
      </c>
      <c r="H1402" s="1" t="s">
        <v>8072</v>
      </c>
      <c r="I1402" s="1" t="s">
        <v>8073</v>
      </c>
      <c r="K1402" s="1" t="s">
        <v>1366</v>
      </c>
      <c r="L1402" s="1" t="s">
        <v>4971</v>
      </c>
    </row>
    <row r="1403" spans="1:12" x14ac:dyDescent="0.25">
      <c r="A1403" s="1" t="s">
        <v>8074</v>
      </c>
      <c r="B1403" s="1" t="s">
        <v>7622</v>
      </c>
      <c r="C1403" s="1" t="s">
        <v>1686</v>
      </c>
      <c r="D1403" s="18">
        <v>29</v>
      </c>
      <c r="E1403" s="1" t="s">
        <v>2466</v>
      </c>
      <c r="F1403" s="1" t="s">
        <v>8075</v>
      </c>
      <c r="G1403" s="1" t="s">
        <v>8076</v>
      </c>
      <c r="H1403" s="1" t="s">
        <v>8077</v>
      </c>
      <c r="I1403" s="1" t="s">
        <v>8078</v>
      </c>
      <c r="J1403" s="14" t="s">
        <v>5052</v>
      </c>
      <c r="K1403" s="1" t="s">
        <v>1334</v>
      </c>
      <c r="L1403" s="1" t="s">
        <v>4940</v>
      </c>
    </row>
    <row r="1404" spans="1:12" x14ac:dyDescent="0.25">
      <c r="A1404" s="1" t="s">
        <v>8079</v>
      </c>
      <c r="B1404" s="1" t="s">
        <v>7622</v>
      </c>
      <c r="C1404" s="1" t="s">
        <v>1686</v>
      </c>
      <c r="D1404" s="18">
        <v>30</v>
      </c>
      <c r="E1404" s="1" t="s">
        <v>2472</v>
      </c>
      <c r="F1404" s="1" t="s">
        <v>8080</v>
      </c>
      <c r="G1404" s="1" t="s">
        <v>8081</v>
      </c>
      <c r="H1404" s="1" t="s">
        <v>8082</v>
      </c>
      <c r="I1404" s="1" t="s">
        <v>8083</v>
      </c>
      <c r="K1404" s="1" t="s">
        <v>1366</v>
      </c>
      <c r="L1404" s="1" t="s">
        <v>4971</v>
      </c>
    </row>
    <row r="1405" spans="1:12" x14ac:dyDescent="0.25">
      <c r="A1405" s="1" t="s">
        <v>8084</v>
      </c>
      <c r="B1405" s="1" t="s">
        <v>7622</v>
      </c>
      <c r="C1405" s="1" t="s">
        <v>1686</v>
      </c>
      <c r="D1405" s="18">
        <v>31</v>
      </c>
      <c r="E1405" s="1" t="s">
        <v>5411</v>
      </c>
      <c r="F1405" s="1" t="s">
        <v>8085</v>
      </c>
      <c r="G1405" s="1" t="s">
        <v>8086</v>
      </c>
      <c r="H1405" s="1" t="s">
        <v>8087</v>
      </c>
      <c r="I1405" s="1" t="s">
        <v>8088</v>
      </c>
      <c r="K1405" s="1" t="s">
        <v>1334</v>
      </c>
      <c r="L1405" s="1" t="s">
        <v>4946</v>
      </c>
    </row>
    <row r="1406" spans="1:12" x14ac:dyDescent="0.25">
      <c r="A1406" s="1" t="s">
        <v>8089</v>
      </c>
      <c r="B1406" s="1" t="s">
        <v>7622</v>
      </c>
      <c r="C1406" s="1" t="s">
        <v>1686</v>
      </c>
      <c r="D1406" s="18">
        <v>32</v>
      </c>
      <c r="E1406" s="1" t="s">
        <v>5417</v>
      </c>
      <c r="F1406" s="1" t="s">
        <v>8090</v>
      </c>
      <c r="G1406" s="1" t="s">
        <v>8091</v>
      </c>
      <c r="H1406" s="1" t="s">
        <v>8092</v>
      </c>
      <c r="I1406" s="1" t="s">
        <v>8093</v>
      </c>
      <c r="K1406" s="1" t="s">
        <v>1334</v>
      </c>
      <c r="L1406" s="1" t="s">
        <v>4971</v>
      </c>
    </row>
    <row r="1407" spans="1:12" x14ac:dyDescent="0.25">
      <c r="A1407" s="1" t="s">
        <v>1012</v>
      </c>
      <c r="B1407" s="1" t="s">
        <v>7622</v>
      </c>
      <c r="C1407" s="1" t="s">
        <v>1686</v>
      </c>
      <c r="D1407" s="18">
        <v>33</v>
      </c>
      <c r="E1407" s="1" t="s">
        <v>6586</v>
      </c>
      <c r="F1407" s="1" t="s">
        <v>8094</v>
      </c>
      <c r="G1407" s="1" t="s">
        <v>8095</v>
      </c>
      <c r="H1407" s="1" t="s">
        <v>8096</v>
      </c>
      <c r="I1407" s="1" t="s">
        <v>8097</v>
      </c>
      <c r="K1407" s="1" t="s">
        <v>1334</v>
      </c>
      <c r="L1407" s="1" t="s">
        <v>4946</v>
      </c>
    </row>
    <row r="1408" spans="1:12" x14ac:dyDescent="0.25">
      <c r="A1408" s="1" t="s">
        <v>1163</v>
      </c>
      <c r="B1408" s="1" t="s">
        <v>7622</v>
      </c>
      <c r="C1408" s="1" t="s">
        <v>1686</v>
      </c>
      <c r="D1408" s="18">
        <v>34</v>
      </c>
      <c r="E1408" s="1" t="s">
        <v>6592</v>
      </c>
      <c r="F1408" s="1" t="s">
        <v>8098</v>
      </c>
      <c r="G1408" s="17">
        <v>21600406</v>
      </c>
      <c r="H1408" s="1" t="s">
        <v>8099</v>
      </c>
      <c r="I1408" s="1" t="s">
        <v>8100</v>
      </c>
      <c r="J1408" s="14" t="s">
        <v>1726</v>
      </c>
      <c r="K1408" s="1" t="s">
        <v>1334</v>
      </c>
      <c r="L1408" s="1" t="s">
        <v>4946</v>
      </c>
    </row>
    <row r="1409" spans="1:12" x14ac:dyDescent="0.25">
      <c r="A1409" s="1" t="s">
        <v>973</v>
      </c>
      <c r="B1409" s="1" t="s">
        <v>7622</v>
      </c>
      <c r="C1409" s="1" t="s">
        <v>1843</v>
      </c>
      <c r="D1409" s="18">
        <v>1</v>
      </c>
      <c r="E1409" s="1" t="s">
        <v>1329</v>
      </c>
      <c r="F1409" s="1" t="s">
        <v>8101</v>
      </c>
      <c r="G1409" s="1" t="s">
        <v>8102</v>
      </c>
      <c r="H1409" s="1" t="s">
        <v>8103</v>
      </c>
      <c r="I1409" s="1" t="s">
        <v>8104</v>
      </c>
      <c r="K1409" s="1" t="s">
        <v>1366</v>
      </c>
      <c r="L1409" s="1" t="s">
        <v>4940</v>
      </c>
    </row>
    <row r="1410" spans="1:12" x14ac:dyDescent="0.25">
      <c r="A1410" s="1" t="s">
        <v>8105</v>
      </c>
      <c r="B1410" s="1" t="s">
        <v>7622</v>
      </c>
      <c r="C1410" s="1" t="s">
        <v>1843</v>
      </c>
      <c r="D1410" s="18">
        <v>2</v>
      </c>
      <c r="E1410" s="1" t="s">
        <v>1337</v>
      </c>
      <c r="F1410" s="1" t="s">
        <v>8106</v>
      </c>
      <c r="G1410" s="1" t="s">
        <v>8107</v>
      </c>
      <c r="H1410" s="1" t="s">
        <v>8108</v>
      </c>
      <c r="I1410" s="1" t="s">
        <v>8109</v>
      </c>
      <c r="K1410" s="1" t="s">
        <v>1366</v>
      </c>
      <c r="L1410" s="1" t="s">
        <v>4971</v>
      </c>
    </row>
    <row r="1411" spans="1:12" x14ac:dyDescent="0.25">
      <c r="A1411" s="1" t="s">
        <v>8110</v>
      </c>
      <c r="B1411" s="1" t="s">
        <v>7622</v>
      </c>
      <c r="C1411" s="1" t="s">
        <v>1843</v>
      </c>
      <c r="D1411" s="18">
        <v>3</v>
      </c>
      <c r="E1411" s="1" t="s">
        <v>1343</v>
      </c>
      <c r="F1411" s="1" t="s">
        <v>8111</v>
      </c>
      <c r="G1411" s="1" t="s">
        <v>8112</v>
      </c>
      <c r="H1411" s="1" t="s">
        <v>7797</v>
      </c>
      <c r="I1411" s="1" t="s">
        <v>8113</v>
      </c>
      <c r="K1411" s="1" t="s">
        <v>1334</v>
      </c>
      <c r="L1411" s="1" t="s">
        <v>4951</v>
      </c>
    </row>
    <row r="1412" spans="1:12" x14ac:dyDescent="0.25">
      <c r="A1412" s="1" t="s">
        <v>8114</v>
      </c>
      <c r="B1412" s="1" t="s">
        <v>7622</v>
      </c>
      <c r="C1412" s="1" t="s">
        <v>1843</v>
      </c>
      <c r="D1412" s="18">
        <v>4</v>
      </c>
      <c r="E1412" s="1" t="s">
        <v>1349</v>
      </c>
      <c r="F1412" s="1" t="s">
        <v>8115</v>
      </c>
      <c r="G1412" s="1" t="s">
        <v>8116</v>
      </c>
      <c r="H1412" s="1" t="s">
        <v>8117</v>
      </c>
      <c r="I1412" s="1" t="s">
        <v>8118</v>
      </c>
      <c r="K1412" s="1" t="s">
        <v>1334</v>
      </c>
      <c r="L1412" s="1" t="s">
        <v>4946</v>
      </c>
    </row>
    <row r="1413" spans="1:12" x14ac:dyDescent="0.25">
      <c r="A1413" s="1" t="s">
        <v>8119</v>
      </c>
      <c r="B1413" s="1" t="s">
        <v>7622</v>
      </c>
      <c r="C1413" s="1" t="s">
        <v>1843</v>
      </c>
      <c r="D1413" s="18">
        <v>5</v>
      </c>
      <c r="E1413" s="1" t="s">
        <v>1355</v>
      </c>
      <c r="F1413" s="1" t="s">
        <v>8120</v>
      </c>
      <c r="G1413" s="1" t="s">
        <v>8121</v>
      </c>
      <c r="H1413" s="1" t="s">
        <v>7705</v>
      </c>
      <c r="I1413" s="1" t="s">
        <v>8122</v>
      </c>
      <c r="K1413" s="1" t="s">
        <v>1334</v>
      </c>
      <c r="L1413" s="1" t="s">
        <v>4946</v>
      </c>
    </row>
    <row r="1414" spans="1:12" x14ac:dyDescent="0.25">
      <c r="A1414" s="1" t="s">
        <v>1044</v>
      </c>
      <c r="B1414" s="1" t="s">
        <v>7622</v>
      </c>
      <c r="C1414" s="1" t="s">
        <v>1843</v>
      </c>
      <c r="D1414" s="18">
        <v>6</v>
      </c>
      <c r="E1414" s="1" t="s">
        <v>1361</v>
      </c>
      <c r="F1414" s="1" t="s">
        <v>8123</v>
      </c>
      <c r="G1414" s="1" t="s">
        <v>8124</v>
      </c>
      <c r="H1414" s="1" t="s">
        <v>8125</v>
      </c>
      <c r="I1414" s="1" t="s">
        <v>8126</v>
      </c>
      <c r="K1414" s="1" t="s">
        <v>1334</v>
      </c>
      <c r="L1414" s="1" t="s">
        <v>4946</v>
      </c>
    </row>
    <row r="1415" spans="1:12" x14ac:dyDescent="0.25">
      <c r="A1415" s="1" t="s">
        <v>8127</v>
      </c>
      <c r="B1415" s="1" t="s">
        <v>7622</v>
      </c>
      <c r="C1415" s="1" t="s">
        <v>1843</v>
      </c>
      <c r="D1415" s="18">
        <v>7</v>
      </c>
      <c r="E1415" s="1" t="s">
        <v>1368</v>
      </c>
      <c r="F1415" s="1" t="s">
        <v>8128</v>
      </c>
      <c r="G1415" s="1" t="s">
        <v>8129</v>
      </c>
      <c r="H1415" s="1" t="s">
        <v>8130</v>
      </c>
      <c r="I1415" s="1" t="s">
        <v>8131</v>
      </c>
      <c r="K1415" s="1" t="s">
        <v>1334</v>
      </c>
      <c r="L1415" s="1" t="s">
        <v>4940</v>
      </c>
    </row>
    <row r="1416" spans="1:12" x14ac:dyDescent="0.25">
      <c r="A1416" s="1" t="s">
        <v>8132</v>
      </c>
      <c r="B1416" s="1" t="s">
        <v>7622</v>
      </c>
      <c r="C1416" s="1" t="s">
        <v>1843</v>
      </c>
      <c r="D1416" s="18">
        <v>8</v>
      </c>
      <c r="E1416" s="1" t="s">
        <v>1374</v>
      </c>
      <c r="F1416" s="1" t="s">
        <v>8133</v>
      </c>
      <c r="G1416" s="1" t="s">
        <v>8134</v>
      </c>
      <c r="H1416" s="1" t="s">
        <v>8135</v>
      </c>
      <c r="I1416" s="1" t="s">
        <v>8136</v>
      </c>
      <c r="K1416" s="1" t="s">
        <v>1366</v>
      </c>
      <c r="L1416" s="1" t="s">
        <v>4971</v>
      </c>
    </row>
    <row r="1417" spans="1:12" x14ac:dyDescent="0.25">
      <c r="A1417" s="1" t="s">
        <v>8137</v>
      </c>
      <c r="B1417" s="1" t="s">
        <v>7622</v>
      </c>
      <c r="C1417" s="1" t="s">
        <v>1843</v>
      </c>
      <c r="D1417" s="18">
        <v>9</v>
      </c>
      <c r="E1417" s="1" t="s">
        <v>1380</v>
      </c>
      <c r="F1417" s="1" t="s">
        <v>8138</v>
      </c>
      <c r="G1417" s="1" t="s">
        <v>8139</v>
      </c>
      <c r="H1417" s="1" t="s">
        <v>8140</v>
      </c>
      <c r="I1417" s="1" t="s">
        <v>8141</v>
      </c>
      <c r="K1417" s="1" t="s">
        <v>1366</v>
      </c>
      <c r="L1417" s="1" t="s">
        <v>4940</v>
      </c>
    </row>
    <row r="1418" spans="1:12" x14ac:dyDescent="0.25">
      <c r="A1418" s="2" t="s">
        <v>8142</v>
      </c>
      <c r="B1418" s="1" t="s">
        <v>7622</v>
      </c>
      <c r="C1418" s="1" t="s">
        <v>1843</v>
      </c>
      <c r="D1418" s="18">
        <v>10</v>
      </c>
      <c r="E1418" s="1" t="s">
        <v>1386</v>
      </c>
      <c r="F1418" s="1" t="s">
        <v>8143</v>
      </c>
      <c r="G1418" s="1" t="s">
        <v>8144</v>
      </c>
      <c r="H1418" s="1" t="s">
        <v>8145</v>
      </c>
      <c r="I1418" s="1" t="s">
        <v>8146</v>
      </c>
      <c r="K1418" s="1" t="s">
        <v>1334</v>
      </c>
      <c r="L1418" s="1" t="s">
        <v>4951</v>
      </c>
    </row>
    <row r="1419" spans="1:12" x14ac:dyDescent="0.25">
      <c r="A1419" s="1" t="s">
        <v>8147</v>
      </c>
      <c r="B1419" s="1" t="s">
        <v>7622</v>
      </c>
      <c r="C1419" s="1" t="s">
        <v>1843</v>
      </c>
      <c r="D1419" s="18">
        <v>11</v>
      </c>
      <c r="E1419" s="1" t="s">
        <v>1392</v>
      </c>
      <c r="F1419" s="1" t="s">
        <v>8148</v>
      </c>
      <c r="G1419" s="1" t="s">
        <v>8149</v>
      </c>
      <c r="H1419" s="1" t="s">
        <v>8150</v>
      </c>
      <c r="I1419" s="1" t="s">
        <v>8151</v>
      </c>
      <c r="K1419" s="1" t="s">
        <v>1334</v>
      </c>
      <c r="L1419" s="1" t="s">
        <v>4951</v>
      </c>
    </row>
    <row r="1420" spans="1:12" x14ac:dyDescent="0.25">
      <c r="A1420" s="1" t="s">
        <v>8152</v>
      </c>
      <c r="B1420" s="1" t="s">
        <v>7622</v>
      </c>
      <c r="C1420" s="1" t="s">
        <v>1843</v>
      </c>
      <c r="D1420" s="18">
        <v>12</v>
      </c>
      <c r="E1420" s="1" t="s">
        <v>1398</v>
      </c>
      <c r="F1420" s="1" t="s">
        <v>8153</v>
      </c>
      <c r="G1420" s="1" t="s">
        <v>8154</v>
      </c>
      <c r="H1420" s="1" t="s">
        <v>7733</v>
      </c>
      <c r="I1420" s="1" t="s">
        <v>8155</v>
      </c>
      <c r="K1420" s="1" t="s">
        <v>1334</v>
      </c>
      <c r="L1420" s="1" t="s">
        <v>4940</v>
      </c>
    </row>
    <row r="1421" spans="1:12" x14ac:dyDescent="0.25">
      <c r="A1421" s="1" t="s">
        <v>8156</v>
      </c>
      <c r="B1421" s="1" t="s">
        <v>7622</v>
      </c>
      <c r="C1421" s="1" t="s">
        <v>1843</v>
      </c>
      <c r="D1421" s="18">
        <v>13</v>
      </c>
      <c r="E1421" s="1" t="s">
        <v>1404</v>
      </c>
      <c r="F1421" s="1" t="s">
        <v>8157</v>
      </c>
      <c r="G1421" s="1" t="s">
        <v>8158</v>
      </c>
      <c r="H1421" s="1" t="s">
        <v>7918</v>
      </c>
      <c r="I1421" s="1" t="s">
        <v>8159</v>
      </c>
      <c r="K1421" s="1" t="s">
        <v>1334</v>
      </c>
      <c r="L1421" s="1" t="s">
        <v>4951</v>
      </c>
    </row>
    <row r="1422" spans="1:12" x14ac:dyDescent="0.25">
      <c r="A1422" s="1" t="s">
        <v>8160</v>
      </c>
      <c r="B1422" s="1" t="s">
        <v>7622</v>
      </c>
      <c r="C1422" s="1" t="s">
        <v>1843</v>
      </c>
      <c r="D1422" s="18">
        <v>14</v>
      </c>
      <c r="E1422" s="1" t="s">
        <v>1410</v>
      </c>
      <c r="F1422" s="1" t="s">
        <v>8161</v>
      </c>
      <c r="G1422" s="1" t="s">
        <v>8162</v>
      </c>
      <c r="H1422" s="1" t="s">
        <v>8023</v>
      </c>
      <c r="I1422" s="1" t="s">
        <v>8163</v>
      </c>
      <c r="K1422" s="1" t="s">
        <v>1334</v>
      </c>
      <c r="L1422" s="1" t="s">
        <v>4951</v>
      </c>
    </row>
    <row r="1423" spans="1:12" x14ac:dyDescent="0.25">
      <c r="A1423" s="1" t="s">
        <v>8164</v>
      </c>
      <c r="B1423" s="1" t="s">
        <v>7622</v>
      </c>
      <c r="C1423" s="1" t="s">
        <v>1843</v>
      </c>
      <c r="D1423" s="18">
        <v>15</v>
      </c>
      <c r="E1423" s="1" t="s">
        <v>1416</v>
      </c>
      <c r="F1423" s="1" t="s">
        <v>8165</v>
      </c>
      <c r="G1423" s="1" t="s">
        <v>8166</v>
      </c>
      <c r="H1423" s="1" t="s">
        <v>8167</v>
      </c>
      <c r="I1423" s="1" t="s">
        <v>8168</v>
      </c>
      <c r="K1423" s="1" t="s">
        <v>1366</v>
      </c>
      <c r="L1423" s="1" t="s">
        <v>4971</v>
      </c>
    </row>
    <row r="1424" spans="1:12" x14ac:dyDescent="0.25">
      <c r="A1424" s="1" t="s">
        <v>8169</v>
      </c>
      <c r="B1424" s="1" t="s">
        <v>7622</v>
      </c>
      <c r="C1424" s="1" t="s">
        <v>1843</v>
      </c>
      <c r="D1424" s="18">
        <v>16</v>
      </c>
      <c r="E1424" s="1" t="s">
        <v>1422</v>
      </c>
      <c r="F1424" s="1" t="s">
        <v>8170</v>
      </c>
      <c r="G1424" s="1" t="s">
        <v>8171</v>
      </c>
      <c r="H1424" s="1" t="s">
        <v>8172</v>
      </c>
      <c r="I1424" s="1" t="s">
        <v>8173</v>
      </c>
      <c r="K1424" s="1" t="s">
        <v>1334</v>
      </c>
      <c r="L1424" s="1" t="s">
        <v>4951</v>
      </c>
    </row>
    <row r="1425" spans="1:12" x14ac:dyDescent="0.25">
      <c r="A1425" s="1" t="s">
        <v>974</v>
      </c>
      <c r="B1425" s="1" t="s">
        <v>7622</v>
      </c>
      <c r="C1425" s="1" t="s">
        <v>1843</v>
      </c>
      <c r="D1425" s="18">
        <v>17</v>
      </c>
      <c r="E1425" s="1" t="s">
        <v>1428</v>
      </c>
      <c r="F1425" s="1" t="s">
        <v>8174</v>
      </c>
      <c r="G1425" s="1" t="s">
        <v>8175</v>
      </c>
      <c r="H1425" s="1" t="s">
        <v>8176</v>
      </c>
      <c r="I1425" s="1" t="s">
        <v>8177</v>
      </c>
      <c r="K1425" s="1" t="s">
        <v>1334</v>
      </c>
      <c r="L1425" s="1" t="s">
        <v>4951</v>
      </c>
    </row>
    <row r="1426" spans="1:12" x14ac:dyDescent="0.25">
      <c r="A1426" s="1" t="s">
        <v>8178</v>
      </c>
      <c r="B1426" s="1" t="s">
        <v>7622</v>
      </c>
      <c r="C1426" s="1" t="s">
        <v>1843</v>
      </c>
      <c r="D1426" s="18">
        <v>18</v>
      </c>
      <c r="E1426" s="1" t="s">
        <v>1434</v>
      </c>
      <c r="F1426" s="1" t="s">
        <v>8179</v>
      </c>
      <c r="G1426" s="1" t="s">
        <v>8180</v>
      </c>
      <c r="H1426" s="1" t="s">
        <v>7700</v>
      </c>
      <c r="I1426" s="1" t="s">
        <v>8181</v>
      </c>
      <c r="K1426" s="1" t="s">
        <v>1366</v>
      </c>
      <c r="L1426" s="1" t="s">
        <v>4971</v>
      </c>
    </row>
    <row r="1427" spans="1:12" x14ac:dyDescent="0.25">
      <c r="A1427" s="1" t="s">
        <v>602</v>
      </c>
      <c r="B1427" s="1" t="s">
        <v>7622</v>
      </c>
      <c r="C1427" s="1" t="s">
        <v>1843</v>
      </c>
      <c r="D1427" s="18">
        <v>19</v>
      </c>
      <c r="E1427" s="1" t="s">
        <v>1440</v>
      </c>
      <c r="F1427" s="1" t="s">
        <v>8182</v>
      </c>
      <c r="G1427" s="1" t="s">
        <v>8183</v>
      </c>
      <c r="H1427" s="1" t="s">
        <v>8184</v>
      </c>
      <c r="I1427" s="1" t="s">
        <v>8185</v>
      </c>
      <c r="K1427" s="1" t="s">
        <v>1366</v>
      </c>
      <c r="L1427" s="1" t="s">
        <v>4946</v>
      </c>
    </row>
    <row r="1428" spans="1:12" x14ac:dyDescent="0.25">
      <c r="A1428" s="1" t="s">
        <v>8186</v>
      </c>
      <c r="B1428" s="1" t="s">
        <v>7622</v>
      </c>
      <c r="C1428" s="1" t="s">
        <v>1843</v>
      </c>
      <c r="D1428" s="18">
        <v>20</v>
      </c>
      <c r="E1428" s="1" t="s">
        <v>1446</v>
      </c>
      <c r="F1428" s="1" t="s">
        <v>8187</v>
      </c>
      <c r="G1428" s="1" t="s">
        <v>8188</v>
      </c>
      <c r="H1428" s="1" t="s">
        <v>8189</v>
      </c>
      <c r="I1428" s="1" t="s">
        <v>8190</v>
      </c>
      <c r="K1428" s="1" t="s">
        <v>1366</v>
      </c>
      <c r="L1428" s="1" t="s">
        <v>4971</v>
      </c>
    </row>
    <row r="1429" spans="1:12" x14ac:dyDescent="0.25">
      <c r="A1429" s="1" t="s">
        <v>8191</v>
      </c>
      <c r="B1429" s="1" t="s">
        <v>7622</v>
      </c>
      <c r="C1429" s="1" t="s">
        <v>1843</v>
      </c>
      <c r="D1429" s="18">
        <v>21</v>
      </c>
      <c r="E1429" s="1" t="s">
        <v>1452</v>
      </c>
      <c r="F1429" s="1" t="s">
        <v>8192</v>
      </c>
      <c r="G1429" s="1" t="s">
        <v>8193</v>
      </c>
      <c r="H1429" s="1" t="s">
        <v>8194</v>
      </c>
      <c r="I1429" s="1" t="s">
        <v>8195</v>
      </c>
      <c r="K1429" s="1" t="s">
        <v>1366</v>
      </c>
      <c r="L1429" s="1" t="s">
        <v>4946</v>
      </c>
    </row>
    <row r="1430" spans="1:12" x14ac:dyDescent="0.25">
      <c r="A1430" s="1" t="s">
        <v>8196</v>
      </c>
      <c r="B1430" s="1" t="s">
        <v>7622</v>
      </c>
      <c r="C1430" s="1" t="s">
        <v>1843</v>
      </c>
      <c r="D1430" s="18">
        <v>22</v>
      </c>
      <c r="E1430" s="1" t="s">
        <v>1458</v>
      </c>
      <c r="F1430" s="1" t="s">
        <v>8197</v>
      </c>
      <c r="G1430" s="1" t="s">
        <v>8198</v>
      </c>
      <c r="H1430" s="1" t="s">
        <v>8199</v>
      </c>
      <c r="I1430" s="1" t="s">
        <v>8200</v>
      </c>
      <c r="K1430" s="1" t="s">
        <v>1334</v>
      </c>
      <c r="L1430" s="1" t="s">
        <v>4971</v>
      </c>
    </row>
    <row r="1431" spans="1:12" x14ac:dyDescent="0.25">
      <c r="A1431" s="2" t="s">
        <v>8201</v>
      </c>
      <c r="B1431" s="1" t="s">
        <v>7622</v>
      </c>
      <c r="C1431" s="1" t="s">
        <v>1843</v>
      </c>
      <c r="D1431" s="18">
        <v>23</v>
      </c>
      <c r="E1431" s="1" t="s">
        <v>1464</v>
      </c>
      <c r="F1431" s="1" t="s">
        <v>8202</v>
      </c>
      <c r="G1431" s="1" t="s">
        <v>8203</v>
      </c>
      <c r="H1431" s="1" t="s">
        <v>7873</v>
      </c>
      <c r="I1431" s="1" t="s">
        <v>8204</v>
      </c>
      <c r="K1431" s="1" t="s">
        <v>1334</v>
      </c>
      <c r="L1431" s="1" t="s">
        <v>4951</v>
      </c>
    </row>
    <row r="1432" spans="1:12" x14ac:dyDescent="0.25">
      <c r="A1432" s="1" t="s">
        <v>953</v>
      </c>
      <c r="B1432" s="1" t="s">
        <v>7622</v>
      </c>
      <c r="C1432" s="1" t="s">
        <v>1843</v>
      </c>
      <c r="D1432" s="18">
        <v>24</v>
      </c>
      <c r="E1432" s="1" t="s">
        <v>1470</v>
      </c>
      <c r="F1432" s="1" t="s">
        <v>8205</v>
      </c>
      <c r="G1432" s="1" t="s">
        <v>8206</v>
      </c>
      <c r="H1432" s="1" t="s">
        <v>8207</v>
      </c>
      <c r="I1432" s="1" t="s">
        <v>8208</v>
      </c>
      <c r="K1432" s="1" t="s">
        <v>1334</v>
      </c>
      <c r="L1432" s="1" t="s">
        <v>4940</v>
      </c>
    </row>
    <row r="1433" spans="1:12" x14ac:dyDescent="0.25">
      <c r="A1433" s="1" t="s">
        <v>8209</v>
      </c>
      <c r="B1433" s="1" t="s">
        <v>7622</v>
      </c>
      <c r="C1433" s="1" t="s">
        <v>1843</v>
      </c>
      <c r="D1433" s="18">
        <v>25</v>
      </c>
      <c r="E1433" s="1" t="s">
        <v>1476</v>
      </c>
      <c r="F1433" s="1" t="s">
        <v>8210</v>
      </c>
      <c r="G1433" s="1" t="s">
        <v>8211</v>
      </c>
      <c r="H1433" s="1" t="s">
        <v>8212</v>
      </c>
      <c r="I1433" s="1" t="s">
        <v>8213</v>
      </c>
      <c r="K1433" s="1" t="s">
        <v>1334</v>
      </c>
      <c r="L1433" s="1" t="s">
        <v>4971</v>
      </c>
    </row>
    <row r="1434" spans="1:12" x14ac:dyDescent="0.25">
      <c r="A1434" s="1" t="s">
        <v>8214</v>
      </c>
      <c r="B1434" s="1" t="s">
        <v>7622</v>
      </c>
      <c r="C1434" s="1" t="s">
        <v>1843</v>
      </c>
      <c r="D1434" s="18">
        <v>26</v>
      </c>
      <c r="E1434" s="1" t="s">
        <v>1482</v>
      </c>
      <c r="F1434" s="1" t="s">
        <v>8215</v>
      </c>
      <c r="G1434" s="1" t="s">
        <v>8216</v>
      </c>
      <c r="H1434" s="1" t="s">
        <v>8217</v>
      </c>
      <c r="I1434" s="1" t="s">
        <v>8218</v>
      </c>
      <c r="K1434" s="1" t="s">
        <v>1366</v>
      </c>
      <c r="L1434" s="1" t="s">
        <v>4946</v>
      </c>
    </row>
    <row r="1435" spans="1:12" x14ac:dyDescent="0.25">
      <c r="A1435" s="1" t="s">
        <v>8219</v>
      </c>
      <c r="B1435" s="1" t="s">
        <v>7622</v>
      </c>
      <c r="C1435" s="1" t="s">
        <v>1843</v>
      </c>
      <c r="D1435" s="18">
        <v>27</v>
      </c>
      <c r="E1435" s="1" t="s">
        <v>1488</v>
      </c>
      <c r="F1435" s="1" t="s">
        <v>8220</v>
      </c>
      <c r="G1435" s="1" t="s">
        <v>8221</v>
      </c>
      <c r="H1435" s="1" t="s">
        <v>8222</v>
      </c>
      <c r="I1435" s="1" t="s">
        <v>8223</v>
      </c>
      <c r="K1435" s="1" t="s">
        <v>1334</v>
      </c>
      <c r="L1435" s="1" t="s">
        <v>4946</v>
      </c>
    </row>
    <row r="1436" spans="1:12" x14ac:dyDescent="0.25">
      <c r="A1436" s="1" t="s">
        <v>8224</v>
      </c>
      <c r="B1436" s="1" t="s">
        <v>7622</v>
      </c>
      <c r="C1436" s="1" t="s">
        <v>1843</v>
      </c>
      <c r="D1436" s="18">
        <v>28</v>
      </c>
      <c r="E1436" s="1" t="s">
        <v>1494</v>
      </c>
      <c r="F1436" s="1" t="s">
        <v>8225</v>
      </c>
      <c r="G1436" s="1" t="s">
        <v>8226</v>
      </c>
      <c r="H1436" s="1" t="s">
        <v>7667</v>
      </c>
      <c r="I1436" s="1" t="s">
        <v>8227</v>
      </c>
      <c r="K1436" s="1" t="s">
        <v>1366</v>
      </c>
      <c r="L1436" s="1" t="s">
        <v>4940</v>
      </c>
    </row>
    <row r="1437" spans="1:12" x14ac:dyDescent="0.25">
      <c r="A1437" s="1" t="s">
        <v>8228</v>
      </c>
      <c r="B1437" s="1" t="s">
        <v>7622</v>
      </c>
      <c r="C1437" s="1" t="s">
        <v>1843</v>
      </c>
      <c r="D1437" s="18">
        <v>29</v>
      </c>
      <c r="E1437" s="1" t="s">
        <v>1500</v>
      </c>
      <c r="F1437" s="1" t="s">
        <v>8229</v>
      </c>
      <c r="G1437" s="1" t="s">
        <v>8230</v>
      </c>
      <c r="H1437" s="1" t="s">
        <v>8103</v>
      </c>
      <c r="I1437" s="1" t="s">
        <v>8231</v>
      </c>
      <c r="K1437" s="1" t="s">
        <v>1334</v>
      </c>
      <c r="L1437" s="1" t="s">
        <v>4951</v>
      </c>
    </row>
    <row r="1438" spans="1:12" x14ac:dyDescent="0.25">
      <c r="A1438" s="1" t="s">
        <v>8232</v>
      </c>
      <c r="B1438" s="1" t="s">
        <v>7622</v>
      </c>
      <c r="C1438" s="1" t="s">
        <v>1843</v>
      </c>
      <c r="D1438" s="18">
        <v>30</v>
      </c>
      <c r="E1438" s="1" t="s">
        <v>1506</v>
      </c>
      <c r="F1438" s="1" t="s">
        <v>8233</v>
      </c>
      <c r="G1438" s="1" t="s">
        <v>8234</v>
      </c>
      <c r="H1438" s="1" t="s">
        <v>8235</v>
      </c>
      <c r="I1438" s="1" t="s">
        <v>8236</v>
      </c>
      <c r="K1438" s="1" t="s">
        <v>1366</v>
      </c>
      <c r="L1438" s="1" t="s">
        <v>4940</v>
      </c>
    </row>
    <row r="1439" spans="1:12" x14ac:dyDescent="0.25">
      <c r="A1439" s="1" t="s">
        <v>8237</v>
      </c>
      <c r="B1439" s="1" t="s">
        <v>7622</v>
      </c>
      <c r="C1439" s="1" t="s">
        <v>1843</v>
      </c>
      <c r="D1439" s="18">
        <v>31</v>
      </c>
      <c r="E1439" s="1" t="s">
        <v>1512</v>
      </c>
      <c r="F1439" s="1" t="s">
        <v>8238</v>
      </c>
      <c r="G1439" s="1" t="s">
        <v>8239</v>
      </c>
      <c r="H1439" s="1" t="s">
        <v>8240</v>
      </c>
      <c r="I1439" s="1" t="s">
        <v>8241</v>
      </c>
      <c r="K1439" s="1" t="s">
        <v>1334</v>
      </c>
      <c r="L1439" s="1" t="s">
        <v>4951</v>
      </c>
    </row>
    <row r="1440" spans="1:12" x14ac:dyDescent="0.25">
      <c r="A1440" s="1" t="s">
        <v>8242</v>
      </c>
      <c r="B1440" s="1" t="s">
        <v>7622</v>
      </c>
      <c r="C1440" s="1" t="s">
        <v>1843</v>
      </c>
      <c r="D1440" s="18">
        <v>32</v>
      </c>
      <c r="E1440" s="1" t="s">
        <v>1517</v>
      </c>
      <c r="F1440" s="1" t="s">
        <v>8243</v>
      </c>
      <c r="G1440" s="1" t="s">
        <v>8244</v>
      </c>
      <c r="H1440" s="1" t="s">
        <v>8245</v>
      </c>
      <c r="I1440" s="1" t="s">
        <v>8246</v>
      </c>
      <c r="K1440" s="1" t="s">
        <v>1366</v>
      </c>
      <c r="L1440" s="1" t="s">
        <v>4971</v>
      </c>
    </row>
    <row r="1441" spans="1:12" x14ac:dyDescent="0.25">
      <c r="A1441" s="1" t="s">
        <v>8247</v>
      </c>
      <c r="B1441" s="1" t="s">
        <v>7622</v>
      </c>
      <c r="C1441" s="1" t="s">
        <v>1843</v>
      </c>
      <c r="D1441" s="18">
        <v>33</v>
      </c>
      <c r="E1441" s="1" t="s">
        <v>1523</v>
      </c>
      <c r="F1441" s="1" t="s">
        <v>8248</v>
      </c>
      <c r="G1441" s="1" t="s">
        <v>8249</v>
      </c>
      <c r="H1441" s="1" t="s">
        <v>7700</v>
      </c>
      <c r="I1441" s="1" t="s">
        <v>8250</v>
      </c>
      <c r="K1441" s="1" t="s">
        <v>1334</v>
      </c>
      <c r="L1441" s="1" t="s">
        <v>4940</v>
      </c>
    </row>
    <row r="1442" spans="1:12" x14ac:dyDescent="0.25">
      <c r="A1442" s="1" t="s">
        <v>1104</v>
      </c>
      <c r="B1442" s="1" t="s">
        <v>7622</v>
      </c>
      <c r="C1442" s="1" t="s">
        <v>1843</v>
      </c>
      <c r="D1442" s="18">
        <v>34</v>
      </c>
      <c r="E1442" s="1" t="s">
        <v>5739</v>
      </c>
      <c r="F1442" s="1" t="s">
        <v>8251</v>
      </c>
      <c r="G1442" s="1" t="s">
        <v>8252</v>
      </c>
      <c r="H1442" s="1" t="s">
        <v>8253</v>
      </c>
      <c r="I1442" s="1" t="s">
        <v>8254</v>
      </c>
      <c r="K1442" s="1" t="s">
        <v>1366</v>
      </c>
      <c r="L1442" s="1" t="s">
        <v>4971</v>
      </c>
    </row>
    <row r="1443" spans="1:12" x14ac:dyDescent="0.25">
      <c r="A1443" s="1" t="s">
        <v>8255</v>
      </c>
      <c r="B1443" s="1" t="s">
        <v>8256</v>
      </c>
      <c r="C1443" s="1" t="s">
        <v>1328</v>
      </c>
      <c r="D1443" s="18">
        <v>1</v>
      </c>
      <c r="E1443" s="1" t="s">
        <v>1329</v>
      </c>
      <c r="F1443" s="1" t="s">
        <v>8257</v>
      </c>
      <c r="G1443" s="1" t="s">
        <v>8258</v>
      </c>
      <c r="H1443" s="1" t="s">
        <v>8259</v>
      </c>
      <c r="I1443" s="1" t="s">
        <v>8260</v>
      </c>
      <c r="K1443" s="1" t="s">
        <v>1366</v>
      </c>
      <c r="L1443" s="1" t="s">
        <v>4951</v>
      </c>
    </row>
    <row r="1444" spans="1:12" x14ac:dyDescent="0.25">
      <c r="A1444" s="1" t="s">
        <v>8261</v>
      </c>
      <c r="B1444" s="1" t="s">
        <v>8256</v>
      </c>
      <c r="C1444" s="1" t="s">
        <v>1328</v>
      </c>
      <c r="D1444" s="18">
        <v>2</v>
      </c>
      <c r="E1444" s="1" t="s">
        <v>1337</v>
      </c>
      <c r="F1444" s="1" t="s">
        <v>8262</v>
      </c>
      <c r="G1444" s="17">
        <v>21600414</v>
      </c>
      <c r="H1444" s="1" t="s">
        <v>8263</v>
      </c>
      <c r="I1444" s="1" t="s">
        <v>8264</v>
      </c>
      <c r="J1444" s="14" t="s">
        <v>1726</v>
      </c>
      <c r="K1444" s="1" t="s">
        <v>1334</v>
      </c>
      <c r="L1444" s="1" t="s">
        <v>4946</v>
      </c>
    </row>
    <row r="1445" spans="1:12" x14ac:dyDescent="0.25">
      <c r="A1445" s="1" t="s">
        <v>8265</v>
      </c>
      <c r="B1445" s="1" t="s">
        <v>8256</v>
      </c>
      <c r="C1445" s="1" t="s">
        <v>1328</v>
      </c>
      <c r="D1445" s="18">
        <v>3</v>
      </c>
      <c r="E1445" s="1" t="s">
        <v>1343</v>
      </c>
      <c r="F1445" s="1" t="s">
        <v>8266</v>
      </c>
      <c r="G1445" s="1" t="s">
        <v>8267</v>
      </c>
      <c r="H1445" s="1" t="s">
        <v>8268</v>
      </c>
      <c r="I1445" s="1" t="s">
        <v>8269</v>
      </c>
      <c r="K1445" s="1" t="s">
        <v>1366</v>
      </c>
      <c r="L1445" s="1" t="s">
        <v>4946</v>
      </c>
    </row>
    <row r="1446" spans="1:12" x14ac:dyDescent="0.25">
      <c r="A1446" s="1" t="s">
        <v>8270</v>
      </c>
      <c r="B1446" s="1" t="s">
        <v>8256</v>
      </c>
      <c r="C1446" s="1" t="s">
        <v>1328</v>
      </c>
      <c r="D1446" s="18">
        <v>4</v>
      </c>
      <c r="E1446" s="1" t="s">
        <v>1349</v>
      </c>
      <c r="F1446" s="1" t="s">
        <v>8271</v>
      </c>
      <c r="G1446" s="1" t="s">
        <v>8272</v>
      </c>
      <c r="H1446" s="1" t="s">
        <v>8273</v>
      </c>
      <c r="I1446" s="1" t="s">
        <v>8274</v>
      </c>
      <c r="K1446" s="1" t="s">
        <v>1366</v>
      </c>
      <c r="L1446" s="1" t="s">
        <v>4971</v>
      </c>
    </row>
    <row r="1447" spans="1:12" x14ac:dyDescent="0.25">
      <c r="A1447" s="1" t="s">
        <v>8275</v>
      </c>
      <c r="B1447" s="1" t="s">
        <v>8256</v>
      </c>
      <c r="C1447" s="1" t="s">
        <v>1328</v>
      </c>
      <c r="D1447" s="18">
        <v>5</v>
      </c>
      <c r="E1447" s="1" t="s">
        <v>1355</v>
      </c>
      <c r="F1447" s="1" t="s">
        <v>8276</v>
      </c>
      <c r="G1447" s="1" t="s">
        <v>8277</v>
      </c>
      <c r="H1447" s="1" t="s">
        <v>8278</v>
      </c>
      <c r="I1447" s="1" t="s">
        <v>8279</v>
      </c>
      <c r="K1447" s="1" t="s">
        <v>1334</v>
      </c>
      <c r="L1447" s="1" t="s">
        <v>4940</v>
      </c>
    </row>
    <row r="1448" spans="1:12" x14ac:dyDescent="0.25">
      <c r="A1448" s="1" t="s">
        <v>924</v>
      </c>
      <c r="B1448" s="1" t="s">
        <v>8256</v>
      </c>
      <c r="C1448" s="1" t="s">
        <v>1328</v>
      </c>
      <c r="D1448" s="18">
        <v>6</v>
      </c>
      <c r="E1448" s="1" t="s">
        <v>1361</v>
      </c>
      <c r="F1448" s="1" t="s">
        <v>8280</v>
      </c>
      <c r="G1448" s="1" t="s">
        <v>8281</v>
      </c>
      <c r="H1448" s="1" t="s">
        <v>8282</v>
      </c>
      <c r="I1448" s="1" t="s">
        <v>8283</v>
      </c>
      <c r="K1448" s="1" t="s">
        <v>1334</v>
      </c>
      <c r="L1448" s="1" t="s">
        <v>4940</v>
      </c>
    </row>
    <row r="1449" spans="1:12" x14ac:dyDescent="0.25">
      <c r="A1449" s="1" t="s">
        <v>8284</v>
      </c>
      <c r="B1449" s="1" t="s">
        <v>8256</v>
      </c>
      <c r="C1449" s="1" t="s">
        <v>1328</v>
      </c>
      <c r="D1449" s="18">
        <v>7</v>
      </c>
      <c r="E1449" s="1" t="s">
        <v>1368</v>
      </c>
      <c r="F1449" s="1" t="s">
        <v>8285</v>
      </c>
      <c r="G1449" s="1" t="s">
        <v>8286</v>
      </c>
      <c r="H1449" s="1" t="s">
        <v>8287</v>
      </c>
      <c r="I1449" s="1" t="s">
        <v>8288</v>
      </c>
      <c r="K1449" s="1" t="s">
        <v>1334</v>
      </c>
      <c r="L1449" s="1" t="s">
        <v>4951</v>
      </c>
    </row>
    <row r="1450" spans="1:12" x14ac:dyDescent="0.25">
      <c r="A1450" s="1" t="s">
        <v>8289</v>
      </c>
      <c r="B1450" s="1" t="s">
        <v>8256</v>
      </c>
      <c r="C1450" s="1" t="s">
        <v>1328</v>
      </c>
      <c r="D1450" s="18">
        <v>8</v>
      </c>
      <c r="E1450" s="1" t="s">
        <v>1374</v>
      </c>
      <c r="F1450" s="1" t="s">
        <v>8290</v>
      </c>
      <c r="G1450" s="1" t="s">
        <v>8291</v>
      </c>
      <c r="H1450" s="1" t="s">
        <v>8292</v>
      </c>
      <c r="I1450" s="1" t="s">
        <v>8293</v>
      </c>
      <c r="K1450" s="1" t="s">
        <v>1366</v>
      </c>
      <c r="L1450" s="1" t="s">
        <v>4940</v>
      </c>
    </row>
    <row r="1451" spans="1:12" x14ac:dyDescent="0.25">
      <c r="A1451" s="1" t="s">
        <v>8294</v>
      </c>
      <c r="B1451" s="1" t="s">
        <v>8256</v>
      </c>
      <c r="C1451" s="1" t="s">
        <v>1328</v>
      </c>
      <c r="D1451" s="18">
        <v>9</v>
      </c>
      <c r="E1451" s="1" t="s">
        <v>1380</v>
      </c>
      <c r="F1451" s="1" t="s">
        <v>8295</v>
      </c>
      <c r="G1451" s="1" t="s">
        <v>8296</v>
      </c>
      <c r="H1451" s="1" t="s">
        <v>8297</v>
      </c>
      <c r="I1451" s="1" t="s">
        <v>5796</v>
      </c>
      <c r="K1451" s="1" t="s">
        <v>1334</v>
      </c>
      <c r="L1451" s="1" t="s">
        <v>4940</v>
      </c>
    </row>
    <row r="1452" spans="1:12" x14ac:dyDescent="0.25">
      <c r="A1452" s="1" t="s">
        <v>8298</v>
      </c>
      <c r="B1452" s="1" t="s">
        <v>8256</v>
      </c>
      <c r="C1452" s="1" t="s">
        <v>1328</v>
      </c>
      <c r="D1452" s="18">
        <v>10</v>
      </c>
      <c r="E1452" s="1" t="s">
        <v>1386</v>
      </c>
      <c r="F1452" s="1" t="s">
        <v>8299</v>
      </c>
      <c r="G1452" s="1" t="s">
        <v>8300</v>
      </c>
      <c r="H1452" s="1" t="s">
        <v>8301</v>
      </c>
      <c r="I1452" s="1" t="s">
        <v>8302</v>
      </c>
      <c r="K1452" s="1" t="s">
        <v>1366</v>
      </c>
      <c r="L1452" s="1" t="s">
        <v>4951</v>
      </c>
    </row>
    <row r="1453" spans="1:12" x14ac:dyDescent="0.25">
      <c r="A1453" s="1" t="s">
        <v>8303</v>
      </c>
      <c r="B1453" s="1" t="s">
        <v>8256</v>
      </c>
      <c r="C1453" s="1" t="s">
        <v>1328</v>
      </c>
      <c r="D1453" s="18">
        <v>11</v>
      </c>
      <c r="E1453" s="1" t="s">
        <v>1392</v>
      </c>
      <c r="F1453" s="1" t="s">
        <v>8304</v>
      </c>
      <c r="G1453" s="1" t="s">
        <v>8305</v>
      </c>
      <c r="H1453" s="1" t="s">
        <v>8306</v>
      </c>
      <c r="I1453" s="1" t="s">
        <v>8307</v>
      </c>
      <c r="K1453" s="1" t="s">
        <v>1334</v>
      </c>
      <c r="L1453" s="1" t="s">
        <v>4971</v>
      </c>
    </row>
    <row r="1454" spans="1:12" x14ac:dyDescent="0.25">
      <c r="A1454" s="1" t="s">
        <v>8308</v>
      </c>
      <c r="B1454" s="1" t="s">
        <v>8256</v>
      </c>
      <c r="C1454" s="1" t="s">
        <v>1328</v>
      </c>
      <c r="D1454" s="18">
        <v>12</v>
      </c>
      <c r="E1454" s="1" t="s">
        <v>1398</v>
      </c>
      <c r="F1454" s="1" t="s">
        <v>8309</v>
      </c>
      <c r="G1454" s="1" t="s">
        <v>8310</v>
      </c>
      <c r="H1454" s="1" t="s">
        <v>7807</v>
      </c>
      <c r="I1454" s="1" t="s">
        <v>8311</v>
      </c>
      <c r="K1454" s="1" t="s">
        <v>1366</v>
      </c>
      <c r="L1454" s="1" t="s">
        <v>4946</v>
      </c>
    </row>
    <row r="1455" spans="1:12" x14ac:dyDescent="0.25">
      <c r="A1455" s="1" t="s">
        <v>8312</v>
      </c>
      <c r="B1455" s="1" t="s">
        <v>8256</v>
      </c>
      <c r="C1455" s="1" t="s">
        <v>1328</v>
      </c>
      <c r="D1455" s="18">
        <v>13</v>
      </c>
      <c r="E1455" s="1" t="s">
        <v>1404</v>
      </c>
      <c r="F1455" s="1" t="s">
        <v>8313</v>
      </c>
      <c r="G1455" s="1" t="s">
        <v>8314</v>
      </c>
      <c r="H1455" s="1" t="s">
        <v>8315</v>
      </c>
      <c r="I1455" s="1" t="s">
        <v>8316</v>
      </c>
      <c r="K1455" s="1" t="s">
        <v>1366</v>
      </c>
      <c r="L1455" s="1" t="s">
        <v>4971</v>
      </c>
    </row>
    <row r="1456" spans="1:12" x14ac:dyDescent="0.25">
      <c r="A1456" s="1" t="s">
        <v>8317</v>
      </c>
      <c r="B1456" s="1" t="s">
        <v>8256</v>
      </c>
      <c r="C1456" s="1" t="s">
        <v>1328</v>
      </c>
      <c r="D1456" s="18">
        <v>14</v>
      </c>
      <c r="E1456" s="1" t="s">
        <v>1410</v>
      </c>
      <c r="F1456" s="1" t="s">
        <v>8318</v>
      </c>
      <c r="G1456" s="1" t="s">
        <v>8319</v>
      </c>
      <c r="H1456" s="1" t="s">
        <v>8320</v>
      </c>
      <c r="I1456" s="1" t="s">
        <v>8321</v>
      </c>
      <c r="K1456" s="1" t="s">
        <v>1366</v>
      </c>
      <c r="L1456" s="1" t="s">
        <v>4946</v>
      </c>
    </row>
    <row r="1457" spans="1:12" x14ac:dyDescent="0.25">
      <c r="A1457" s="1" t="s">
        <v>8322</v>
      </c>
      <c r="B1457" s="1" t="s">
        <v>8256</v>
      </c>
      <c r="C1457" s="1" t="s">
        <v>1328</v>
      </c>
      <c r="D1457" s="18">
        <v>15</v>
      </c>
      <c r="E1457" s="1" t="s">
        <v>1416</v>
      </c>
      <c r="F1457" s="1" t="s">
        <v>8323</v>
      </c>
      <c r="G1457" s="1" t="s">
        <v>8324</v>
      </c>
      <c r="H1457" s="1" t="s">
        <v>8325</v>
      </c>
      <c r="I1457" s="1" t="s">
        <v>8326</v>
      </c>
      <c r="K1457" s="1" t="s">
        <v>1366</v>
      </c>
      <c r="L1457" s="1" t="s">
        <v>4940</v>
      </c>
    </row>
    <row r="1458" spans="1:12" x14ac:dyDescent="0.25">
      <c r="A1458" s="1" t="s">
        <v>8327</v>
      </c>
      <c r="B1458" s="1" t="s">
        <v>8256</v>
      </c>
      <c r="C1458" s="1" t="s">
        <v>1328</v>
      </c>
      <c r="D1458" s="18">
        <v>16</v>
      </c>
      <c r="E1458" s="1" t="s">
        <v>1422</v>
      </c>
      <c r="F1458" s="1" t="s">
        <v>8328</v>
      </c>
      <c r="G1458" s="1" t="s">
        <v>8329</v>
      </c>
      <c r="H1458" s="1" t="s">
        <v>8330</v>
      </c>
      <c r="I1458" s="1" t="s">
        <v>8331</v>
      </c>
      <c r="K1458" s="1" t="s">
        <v>1366</v>
      </c>
      <c r="L1458" s="1" t="s">
        <v>4971</v>
      </c>
    </row>
    <row r="1459" spans="1:12" x14ac:dyDescent="0.25">
      <c r="A1459" s="1" t="s">
        <v>8332</v>
      </c>
      <c r="B1459" s="1" t="s">
        <v>8256</v>
      </c>
      <c r="C1459" s="1" t="s">
        <v>1328</v>
      </c>
      <c r="D1459" s="18">
        <v>17</v>
      </c>
      <c r="E1459" s="1" t="s">
        <v>1428</v>
      </c>
      <c r="F1459" s="1" t="s">
        <v>8333</v>
      </c>
      <c r="G1459" s="1" t="s">
        <v>8334</v>
      </c>
      <c r="H1459" s="1" t="s">
        <v>8335</v>
      </c>
      <c r="I1459" s="1" t="s">
        <v>8336</v>
      </c>
      <c r="K1459" s="1" t="s">
        <v>1334</v>
      </c>
      <c r="L1459" s="1" t="s">
        <v>4951</v>
      </c>
    </row>
    <row r="1460" spans="1:12" x14ac:dyDescent="0.25">
      <c r="A1460" s="1" t="s">
        <v>8337</v>
      </c>
      <c r="B1460" s="1" t="s">
        <v>8256</v>
      </c>
      <c r="C1460" s="1" t="s">
        <v>1328</v>
      </c>
      <c r="D1460" s="18">
        <v>18</v>
      </c>
      <c r="E1460" s="1" t="s">
        <v>1434</v>
      </c>
      <c r="F1460" s="1" t="s">
        <v>8338</v>
      </c>
      <c r="G1460" s="1" t="s">
        <v>8339</v>
      </c>
      <c r="H1460" s="1" t="s">
        <v>8340</v>
      </c>
      <c r="I1460" s="1" t="s">
        <v>8341</v>
      </c>
      <c r="K1460" s="1" t="s">
        <v>1366</v>
      </c>
      <c r="L1460" s="1" t="s">
        <v>4971</v>
      </c>
    </row>
    <row r="1461" spans="1:12" x14ac:dyDescent="0.25">
      <c r="A1461" s="1" t="s">
        <v>8342</v>
      </c>
      <c r="B1461" s="1" t="s">
        <v>8256</v>
      </c>
      <c r="C1461" s="1" t="s">
        <v>1328</v>
      </c>
      <c r="D1461" s="18">
        <v>19</v>
      </c>
      <c r="E1461" s="1" t="s">
        <v>1440</v>
      </c>
      <c r="F1461" s="1" t="s">
        <v>8343</v>
      </c>
      <c r="G1461" s="1" t="s">
        <v>8344</v>
      </c>
      <c r="H1461" s="1" t="s">
        <v>8345</v>
      </c>
      <c r="I1461" s="1" t="s">
        <v>8346</v>
      </c>
      <c r="K1461" s="1" t="s">
        <v>1366</v>
      </c>
      <c r="L1461" s="1" t="s">
        <v>4946</v>
      </c>
    </row>
    <row r="1462" spans="1:12" x14ac:dyDescent="0.25">
      <c r="A1462" s="1" t="s">
        <v>8347</v>
      </c>
      <c r="B1462" s="1" t="s">
        <v>8256</v>
      </c>
      <c r="C1462" s="1" t="s">
        <v>1328</v>
      </c>
      <c r="D1462" s="18">
        <v>20</v>
      </c>
      <c r="E1462" s="1" t="s">
        <v>1446</v>
      </c>
      <c r="F1462" s="1" t="s">
        <v>8348</v>
      </c>
      <c r="G1462" s="1" t="s">
        <v>8349</v>
      </c>
      <c r="H1462" s="1" t="s">
        <v>8350</v>
      </c>
      <c r="I1462" s="1" t="s">
        <v>8351</v>
      </c>
      <c r="K1462" s="1" t="s">
        <v>1334</v>
      </c>
      <c r="L1462" s="1" t="s">
        <v>4951</v>
      </c>
    </row>
    <row r="1463" spans="1:12" x14ac:dyDescent="0.25">
      <c r="A1463" s="1" t="s">
        <v>8352</v>
      </c>
      <c r="B1463" s="1" t="s">
        <v>8256</v>
      </c>
      <c r="C1463" s="1" t="s">
        <v>1328</v>
      </c>
      <c r="D1463" s="18">
        <v>21</v>
      </c>
      <c r="E1463" s="1" t="s">
        <v>1452</v>
      </c>
      <c r="F1463" s="1" t="s">
        <v>8353</v>
      </c>
      <c r="G1463" s="1" t="s">
        <v>8354</v>
      </c>
      <c r="H1463" s="1" t="s">
        <v>8355</v>
      </c>
      <c r="I1463" s="1" t="s">
        <v>8356</v>
      </c>
      <c r="K1463" s="1" t="s">
        <v>1334</v>
      </c>
      <c r="L1463" s="1" t="s">
        <v>4946</v>
      </c>
    </row>
    <row r="1464" spans="1:12" x14ac:dyDescent="0.25">
      <c r="A1464" s="1" t="s">
        <v>8357</v>
      </c>
      <c r="B1464" s="1" t="s">
        <v>8256</v>
      </c>
      <c r="C1464" s="1" t="s">
        <v>1328</v>
      </c>
      <c r="D1464" s="18">
        <v>22</v>
      </c>
      <c r="E1464" s="1" t="s">
        <v>1458</v>
      </c>
      <c r="F1464" s="1" t="s">
        <v>8358</v>
      </c>
      <c r="G1464" s="1" t="s">
        <v>8359</v>
      </c>
      <c r="H1464" s="1" t="s">
        <v>8360</v>
      </c>
      <c r="I1464" s="1" t="s">
        <v>8361</v>
      </c>
      <c r="K1464" s="1" t="s">
        <v>1334</v>
      </c>
      <c r="L1464" s="1" t="s">
        <v>4971</v>
      </c>
    </row>
    <row r="1465" spans="1:12" x14ac:dyDescent="0.25">
      <c r="A1465" s="1" t="s">
        <v>8362</v>
      </c>
      <c r="B1465" s="1" t="s">
        <v>8256</v>
      </c>
      <c r="C1465" s="1" t="s">
        <v>1328</v>
      </c>
      <c r="D1465" s="18">
        <v>23</v>
      </c>
      <c r="E1465" s="1" t="s">
        <v>1464</v>
      </c>
      <c r="F1465" s="1" t="s">
        <v>8363</v>
      </c>
      <c r="G1465" s="1" t="s">
        <v>8364</v>
      </c>
      <c r="H1465" s="1" t="s">
        <v>8365</v>
      </c>
      <c r="I1465" s="1" t="s">
        <v>8366</v>
      </c>
      <c r="J1465" s="14" t="s">
        <v>5052</v>
      </c>
      <c r="K1465" s="1" t="s">
        <v>1366</v>
      </c>
      <c r="L1465" s="1" t="s">
        <v>4940</v>
      </c>
    </row>
    <row r="1466" spans="1:12" x14ac:dyDescent="0.25">
      <c r="A1466" s="1" t="s">
        <v>8367</v>
      </c>
      <c r="B1466" s="1" t="s">
        <v>8256</v>
      </c>
      <c r="C1466" s="1" t="s">
        <v>1328</v>
      </c>
      <c r="D1466" s="18">
        <v>24</v>
      </c>
      <c r="E1466" s="1" t="s">
        <v>1470</v>
      </c>
      <c r="F1466" s="1" t="s">
        <v>8368</v>
      </c>
      <c r="G1466" s="1" t="s">
        <v>8369</v>
      </c>
      <c r="H1466" s="1" t="s">
        <v>8370</v>
      </c>
      <c r="I1466" s="1" t="s">
        <v>8371</v>
      </c>
      <c r="K1466" s="1" t="s">
        <v>1334</v>
      </c>
      <c r="L1466" s="1" t="s">
        <v>4946</v>
      </c>
    </row>
    <row r="1467" spans="1:12" x14ac:dyDescent="0.25">
      <c r="A1467" s="1" t="s">
        <v>8372</v>
      </c>
      <c r="B1467" s="1" t="s">
        <v>8256</v>
      </c>
      <c r="C1467" s="1" t="s">
        <v>1328</v>
      </c>
      <c r="D1467" s="18">
        <v>25</v>
      </c>
      <c r="E1467" s="1" t="s">
        <v>1476</v>
      </c>
      <c r="F1467" s="1" t="s">
        <v>8373</v>
      </c>
      <c r="G1467" s="1" t="s">
        <v>8374</v>
      </c>
      <c r="H1467" s="1" t="s">
        <v>8375</v>
      </c>
      <c r="I1467" s="1" t="s">
        <v>8376</v>
      </c>
      <c r="K1467" s="1" t="s">
        <v>1366</v>
      </c>
      <c r="L1467" s="1" t="s">
        <v>4951</v>
      </c>
    </row>
    <row r="1468" spans="1:12" x14ac:dyDescent="0.25">
      <c r="A1468" s="1" t="s">
        <v>8377</v>
      </c>
      <c r="B1468" s="1" t="s">
        <v>8256</v>
      </c>
      <c r="C1468" s="1" t="s">
        <v>1328</v>
      </c>
      <c r="D1468" s="18">
        <v>26</v>
      </c>
      <c r="E1468" s="1" t="s">
        <v>1482</v>
      </c>
      <c r="F1468" s="1" t="s">
        <v>8378</v>
      </c>
      <c r="G1468" s="1" t="s">
        <v>8379</v>
      </c>
      <c r="H1468" s="1" t="s">
        <v>8380</v>
      </c>
      <c r="I1468" s="1" t="s">
        <v>8381</v>
      </c>
      <c r="K1468" s="1" t="s">
        <v>1334</v>
      </c>
      <c r="L1468" s="1" t="s">
        <v>4951</v>
      </c>
    </row>
    <row r="1469" spans="1:12" x14ac:dyDescent="0.25">
      <c r="A1469" s="1" t="s">
        <v>8382</v>
      </c>
      <c r="B1469" s="1" t="s">
        <v>8256</v>
      </c>
      <c r="C1469" s="1" t="s">
        <v>1328</v>
      </c>
      <c r="D1469" s="18">
        <v>27</v>
      </c>
      <c r="E1469" s="1" t="s">
        <v>1488</v>
      </c>
      <c r="F1469" s="1" t="s">
        <v>8383</v>
      </c>
      <c r="G1469" s="1" t="s">
        <v>8384</v>
      </c>
      <c r="H1469" s="1" t="s">
        <v>8385</v>
      </c>
      <c r="I1469" s="1" t="s">
        <v>5421</v>
      </c>
      <c r="K1469" s="1" t="s">
        <v>1334</v>
      </c>
      <c r="L1469" s="1" t="s">
        <v>4951</v>
      </c>
    </row>
    <row r="1470" spans="1:12" x14ac:dyDescent="0.25">
      <c r="A1470" s="1" t="s">
        <v>8386</v>
      </c>
      <c r="B1470" s="1" t="s">
        <v>8256</v>
      </c>
      <c r="C1470" s="1" t="s">
        <v>1328</v>
      </c>
      <c r="D1470" s="18">
        <v>28</v>
      </c>
      <c r="E1470" s="1" t="s">
        <v>1494</v>
      </c>
      <c r="F1470" s="1" t="s">
        <v>8387</v>
      </c>
      <c r="G1470" s="1" t="s">
        <v>8388</v>
      </c>
      <c r="H1470" s="1" t="s">
        <v>8389</v>
      </c>
      <c r="I1470" s="1" t="s">
        <v>8390</v>
      </c>
      <c r="K1470" s="1" t="s">
        <v>1366</v>
      </c>
      <c r="L1470" s="1" t="s">
        <v>4946</v>
      </c>
    </row>
    <row r="1471" spans="1:12" x14ac:dyDescent="0.25">
      <c r="A1471" s="1" t="s">
        <v>8391</v>
      </c>
      <c r="B1471" s="1" t="s">
        <v>8256</v>
      </c>
      <c r="C1471" s="1" t="s">
        <v>1529</v>
      </c>
      <c r="D1471" s="18">
        <v>1</v>
      </c>
      <c r="E1471" s="1" t="s">
        <v>1329</v>
      </c>
      <c r="F1471" s="1" t="s">
        <v>8392</v>
      </c>
      <c r="G1471" s="1" t="s">
        <v>8393</v>
      </c>
      <c r="H1471" s="1" t="s">
        <v>8394</v>
      </c>
      <c r="I1471" s="1" t="s">
        <v>8395</v>
      </c>
      <c r="K1471" s="1" t="s">
        <v>1366</v>
      </c>
      <c r="L1471" s="1" t="s">
        <v>4940</v>
      </c>
    </row>
    <row r="1472" spans="1:12" x14ac:dyDescent="0.25">
      <c r="A1472" s="1" t="s">
        <v>8396</v>
      </c>
      <c r="B1472" s="1" t="s">
        <v>8256</v>
      </c>
      <c r="C1472" s="1" t="s">
        <v>1529</v>
      </c>
      <c r="D1472" s="18">
        <v>2</v>
      </c>
      <c r="E1472" s="1" t="s">
        <v>1337</v>
      </c>
      <c r="F1472" s="1" t="s">
        <v>8397</v>
      </c>
      <c r="G1472" s="1" t="s">
        <v>8398</v>
      </c>
      <c r="H1472" s="1" t="s">
        <v>8380</v>
      </c>
      <c r="I1472" s="1" t="s">
        <v>8399</v>
      </c>
      <c r="K1472" s="1" t="s">
        <v>1334</v>
      </c>
      <c r="L1472" s="1" t="s">
        <v>4971</v>
      </c>
    </row>
    <row r="1473" spans="1:12" x14ac:dyDescent="0.25">
      <c r="A1473" s="1" t="s">
        <v>925</v>
      </c>
      <c r="B1473" s="1" t="s">
        <v>8256</v>
      </c>
      <c r="C1473" s="1" t="s">
        <v>1529</v>
      </c>
      <c r="D1473" s="18">
        <v>3</v>
      </c>
      <c r="E1473" s="1" t="s">
        <v>1343</v>
      </c>
      <c r="F1473" s="1" t="s">
        <v>8400</v>
      </c>
      <c r="G1473" s="1" t="s">
        <v>8401</v>
      </c>
      <c r="H1473" s="1" t="s">
        <v>8402</v>
      </c>
      <c r="I1473" s="1" t="s">
        <v>8403</v>
      </c>
      <c r="K1473" s="1" t="s">
        <v>1366</v>
      </c>
      <c r="L1473" s="1" t="s">
        <v>4946</v>
      </c>
    </row>
    <row r="1474" spans="1:12" x14ac:dyDescent="0.25">
      <c r="A1474" s="1" t="s">
        <v>8404</v>
      </c>
      <c r="B1474" s="1" t="s">
        <v>8256</v>
      </c>
      <c r="C1474" s="1" t="s">
        <v>1529</v>
      </c>
      <c r="D1474" s="18">
        <v>4</v>
      </c>
      <c r="E1474" s="1" t="s">
        <v>1349</v>
      </c>
      <c r="F1474" s="1" t="s">
        <v>8405</v>
      </c>
      <c r="G1474" s="1" t="s">
        <v>8406</v>
      </c>
      <c r="H1474" s="1" t="s">
        <v>8407</v>
      </c>
      <c r="I1474" s="1" t="s">
        <v>8408</v>
      </c>
      <c r="K1474" s="1" t="s">
        <v>1366</v>
      </c>
      <c r="L1474" s="1" t="s">
        <v>4940</v>
      </c>
    </row>
    <row r="1475" spans="1:12" x14ac:dyDescent="0.25">
      <c r="A1475" s="1" t="s">
        <v>8409</v>
      </c>
      <c r="B1475" s="1" t="s">
        <v>8256</v>
      </c>
      <c r="C1475" s="1" t="s">
        <v>1529</v>
      </c>
      <c r="D1475" s="18">
        <v>5</v>
      </c>
      <c r="E1475" s="1" t="s">
        <v>1355</v>
      </c>
      <c r="F1475" s="1" t="s">
        <v>8410</v>
      </c>
      <c r="G1475" s="1" t="s">
        <v>8411</v>
      </c>
      <c r="H1475" s="1" t="s">
        <v>8412</v>
      </c>
      <c r="I1475" s="1" t="s">
        <v>8413</v>
      </c>
      <c r="K1475" s="1" t="s">
        <v>1334</v>
      </c>
      <c r="L1475" s="1" t="s">
        <v>4946</v>
      </c>
    </row>
    <row r="1476" spans="1:12" x14ac:dyDescent="0.25">
      <c r="A1476" s="1" t="s">
        <v>8414</v>
      </c>
      <c r="B1476" s="1" t="s">
        <v>8256</v>
      </c>
      <c r="C1476" s="1" t="s">
        <v>1529</v>
      </c>
      <c r="D1476" s="18">
        <v>6</v>
      </c>
      <c r="E1476" s="1" t="s">
        <v>1361</v>
      </c>
      <c r="F1476" s="1" t="s">
        <v>8415</v>
      </c>
      <c r="G1476" s="17">
        <v>21600422</v>
      </c>
      <c r="H1476" s="1" t="s">
        <v>8355</v>
      </c>
      <c r="I1476" s="1" t="s">
        <v>8416</v>
      </c>
      <c r="J1476" s="14" t="s">
        <v>1726</v>
      </c>
      <c r="K1476" s="1" t="s">
        <v>1366</v>
      </c>
      <c r="L1476" s="1" t="s">
        <v>4971</v>
      </c>
    </row>
    <row r="1477" spans="1:12" x14ac:dyDescent="0.25">
      <c r="A1477" s="1" t="s">
        <v>8417</v>
      </c>
      <c r="B1477" s="1" t="s">
        <v>8256</v>
      </c>
      <c r="C1477" s="1" t="s">
        <v>1529</v>
      </c>
      <c r="D1477" s="18">
        <v>7</v>
      </c>
      <c r="E1477" s="1" t="s">
        <v>1368</v>
      </c>
      <c r="F1477" s="1" t="s">
        <v>8418</v>
      </c>
      <c r="G1477" s="1" t="s">
        <v>8419</v>
      </c>
      <c r="H1477" s="1" t="s">
        <v>8420</v>
      </c>
      <c r="I1477" s="1" t="s">
        <v>8421</v>
      </c>
      <c r="K1477" s="1" t="s">
        <v>1334</v>
      </c>
      <c r="L1477" s="1" t="s">
        <v>4951</v>
      </c>
    </row>
    <row r="1478" spans="1:12" x14ac:dyDescent="0.25">
      <c r="A1478" s="1" t="s">
        <v>824</v>
      </c>
      <c r="B1478" s="1" t="s">
        <v>8256</v>
      </c>
      <c r="C1478" s="1" t="s">
        <v>1529</v>
      </c>
      <c r="D1478" s="18">
        <v>8</v>
      </c>
      <c r="E1478" s="1" t="s">
        <v>1374</v>
      </c>
      <c r="F1478" s="1" t="s">
        <v>8422</v>
      </c>
      <c r="G1478" s="1" t="s">
        <v>8423</v>
      </c>
      <c r="H1478" s="1" t="s">
        <v>8424</v>
      </c>
      <c r="I1478" s="1" t="s">
        <v>8425</v>
      </c>
      <c r="K1478" s="1" t="s">
        <v>1366</v>
      </c>
      <c r="L1478" s="1" t="s">
        <v>4951</v>
      </c>
    </row>
    <row r="1479" spans="1:12" x14ac:dyDescent="0.25">
      <c r="A1479" s="1" t="s">
        <v>8426</v>
      </c>
      <c r="B1479" s="1" t="s">
        <v>8256</v>
      </c>
      <c r="C1479" s="1" t="s">
        <v>1529</v>
      </c>
      <c r="D1479" s="18">
        <v>9</v>
      </c>
      <c r="E1479" s="1" t="s">
        <v>1380</v>
      </c>
      <c r="F1479" s="1" t="s">
        <v>8427</v>
      </c>
      <c r="G1479" s="1" t="s">
        <v>8428</v>
      </c>
      <c r="H1479" s="1" t="s">
        <v>8429</v>
      </c>
      <c r="I1479" s="1" t="s">
        <v>8430</v>
      </c>
      <c r="K1479" s="1" t="s">
        <v>1334</v>
      </c>
      <c r="L1479" s="1" t="s">
        <v>4946</v>
      </c>
    </row>
    <row r="1480" spans="1:12" x14ac:dyDescent="0.25">
      <c r="A1480" s="1" t="s">
        <v>8431</v>
      </c>
      <c r="B1480" s="1" t="s">
        <v>8256</v>
      </c>
      <c r="C1480" s="1" t="s">
        <v>1529</v>
      </c>
      <c r="D1480" s="18">
        <v>10</v>
      </c>
      <c r="E1480" s="1" t="s">
        <v>1386</v>
      </c>
      <c r="F1480" s="1" t="s">
        <v>8432</v>
      </c>
      <c r="G1480" s="1" t="s">
        <v>8433</v>
      </c>
      <c r="H1480" s="1" t="s">
        <v>8434</v>
      </c>
      <c r="I1480" s="1" t="s">
        <v>8435</v>
      </c>
      <c r="K1480" s="1" t="s">
        <v>1366</v>
      </c>
      <c r="L1480" s="1" t="s">
        <v>4951</v>
      </c>
    </row>
    <row r="1481" spans="1:12" x14ac:dyDescent="0.25">
      <c r="A1481" s="1" t="s">
        <v>8436</v>
      </c>
      <c r="B1481" s="1" t="s">
        <v>8256</v>
      </c>
      <c r="C1481" s="1" t="s">
        <v>1529</v>
      </c>
      <c r="D1481" s="18">
        <v>11</v>
      </c>
      <c r="E1481" s="1" t="s">
        <v>1392</v>
      </c>
      <c r="F1481" s="1" t="s">
        <v>8437</v>
      </c>
      <c r="G1481" s="1" t="s">
        <v>8438</v>
      </c>
      <c r="H1481" s="1" t="s">
        <v>8439</v>
      </c>
      <c r="I1481" s="1" t="s">
        <v>8440</v>
      </c>
      <c r="K1481" s="1" t="s">
        <v>1334</v>
      </c>
      <c r="L1481" s="1" t="s">
        <v>4940</v>
      </c>
    </row>
    <row r="1482" spans="1:12" x14ac:dyDescent="0.25">
      <c r="A1482" s="1" t="s">
        <v>8441</v>
      </c>
      <c r="B1482" s="1" t="s">
        <v>8256</v>
      </c>
      <c r="C1482" s="1" t="s">
        <v>1529</v>
      </c>
      <c r="D1482" s="18">
        <v>12</v>
      </c>
      <c r="E1482" s="1" t="s">
        <v>1398</v>
      </c>
      <c r="F1482" s="1" t="s">
        <v>8442</v>
      </c>
      <c r="G1482" s="1" t="s">
        <v>8443</v>
      </c>
      <c r="H1482" s="1" t="s">
        <v>8444</v>
      </c>
      <c r="I1482" s="1" t="s">
        <v>8445</v>
      </c>
      <c r="K1482" s="1" t="s">
        <v>1334</v>
      </c>
      <c r="L1482" s="1" t="s">
        <v>4951</v>
      </c>
    </row>
    <row r="1483" spans="1:12" x14ac:dyDescent="0.25">
      <c r="A1483" s="1" t="s">
        <v>8446</v>
      </c>
      <c r="B1483" s="1" t="s">
        <v>8256</v>
      </c>
      <c r="C1483" s="1" t="s">
        <v>1529</v>
      </c>
      <c r="D1483" s="18">
        <v>13</v>
      </c>
      <c r="E1483" s="1" t="s">
        <v>1404</v>
      </c>
      <c r="F1483" s="1" t="s">
        <v>8447</v>
      </c>
      <c r="G1483" s="1" t="s">
        <v>8448</v>
      </c>
      <c r="H1483" s="1" t="s">
        <v>8449</v>
      </c>
      <c r="I1483" s="1" t="s">
        <v>8450</v>
      </c>
      <c r="K1483" s="1" t="s">
        <v>1334</v>
      </c>
      <c r="L1483" s="1" t="s">
        <v>4946</v>
      </c>
    </row>
    <row r="1484" spans="1:12" x14ac:dyDescent="0.25">
      <c r="A1484" s="1" t="s">
        <v>8451</v>
      </c>
      <c r="B1484" s="1" t="s">
        <v>8256</v>
      </c>
      <c r="C1484" s="1" t="s">
        <v>1529</v>
      </c>
      <c r="D1484" s="18">
        <v>14</v>
      </c>
      <c r="E1484" s="1" t="s">
        <v>1410</v>
      </c>
      <c r="F1484" s="1" t="s">
        <v>8452</v>
      </c>
      <c r="G1484" s="1" t="s">
        <v>8453</v>
      </c>
      <c r="H1484" s="1" t="s">
        <v>8454</v>
      </c>
      <c r="I1484" s="1" t="s">
        <v>8455</v>
      </c>
      <c r="K1484" s="1" t="s">
        <v>1366</v>
      </c>
      <c r="L1484" s="1" t="s">
        <v>4971</v>
      </c>
    </row>
    <row r="1485" spans="1:12" x14ac:dyDescent="0.25">
      <c r="A1485" s="1" t="s">
        <v>8456</v>
      </c>
      <c r="B1485" s="1" t="s">
        <v>8256</v>
      </c>
      <c r="C1485" s="1" t="s">
        <v>1529</v>
      </c>
      <c r="D1485" s="18">
        <v>15</v>
      </c>
      <c r="E1485" s="1" t="s">
        <v>1416</v>
      </c>
      <c r="F1485" s="1" t="s">
        <v>8457</v>
      </c>
      <c r="G1485" s="1" t="s">
        <v>8458</v>
      </c>
      <c r="H1485" s="1" t="s">
        <v>8459</v>
      </c>
      <c r="I1485" s="1" t="s">
        <v>8460</v>
      </c>
      <c r="J1485" s="14" t="s">
        <v>5052</v>
      </c>
      <c r="K1485" s="1" t="s">
        <v>1366</v>
      </c>
      <c r="L1485" s="1" t="s">
        <v>4940</v>
      </c>
    </row>
    <row r="1486" spans="1:12" x14ac:dyDescent="0.25">
      <c r="A1486" s="1" t="s">
        <v>8461</v>
      </c>
      <c r="B1486" s="1" t="s">
        <v>8256</v>
      </c>
      <c r="C1486" s="1" t="s">
        <v>1529</v>
      </c>
      <c r="D1486" s="18">
        <v>16</v>
      </c>
      <c r="E1486" s="1" t="s">
        <v>1422</v>
      </c>
      <c r="F1486" s="1" t="s">
        <v>8462</v>
      </c>
      <c r="G1486" s="1" t="s">
        <v>8463</v>
      </c>
      <c r="H1486" s="1" t="s">
        <v>8370</v>
      </c>
      <c r="I1486" s="1" t="s">
        <v>8464</v>
      </c>
      <c r="K1486" s="1" t="s">
        <v>1334</v>
      </c>
      <c r="L1486" s="1" t="s">
        <v>4951</v>
      </c>
    </row>
    <row r="1487" spans="1:12" x14ac:dyDescent="0.25">
      <c r="A1487" s="1" t="s">
        <v>8465</v>
      </c>
      <c r="B1487" s="1" t="s">
        <v>8256</v>
      </c>
      <c r="C1487" s="1" t="s">
        <v>1529</v>
      </c>
      <c r="D1487" s="18">
        <v>17</v>
      </c>
      <c r="E1487" s="1" t="s">
        <v>1428</v>
      </c>
      <c r="F1487" s="1" t="s">
        <v>8466</v>
      </c>
      <c r="G1487" s="1" t="s">
        <v>8467</v>
      </c>
      <c r="H1487" s="1" t="s">
        <v>8468</v>
      </c>
      <c r="I1487" s="1" t="s">
        <v>8469</v>
      </c>
      <c r="K1487" s="1" t="s">
        <v>1366</v>
      </c>
      <c r="L1487" s="1" t="s">
        <v>4946</v>
      </c>
    </row>
    <row r="1488" spans="1:12" x14ac:dyDescent="0.25">
      <c r="A1488" s="1" t="s">
        <v>3879</v>
      </c>
      <c r="B1488" s="1" t="s">
        <v>8256</v>
      </c>
      <c r="C1488" s="1" t="s">
        <v>1529</v>
      </c>
      <c r="D1488" s="18">
        <v>18</v>
      </c>
      <c r="E1488" s="1" t="s">
        <v>1434</v>
      </c>
      <c r="F1488" s="1" t="s">
        <v>8470</v>
      </c>
      <c r="G1488" s="1" t="s">
        <v>8471</v>
      </c>
      <c r="H1488" s="1" t="s">
        <v>8472</v>
      </c>
      <c r="I1488" s="1" t="s">
        <v>8473</v>
      </c>
      <c r="K1488" s="1" t="s">
        <v>1366</v>
      </c>
      <c r="L1488" s="1" t="s">
        <v>4971</v>
      </c>
    </row>
    <row r="1489" spans="1:12" x14ac:dyDescent="0.25">
      <c r="A1489" s="1" t="s">
        <v>8474</v>
      </c>
      <c r="B1489" s="1" t="s">
        <v>8256</v>
      </c>
      <c r="C1489" s="1" t="s">
        <v>1529</v>
      </c>
      <c r="D1489" s="18">
        <v>19</v>
      </c>
      <c r="E1489" s="1" t="s">
        <v>1440</v>
      </c>
      <c r="F1489" s="1" t="s">
        <v>8475</v>
      </c>
      <c r="G1489" s="1" t="s">
        <v>8476</v>
      </c>
      <c r="H1489" s="1" t="s">
        <v>8477</v>
      </c>
      <c r="I1489" s="1" t="s">
        <v>8478</v>
      </c>
      <c r="K1489" s="1" t="s">
        <v>1334</v>
      </c>
      <c r="L1489" s="1" t="s">
        <v>4971</v>
      </c>
    </row>
    <row r="1490" spans="1:12" x14ac:dyDescent="0.25">
      <c r="A1490" s="1" t="s">
        <v>8479</v>
      </c>
      <c r="B1490" s="1" t="s">
        <v>8256</v>
      </c>
      <c r="C1490" s="1" t="s">
        <v>1529</v>
      </c>
      <c r="D1490" s="18">
        <v>20</v>
      </c>
      <c r="E1490" s="1" t="s">
        <v>1446</v>
      </c>
      <c r="F1490" s="1" t="s">
        <v>8480</v>
      </c>
      <c r="G1490" s="1" t="s">
        <v>8481</v>
      </c>
      <c r="H1490" s="1" t="s">
        <v>8482</v>
      </c>
      <c r="I1490" s="1" t="s">
        <v>8483</v>
      </c>
      <c r="K1490" s="1" t="s">
        <v>1334</v>
      </c>
      <c r="L1490" s="1" t="s">
        <v>4971</v>
      </c>
    </row>
    <row r="1491" spans="1:12" x14ac:dyDescent="0.25">
      <c r="A1491" s="1" t="s">
        <v>8484</v>
      </c>
      <c r="B1491" s="1" t="s">
        <v>8256</v>
      </c>
      <c r="C1491" s="1" t="s">
        <v>1529</v>
      </c>
      <c r="D1491" s="18">
        <v>21</v>
      </c>
      <c r="E1491" s="1" t="s">
        <v>1452</v>
      </c>
      <c r="F1491" s="1" t="s">
        <v>8485</v>
      </c>
      <c r="G1491" s="1" t="s">
        <v>8486</v>
      </c>
      <c r="H1491" s="1" t="s">
        <v>8487</v>
      </c>
      <c r="I1491" s="1" t="s">
        <v>8488</v>
      </c>
      <c r="K1491" s="1" t="s">
        <v>1334</v>
      </c>
      <c r="L1491" s="1" t="s">
        <v>4940</v>
      </c>
    </row>
    <row r="1492" spans="1:12" x14ac:dyDescent="0.25">
      <c r="A1492" s="1" t="s">
        <v>8489</v>
      </c>
      <c r="B1492" s="1" t="s">
        <v>8256</v>
      </c>
      <c r="C1492" s="1" t="s">
        <v>1529</v>
      </c>
      <c r="D1492" s="18">
        <v>22</v>
      </c>
      <c r="E1492" s="1" t="s">
        <v>1458</v>
      </c>
      <c r="F1492" s="1" t="s">
        <v>8490</v>
      </c>
      <c r="G1492" s="1" t="s">
        <v>8491</v>
      </c>
      <c r="H1492" s="1" t="s">
        <v>8492</v>
      </c>
      <c r="I1492" s="1" t="s">
        <v>8493</v>
      </c>
      <c r="K1492" s="1" t="s">
        <v>1334</v>
      </c>
      <c r="L1492" s="1" t="s">
        <v>4951</v>
      </c>
    </row>
    <row r="1493" spans="1:12" x14ac:dyDescent="0.25">
      <c r="A1493" s="1" t="s">
        <v>8494</v>
      </c>
      <c r="B1493" s="1" t="s">
        <v>8256</v>
      </c>
      <c r="C1493" s="1" t="s">
        <v>1529</v>
      </c>
      <c r="D1493" s="18">
        <v>23</v>
      </c>
      <c r="E1493" s="1" t="s">
        <v>1464</v>
      </c>
      <c r="F1493" s="1" t="s">
        <v>8495</v>
      </c>
      <c r="G1493" s="1" t="s">
        <v>8496</v>
      </c>
      <c r="H1493" s="1" t="s">
        <v>8497</v>
      </c>
      <c r="I1493" s="1" t="s">
        <v>8498</v>
      </c>
      <c r="K1493" s="1" t="s">
        <v>1366</v>
      </c>
      <c r="L1493" s="1" t="s">
        <v>4951</v>
      </c>
    </row>
    <row r="1494" spans="1:12" x14ac:dyDescent="0.25">
      <c r="A1494" s="1" t="s">
        <v>8499</v>
      </c>
      <c r="B1494" s="1" t="s">
        <v>8256</v>
      </c>
      <c r="C1494" s="1" t="s">
        <v>1529</v>
      </c>
      <c r="D1494" s="18">
        <v>24</v>
      </c>
      <c r="E1494" s="1" t="s">
        <v>1470</v>
      </c>
      <c r="F1494" s="1" t="s">
        <v>8500</v>
      </c>
      <c r="G1494" s="1" t="s">
        <v>8501</v>
      </c>
      <c r="H1494" s="1" t="s">
        <v>8502</v>
      </c>
      <c r="I1494" s="1" t="s">
        <v>8503</v>
      </c>
      <c r="K1494" s="1" t="s">
        <v>1334</v>
      </c>
      <c r="L1494" s="1" t="s">
        <v>4971</v>
      </c>
    </row>
    <row r="1495" spans="1:12" x14ac:dyDescent="0.25">
      <c r="A1495" s="1" t="s">
        <v>8504</v>
      </c>
      <c r="B1495" s="1" t="s">
        <v>8256</v>
      </c>
      <c r="C1495" s="1" t="s">
        <v>1529</v>
      </c>
      <c r="D1495" s="18">
        <v>25</v>
      </c>
      <c r="E1495" s="1" t="s">
        <v>1476</v>
      </c>
      <c r="F1495" s="1" t="s">
        <v>8505</v>
      </c>
      <c r="G1495" s="1" t="s">
        <v>8506</v>
      </c>
      <c r="H1495" s="1" t="s">
        <v>8507</v>
      </c>
      <c r="I1495" s="1" t="s">
        <v>8508</v>
      </c>
      <c r="K1495" s="1" t="s">
        <v>1366</v>
      </c>
      <c r="L1495" s="1" t="s">
        <v>4951</v>
      </c>
    </row>
    <row r="1496" spans="1:12" x14ac:dyDescent="0.25">
      <c r="A1496" s="1" t="s">
        <v>8509</v>
      </c>
      <c r="B1496" s="1" t="s">
        <v>8256</v>
      </c>
      <c r="C1496" s="1" t="s">
        <v>1529</v>
      </c>
      <c r="D1496" s="18">
        <v>26</v>
      </c>
      <c r="E1496" s="1" t="s">
        <v>1482</v>
      </c>
      <c r="F1496" s="1" t="s">
        <v>8510</v>
      </c>
      <c r="G1496" s="1" t="s">
        <v>8511</v>
      </c>
      <c r="H1496" s="1" t="s">
        <v>8512</v>
      </c>
      <c r="I1496" s="1" t="s">
        <v>8513</v>
      </c>
      <c r="K1496" s="1" t="s">
        <v>1334</v>
      </c>
      <c r="L1496" s="1" t="s">
        <v>4940</v>
      </c>
    </row>
    <row r="1497" spans="1:12" x14ac:dyDescent="0.25">
      <c r="A1497" s="1" t="s">
        <v>8514</v>
      </c>
      <c r="B1497" s="1" t="s">
        <v>8256</v>
      </c>
      <c r="C1497" s="1" t="s">
        <v>1529</v>
      </c>
      <c r="D1497" s="18">
        <v>27</v>
      </c>
      <c r="E1497" s="1" t="s">
        <v>1488</v>
      </c>
      <c r="F1497" s="1" t="s">
        <v>8515</v>
      </c>
      <c r="G1497" s="1" t="s">
        <v>8516</v>
      </c>
      <c r="H1497" s="1" t="s">
        <v>8429</v>
      </c>
      <c r="I1497" s="1" t="s">
        <v>8517</v>
      </c>
      <c r="K1497" s="1" t="s">
        <v>1366</v>
      </c>
      <c r="L1497" s="1" t="s">
        <v>4946</v>
      </c>
    </row>
    <row r="1498" spans="1:12" x14ac:dyDescent="0.25">
      <c r="A1498" s="1" t="s">
        <v>8518</v>
      </c>
      <c r="B1498" s="1" t="s">
        <v>8256</v>
      </c>
      <c r="C1498" s="1" t="s">
        <v>1529</v>
      </c>
      <c r="D1498" s="18">
        <v>28</v>
      </c>
      <c r="E1498" s="1" t="s">
        <v>1494</v>
      </c>
      <c r="F1498" s="1" t="s">
        <v>8519</v>
      </c>
      <c r="G1498" s="1" t="s">
        <v>8520</v>
      </c>
      <c r="H1498" s="1" t="s">
        <v>8434</v>
      </c>
      <c r="I1498" s="1" t="s">
        <v>8521</v>
      </c>
      <c r="K1498" s="1" t="s">
        <v>1366</v>
      </c>
      <c r="L1498" s="1" t="s">
        <v>4940</v>
      </c>
    </row>
    <row r="1499" spans="1:12" x14ac:dyDescent="0.25">
      <c r="A1499" s="1" t="s">
        <v>8522</v>
      </c>
      <c r="B1499" s="1" t="s">
        <v>8256</v>
      </c>
      <c r="C1499" s="1" t="s">
        <v>1686</v>
      </c>
      <c r="D1499" s="18">
        <v>1</v>
      </c>
      <c r="E1499" s="1" t="s">
        <v>1329</v>
      </c>
      <c r="F1499" s="1" t="s">
        <v>8523</v>
      </c>
      <c r="G1499" s="1" t="s">
        <v>8524</v>
      </c>
      <c r="H1499" s="1" t="s">
        <v>8268</v>
      </c>
      <c r="I1499" s="1" t="s">
        <v>8525</v>
      </c>
      <c r="K1499" s="1" t="s">
        <v>1366</v>
      </c>
      <c r="L1499" s="1" t="s">
        <v>4940</v>
      </c>
    </row>
    <row r="1500" spans="1:12" x14ac:dyDescent="0.25">
      <c r="A1500" s="1" t="s">
        <v>8526</v>
      </c>
      <c r="B1500" s="1" t="s">
        <v>8256</v>
      </c>
      <c r="C1500" s="1" t="s">
        <v>1686</v>
      </c>
      <c r="D1500" s="18">
        <v>2</v>
      </c>
      <c r="E1500" s="1" t="s">
        <v>1337</v>
      </c>
      <c r="F1500" s="1" t="s">
        <v>8527</v>
      </c>
      <c r="G1500" s="1" t="s">
        <v>8528</v>
      </c>
      <c r="H1500" s="1" t="s">
        <v>8529</v>
      </c>
      <c r="I1500" s="1" t="s">
        <v>8530</v>
      </c>
      <c r="K1500" s="1" t="s">
        <v>1366</v>
      </c>
      <c r="L1500" s="1" t="s">
        <v>4946</v>
      </c>
    </row>
    <row r="1501" spans="1:12" x14ac:dyDescent="0.25">
      <c r="A1501" s="1" t="s">
        <v>8531</v>
      </c>
      <c r="B1501" s="1" t="s">
        <v>8256</v>
      </c>
      <c r="C1501" s="1" t="s">
        <v>1686</v>
      </c>
      <c r="D1501" s="18">
        <v>3</v>
      </c>
      <c r="E1501" s="1" t="s">
        <v>1343</v>
      </c>
      <c r="F1501" s="1" t="s">
        <v>8532</v>
      </c>
      <c r="G1501" s="1" t="s">
        <v>8533</v>
      </c>
      <c r="H1501" s="1" t="s">
        <v>8534</v>
      </c>
      <c r="I1501" s="1" t="s">
        <v>8535</v>
      </c>
      <c r="K1501" s="1" t="s">
        <v>1334</v>
      </c>
      <c r="L1501" s="1" t="s">
        <v>4946</v>
      </c>
    </row>
    <row r="1502" spans="1:12" x14ac:dyDescent="0.25">
      <c r="A1502" s="1" t="s">
        <v>8536</v>
      </c>
      <c r="B1502" s="1" t="s">
        <v>8256</v>
      </c>
      <c r="C1502" s="1" t="s">
        <v>1686</v>
      </c>
      <c r="D1502" s="18">
        <v>4</v>
      </c>
      <c r="E1502" s="1" t="s">
        <v>1349</v>
      </c>
      <c r="F1502" s="1" t="s">
        <v>8537</v>
      </c>
      <c r="G1502" s="1" t="s">
        <v>8538</v>
      </c>
      <c r="H1502" s="1" t="s">
        <v>8539</v>
      </c>
      <c r="I1502" s="1" t="s">
        <v>8540</v>
      </c>
      <c r="K1502" s="1" t="s">
        <v>1366</v>
      </c>
      <c r="L1502" s="1" t="s">
        <v>4951</v>
      </c>
    </row>
    <row r="1503" spans="1:12" x14ac:dyDescent="0.25">
      <c r="A1503" s="1" t="s">
        <v>8541</v>
      </c>
      <c r="B1503" s="1" t="s">
        <v>8256</v>
      </c>
      <c r="C1503" s="1" t="s">
        <v>1686</v>
      </c>
      <c r="D1503" s="18">
        <v>5</v>
      </c>
      <c r="E1503" s="1" t="s">
        <v>1355</v>
      </c>
      <c r="F1503" s="1" t="s">
        <v>8542</v>
      </c>
      <c r="G1503" s="1" t="s">
        <v>8543</v>
      </c>
      <c r="H1503" s="1" t="s">
        <v>8544</v>
      </c>
      <c r="I1503" s="1" t="s">
        <v>8545</v>
      </c>
      <c r="K1503" s="1" t="s">
        <v>1366</v>
      </c>
      <c r="L1503" s="1" t="s">
        <v>4971</v>
      </c>
    </row>
    <row r="1504" spans="1:12" x14ac:dyDescent="0.25">
      <c r="A1504" s="1" t="s">
        <v>8546</v>
      </c>
      <c r="B1504" s="1" t="s">
        <v>8256</v>
      </c>
      <c r="C1504" s="1" t="s">
        <v>1686</v>
      </c>
      <c r="D1504" s="18">
        <v>6</v>
      </c>
      <c r="E1504" s="1" t="s">
        <v>1361</v>
      </c>
      <c r="F1504" s="1" t="s">
        <v>8547</v>
      </c>
      <c r="G1504" s="1" t="s">
        <v>8548</v>
      </c>
      <c r="H1504" s="1" t="s">
        <v>8549</v>
      </c>
      <c r="I1504" s="1" t="s">
        <v>8550</v>
      </c>
      <c r="K1504" s="1" t="s">
        <v>1366</v>
      </c>
      <c r="L1504" s="1" t="s">
        <v>4951</v>
      </c>
    </row>
    <row r="1505" spans="1:12" x14ac:dyDescent="0.25">
      <c r="A1505" s="1" t="s">
        <v>926</v>
      </c>
      <c r="B1505" s="1" t="s">
        <v>8256</v>
      </c>
      <c r="C1505" s="1" t="s">
        <v>1686</v>
      </c>
      <c r="D1505" s="18">
        <v>7</v>
      </c>
      <c r="E1505" s="1" t="s">
        <v>1368</v>
      </c>
      <c r="F1505" s="1" t="s">
        <v>8551</v>
      </c>
      <c r="G1505" s="1" t="s">
        <v>8552</v>
      </c>
      <c r="H1505" s="1" t="s">
        <v>8553</v>
      </c>
      <c r="I1505" s="1" t="s">
        <v>8554</v>
      </c>
      <c r="K1505" s="1" t="s">
        <v>1334</v>
      </c>
      <c r="L1505" s="1" t="s">
        <v>4971</v>
      </c>
    </row>
    <row r="1506" spans="1:12" x14ac:dyDescent="0.25">
      <c r="A1506" s="1" t="s">
        <v>8555</v>
      </c>
      <c r="B1506" s="1" t="s">
        <v>8256</v>
      </c>
      <c r="C1506" s="1" t="s">
        <v>1686</v>
      </c>
      <c r="D1506" s="18">
        <v>8</v>
      </c>
      <c r="E1506" s="1" t="s">
        <v>1374</v>
      </c>
      <c r="F1506" s="1" t="s">
        <v>8556</v>
      </c>
      <c r="G1506" s="1" t="s">
        <v>8557</v>
      </c>
      <c r="H1506" s="1" t="s">
        <v>8558</v>
      </c>
      <c r="I1506" s="1" t="s">
        <v>8559</v>
      </c>
      <c r="K1506" s="1" t="s">
        <v>1334</v>
      </c>
      <c r="L1506" s="1" t="s">
        <v>4971</v>
      </c>
    </row>
    <row r="1507" spans="1:12" x14ac:dyDescent="0.25">
      <c r="A1507" s="1" t="s">
        <v>8560</v>
      </c>
      <c r="B1507" s="1" t="s">
        <v>8256</v>
      </c>
      <c r="C1507" s="1" t="s">
        <v>1686</v>
      </c>
      <c r="D1507" s="18">
        <v>9</v>
      </c>
      <c r="E1507" s="1" t="s">
        <v>1380</v>
      </c>
      <c r="F1507" s="1" t="s">
        <v>8561</v>
      </c>
      <c r="G1507" s="1" t="s">
        <v>8562</v>
      </c>
      <c r="H1507" s="1" t="s">
        <v>8563</v>
      </c>
      <c r="I1507" s="1" t="s">
        <v>8564</v>
      </c>
      <c r="K1507" s="1" t="s">
        <v>1334</v>
      </c>
      <c r="L1507" s="1" t="s">
        <v>4940</v>
      </c>
    </row>
    <row r="1508" spans="1:12" x14ac:dyDescent="0.25">
      <c r="A1508" s="1" t="s">
        <v>8565</v>
      </c>
      <c r="B1508" s="1" t="s">
        <v>8256</v>
      </c>
      <c r="C1508" s="1" t="s">
        <v>1686</v>
      </c>
      <c r="D1508" s="18">
        <v>10</v>
      </c>
      <c r="E1508" s="1" t="s">
        <v>1386</v>
      </c>
      <c r="F1508" s="1" t="s">
        <v>8566</v>
      </c>
      <c r="G1508" s="1" t="s">
        <v>8567</v>
      </c>
      <c r="H1508" s="1" t="s">
        <v>8568</v>
      </c>
      <c r="I1508" s="1" t="s">
        <v>8569</v>
      </c>
      <c r="K1508" s="1" t="s">
        <v>1366</v>
      </c>
      <c r="L1508" s="1" t="s">
        <v>4940</v>
      </c>
    </row>
    <row r="1509" spans="1:12" x14ac:dyDescent="0.25">
      <c r="A1509" s="1" t="s">
        <v>8570</v>
      </c>
      <c r="B1509" s="1" t="s">
        <v>8256</v>
      </c>
      <c r="C1509" s="1" t="s">
        <v>1686</v>
      </c>
      <c r="D1509" s="18">
        <v>11</v>
      </c>
      <c r="E1509" s="1" t="s">
        <v>1392</v>
      </c>
      <c r="F1509" s="1" t="s">
        <v>8571</v>
      </c>
      <c r="G1509" s="1" t="s">
        <v>8572</v>
      </c>
      <c r="H1509" s="1" t="s">
        <v>8573</v>
      </c>
      <c r="I1509" s="1" t="s">
        <v>8574</v>
      </c>
      <c r="K1509" s="1" t="s">
        <v>1366</v>
      </c>
      <c r="L1509" s="1" t="s">
        <v>4946</v>
      </c>
    </row>
    <row r="1510" spans="1:12" x14ac:dyDescent="0.25">
      <c r="A1510" s="1" t="s">
        <v>8575</v>
      </c>
      <c r="B1510" s="1" t="s">
        <v>8256</v>
      </c>
      <c r="C1510" s="1" t="s">
        <v>1686</v>
      </c>
      <c r="D1510" s="18">
        <v>12</v>
      </c>
      <c r="E1510" s="1" t="s">
        <v>1398</v>
      </c>
      <c r="F1510" s="1" t="s">
        <v>8576</v>
      </c>
      <c r="G1510" s="1" t="s">
        <v>8577</v>
      </c>
      <c r="H1510" s="1" t="s">
        <v>8345</v>
      </c>
      <c r="I1510" s="1" t="s">
        <v>8578</v>
      </c>
      <c r="K1510" s="1" t="s">
        <v>1366</v>
      </c>
      <c r="L1510" s="1" t="s">
        <v>4940</v>
      </c>
    </row>
    <row r="1511" spans="1:12" x14ac:dyDescent="0.25">
      <c r="A1511" s="1" t="s">
        <v>8579</v>
      </c>
      <c r="B1511" s="1" t="s">
        <v>8256</v>
      </c>
      <c r="C1511" s="1" t="s">
        <v>1686</v>
      </c>
      <c r="D1511" s="18">
        <v>13</v>
      </c>
      <c r="E1511" s="1" t="s">
        <v>1404</v>
      </c>
      <c r="F1511" s="1" t="s">
        <v>8580</v>
      </c>
      <c r="G1511" s="1" t="s">
        <v>8581</v>
      </c>
      <c r="H1511" s="1" t="s">
        <v>8582</v>
      </c>
      <c r="I1511" s="1" t="s">
        <v>8583</v>
      </c>
      <c r="K1511" s="1" t="s">
        <v>1366</v>
      </c>
      <c r="L1511" s="1" t="s">
        <v>4971</v>
      </c>
    </row>
    <row r="1512" spans="1:12" x14ac:dyDescent="0.25">
      <c r="A1512" s="1" t="s">
        <v>8584</v>
      </c>
      <c r="B1512" s="1" t="s">
        <v>8256</v>
      </c>
      <c r="C1512" s="1" t="s">
        <v>1686</v>
      </c>
      <c r="D1512" s="18">
        <v>14</v>
      </c>
      <c r="E1512" s="1" t="s">
        <v>1410</v>
      </c>
      <c r="F1512" s="1" t="s">
        <v>8585</v>
      </c>
      <c r="G1512" s="1" t="s">
        <v>8586</v>
      </c>
      <c r="H1512" s="1" t="s">
        <v>8587</v>
      </c>
      <c r="I1512" s="1" t="s">
        <v>8588</v>
      </c>
      <c r="J1512" s="14" t="s">
        <v>1726</v>
      </c>
      <c r="K1512" s="1" t="s">
        <v>1334</v>
      </c>
      <c r="L1512" s="1" t="s">
        <v>8589</v>
      </c>
    </row>
    <row r="1513" spans="1:12" x14ac:dyDescent="0.25">
      <c r="A1513" s="1" t="s">
        <v>8590</v>
      </c>
      <c r="B1513" s="1" t="s">
        <v>8256</v>
      </c>
      <c r="C1513" s="1" t="s">
        <v>1686</v>
      </c>
      <c r="D1513" s="18">
        <v>15</v>
      </c>
      <c r="E1513" s="1" t="s">
        <v>1416</v>
      </c>
      <c r="F1513" s="1" t="s">
        <v>8591</v>
      </c>
      <c r="G1513" s="1" t="s">
        <v>8592</v>
      </c>
      <c r="H1513" s="1" t="s">
        <v>8593</v>
      </c>
      <c r="I1513" s="1" t="s">
        <v>8594</v>
      </c>
      <c r="K1513" s="1" t="s">
        <v>1366</v>
      </c>
      <c r="L1513" s="1" t="s">
        <v>4946</v>
      </c>
    </row>
    <row r="1514" spans="1:12" x14ac:dyDescent="0.25">
      <c r="A1514" s="1" t="s">
        <v>8595</v>
      </c>
      <c r="B1514" s="1" t="s">
        <v>8256</v>
      </c>
      <c r="C1514" s="1" t="s">
        <v>1686</v>
      </c>
      <c r="D1514" s="18">
        <v>16</v>
      </c>
      <c r="E1514" s="1" t="s">
        <v>1422</v>
      </c>
      <c r="F1514" s="1" t="s">
        <v>8596</v>
      </c>
      <c r="G1514" s="1" t="s">
        <v>8597</v>
      </c>
      <c r="H1514" s="1" t="s">
        <v>8598</v>
      </c>
      <c r="I1514" s="1" t="s">
        <v>8599</v>
      </c>
      <c r="K1514" s="1" t="s">
        <v>1334</v>
      </c>
      <c r="L1514" s="1" t="s">
        <v>4940</v>
      </c>
    </row>
    <row r="1515" spans="1:12" x14ac:dyDescent="0.25">
      <c r="A1515" s="1" t="s">
        <v>114</v>
      </c>
      <c r="B1515" s="1" t="s">
        <v>8256</v>
      </c>
      <c r="C1515" s="1" t="s">
        <v>1686</v>
      </c>
      <c r="D1515" s="18">
        <v>17</v>
      </c>
      <c r="E1515" s="1" t="s">
        <v>1428</v>
      </c>
      <c r="F1515" s="1" t="s">
        <v>8600</v>
      </c>
      <c r="G1515" s="1" t="s">
        <v>8601</v>
      </c>
      <c r="H1515" s="1" t="s">
        <v>8602</v>
      </c>
      <c r="I1515" s="1" t="s">
        <v>8603</v>
      </c>
      <c r="K1515" s="1" t="s">
        <v>1366</v>
      </c>
      <c r="L1515" s="1" t="s">
        <v>4951</v>
      </c>
    </row>
    <row r="1516" spans="1:12" x14ac:dyDescent="0.25">
      <c r="A1516" s="1" t="s">
        <v>8604</v>
      </c>
      <c r="B1516" s="1" t="s">
        <v>8256</v>
      </c>
      <c r="C1516" s="1" t="s">
        <v>1686</v>
      </c>
      <c r="D1516" s="18">
        <v>18</v>
      </c>
      <c r="E1516" s="1" t="s">
        <v>1434</v>
      </c>
      <c r="F1516" s="1" t="s">
        <v>8605</v>
      </c>
      <c r="G1516" s="1" t="s">
        <v>8606</v>
      </c>
      <c r="H1516" s="1" t="s">
        <v>8607</v>
      </c>
      <c r="I1516" s="1" t="s">
        <v>8608</v>
      </c>
      <c r="K1516" s="1" t="s">
        <v>1366</v>
      </c>
      <c r="L1516" s="1" t="s">
        <v>4946</v>
      </c>
    </row>
    <row r="1517" spans="1:12" x14ac:dyDescent="0.25">
      <c r="A1517" s="1" t="s">
        <v>8609</v>
      </c>
      <c r="B1517" s="1" t="s">
        <v>8256</v>
      </c>
      <c r="C1517" s="1" t="s">
        <v>1686</v>
      </c>
      <c r="D1517" s="18">
        <v>19</v>
      </c>
      <c r="E1517" s="1" t="s">
        <v>1440</v>
      </c>
      <c r="F1517" s="1" t="s">
        <v>8610</v>
      </c>
      <c r="G1517" s="1" t="s">
        <v>8611</v>
      </c>
      <c r="H1517" s="1" t="s">
        <v>8612</v>
      </c>
      <c r="I1517" s="1" t="s">
        <v>8613</v>
      </c>
      <c r="K1517" s="1" t="s">
        <v>1366</v>
      </c>
      <c r="L1517" s="1" t="s">
        <v>4971</v>
      </c>
    </row>
    <row r="1518" spans="1:12" x14ac:dyDescent="0.25">
      <c r="A1518" s="1" t="s">
        <v>908</v>
      </c>
      <c r="B1518" s="1" t="s">
        <v>8256</v>
      </c>
      <c r="C1518" s="1" t="s">
        <v>1686</v>
      </c>
      <c r="D1518" s="18">
        <v>20</v>
      </c>
      <c r="E1518" s="1" t="s">
        <v>1446</v>
      </c>
      <c r="F1518" s="1" t="s">
        <v>8614</v>
      </c>
      <c r="G1518" s="1" t="s">
        <v>8615</v>
      </c>
      <c r="H1518" s="1" t="s">
        <v>8616</v>
      </c>
      <c r="I1518" s="1" t="s">
        <v>8617</v>
      </c>
      <c r="K1518" s="1" t="s">
        <v>1334</v>
      </c>
      <c r="L1518" s="1" t="s">
        <v>4946</v>
      </c>
    </row>
    <row r="1519" spans="1:12" x14ac:dyDescent="0.25">
      <c r="A1519" s="1" t="s">
        <v>8618</v>
      </c>
      <c r="B1519" s="1" t="s">
        <v>8256</v>
      </c>
      <c r="C1519" s="1" t="s">
        <v>1686</v>
      </c>
      <c r="D1519" s="18">
        <v>21</v>
      </c>
      <c r="E1519" s="1" t="s">
        <v>1452</v>
      </c>
      <c r="F1519" s="1" t="s">
        <v>8619</v>
      </c>
      <c r="G1519" s="1" t="s">
        <v>8620</v>
      </c>
      <c r="H1519" s="1" t="s">
        <v>8621</v>
      </c>
      <c r="I1519" s="1" t="s">
        <v>8622</v>
      </c>
      <c r="K1519" s="1" t="s">
        <v>1366</v>
      </c>
      <c r="L1519" s="1" t="s">
        <v>4951</v>
      </c>
    </row>
    <row r="1520" spans="1:12" x14ac:dyDescent="0.25">
      <c r="A1520" s="1" t="s">
        <v>8623</v>
      </c>
      <c r="B1520" s="1" t="s">
        <v>8256</v>
      </c>
      <c r="C1520" s="1" t="s">
        <v>1686</v>
      </c>
      <c r="D1520" s="18">
        <v>22</v>
      </c>
      <c r="E1520" s="1" t="s">
        <v>1458</v>
      </c>
      <c r="F1520" s="1" t="s">
        <v>8624</v>
      </c>
      <c r="G1520" s="1" t="s">
        <v>8625</v>
      </c>
      <c r="H1520" s="1" t="s">
        <v>8626</v>
      </c>
      <c r="I1520" s="1" t="s">
        <v>8627</v>
      </c>
      <c r="K1520" s="1" t="s">
        <v>1366</v>
      </c>
      <c r="L1520" s="1" t="s">
        <v>4946</v>
      </c>
    </row>
    <row r="1521" spans="1:12" x14ac:dyDescent="0.25">
      <c r="A1521" s="1" t="s">
        <v>8628</v>
      </c>
      <c r="B1521" s="1" t="s">
        <v>8256</v>
      </c>
      <c r="C1521" s="1" t="s">
        <v>1686</v>
      </c>
      <c r="D1521" s="18">
        <v>23</v>
      </c>
      <c r="E1521" s="1" t="s">
        <v>1464</v>
      </c>
      <c r="F1521" s="1" t="s">
        <v>8629</v>
      </c>
      <c r="G1521" s="1" t="s">
        <v>8630</v>
      </c>
      <c r="H1521" s="1" t="s">
        <v>8631</v>
      </c>
      <c r="I1521" s="1" t="s">
        <v>8632</v>
      </c>
      <c r="K1521" s="1" t="s">
        <v>1334</v>
      </c>
      <c r="L1521" s="1" t="s">
        <v>4940</v>
      </c>
    </row>
    <row r="1522" spans="1:12" x14ac:dyDescent="0.25">
      <c r="A1522" s="1" t="s">
        <v>8633</v>
      </c>
      <c r="B1522" s="1" t="s">
        <v>8256</v>
      </c>
      <c r="C1522" s="1" t="s">
        <v>1686</v>
      </c>
      <c r="D1522" s="18">
        <v>24</v>
      </c>
      <c r="E1522" s="1" t="s">
        <v>1470</v>
      </c>
      <c r="F1522" s="1" t="s">
        <v>8634</v>
      </c>
      <c r="G1522" s="1" t="s">
        <v>8635</v>
      </c>
      <c r="H1522" s="1" t="s">
        <v>8389</v>
      </c>
      <c r="I1522" s="1" t="s">
        <v>8636</v>
      </c>
      <c r="K1522" s="1" t="s">
        <v>1334</v>
      </c>
      <c r="L1522" s="1" t="s">
        <v>4951</v>
      </c>
    </row>
    <row r="1523" spans="1:12" x14ac:dyDescent="0.25">
      <c r="A1523" s="1" t="s">
        <v>8637</v>
      </c>
      <c r="B1523" s="1" t="s">
        <v>8256</v>
      </c>
      <c r="C1523" s="1" t="s">
        <v>1686</v>
      </c>
      <c r="D1523" s="18">
        <v>25</v>
      </c>
      <c r="E1523" s="1" t="s">
        <v>1476</v>
      </c>
      <c r="F1523" s="1" t="s">
        <v>8638</v>
      </c>
      <c r="G1523" s="1" t="s">
        <v>8639</v>
      </c>
      <c r="H1523" s="1" t="s">
        <v>8640</v>
      </c>
      <c r="I1523" s="1" t="s">
        <v>8641</v>
      </c>
      <c r="K1523" s="1" t="s">
        <v>1366</v>
      </c>
      <c r="L1523" s="1" t="s">
        <v>4946</v>
      </c>
    </row>
    <row r="1524" spans="1:12" x14ac:dyDescent="0.25">
      <c r="A1524" s="1" t="s">
        <v>8642</v>
      </c>
      <c r="B1524" s="1" t="s">
        <v>8256</v>
      </c>
      <c r="C1524" s="1" t="s">
        <v>1686</v>
      </c>
      <c r="D1524" s="18">
        <v>26</v>
      </c>
      <c r="E1524" s="1" t="s">
        <v>1482</v>
      </c>
      <c r="F1524" s="1" t="s">
        <v>8643</v>
      </c>
      <c r="G1524" s="1" t="s">
        <v>8644</v>
      </c>
      <c r="H1524" s="1" t="s">
        <v>8645</v>
      </c>
      <c r="I1524" s="1" t="s">
        <v>8646</v>
      </c>
      <c r="K1524" s="1" t="s">
        <v>1334</v>
      </c>
      <c r="L1524" s="1" t="s">
        <v>4971</v>
      </c>
    </row>
    <row r="1525" spans="1:12" x14ac:dyDescent="0.25">
      <c r="A1525" s="1" t="s">
        <v>8647</v>
      </c>
      <c r="B1525" s="1" t="s">
        <v>8256</v>
      </c>
      <c r="C1525" s="1" t="s">
        <v>1686</v>
      </c>
      <c r="D1525" s="18">
        <v>27</v>
      </c>
      <c r="E1525" s="1" t="s">
        <v>1488</v>
      </c>
      <c r="F1525" s="1" t="s">
        <v>8648</v>
      </c>
      <c r="G1525" s="1" t="s">
        <v>8649</v>
      </c>
      <c r="H1525" s="1" t="s">
        <v>8650</v>
      </c>
      <c r="I1525" s="1" t="s">
        <v>8651</v>
      </c>
      <c r="K1525" s="1" t="s">
        <v>1366</v>
      </c>
      <c r="L1525" s="1" t="s">
        <v>4940</v>
      </c>
    </row>
    <row r="1526" spans="1:12" x14ac:dyDescent="0.25">
      <c r="A1526" s="1" t="s">
        <v>8652</v>
      </c>
      <c r="B1526" s="1" t="s">
        <v>8256</v>
      </c>
      <c r="C1526" s="1" t="s">
        <v>1686</v>
      </c>
      <c r="D1526" s="18">
        <v>28</v>
      </c>
      <c r="E1526" s="1" t="s">
        <v>1494</v>
      </c>
      <c r="F1526" s="1" t="s">
        <v>8653</v>
      </c>
      <c r="G1526" s="1" t="s">
        <v>8654</v>
      </c>
      <c r="H1526" s="1" t="s">
        <v>8655</v>
      </c>
      <c r="I1526" s="1" t="s">
        <v>8656</v>
      </c>
      <c r="K1526" s="1" t="s">
        <v>1366</v>
      </c>
      <c r="L1526" s="1" t="s">
        <v>4971</v>
      </c>
    </row>
    <row r="1527" spans="1:12" x14ac:dyDescent="0.25">
      <c r="A1527" s="1" t="s">
        <v>8657</v>
      </c>
      <c r="B1527" s="1" t="s">
        <v>8256</v>
      </c>
      <c r="C1527" s="1" t="s">
        <v>1686</v>
      </c>
      <c r="D1527" s="18">
        <v>29</v>
      </c>
      <c r="E1527" s="1" t="s">
        <v>1500</v>
      </c>
      <c r="F1527" s="1" t="s">
        <v>8658</v>
      </c>
      <c r="G1527" s="1" t="s">
        <v>8659</v>
      </c>
      <c r="H1527" s="1" t="s">
        <v>8660</v>
      </c>
      <c r="I1527" s="1" t="s">
        <v>8661</v>
      </c>
      <c r="K1527" s="1" t="s">
        <v>1334</v>
      </c>
      <c r="L1527" s="1" t="s">
        <v>4940</v>
      </c>
    </row>
    <row r="1528" spans="1:12" x14ac:dyDescent="0.25">
      <c r="A1528" s="1" t="s">
        <v>8662</v>
      </c>
      <c r="B1528" s="1" t="s">
        <v>8256</v>
      </c>
      <c r="C1528" s="1" t="s">
        <v>1686</v>
      </c>
      <c r="D1528" s="18">
        <v>30</v>
      </c>
      <c r="E1528" s="1" t="s">
        <v>1506</v>
      </c>
      <c r="F1528" s="1" t="s">
        <v>8663</v>
      </c>
      <c r="G1528" s="1" t="s">
        <v>8664</v>
      </c>
      <c r="H1528" s="1" t="s">
        <v>8449</v>
      </c>
      <c r="I1528" s="1" t="s">
        <v>8665</v>
      </c>
      <c r="K1528" s="1" t="s">
        <v>1366</v>
      </c>
      <c r="L1528" s="1" t="s">
        <v>4940</v>
      </c>
    </row>
    <row r="1529" spans="1:12" x14ac:dyDescent="0.25">
      <c r="A1529" s="1" t="s">
        <v>8666</v>
      </c>
      <c r="B1529" s="1" t="s">
        <v>8256</v>
      </c>
      <c r="C1529" s="1" t="s">
        <v>1686</v>
      </c>
      <c r="D1529" s="18">
        <v>31</v>
      </c>
      <c r="E1529" s="1" t="s">
        <v>1512</v>
      </c>
      <c r="F1529" s="1" t="s">
        <v>8667</v>
      </c>
      <c r="G1529" s="1" t="s">
        <v>8668</v>
      </c>
      <c r="H1529" s="1" t="s">
        <v>8669</v>
      </c>
      <c r="I1529" s="1" t="s">
        <v>8670</v>
      </c>
      <c r="K1529" s="1" t="s">
        <v>1366</v>
      </c>
      <c r="L1529" s="1" t="s">
        <v>4946</v>
      </c>
    </row>
    <row r="1530" spans="1:12" x14ac:dyDescent="0.25">
      <c r="A1530" s="1" t="s">
        <v>8671</v>
      </c>
      <c r="B1530" s="1" t="s">
        <v>8256</v>
      </c>
      <c r="C1530" s="1" t="s">
        <v>1843</v>
      </c>
      <c r="D1530" s="18">
        <v>1</v>
      </c>
      <c r="E1530" s="1" t="s">
        <v>1329</v>
      </c>
      <c r="F1530" s="1" t="s">
        <v>8672</v>
      </c>
      <c r="G1530" s="1" t="s">
        <v>8673</v>
      </c>
      <c r="H1530" s="1" t="s">
        <v>8674</v>
      </c>
      <c r="I1530" s="1" t="s">
        <v>8675</v>
      </c>
      <c r="K1530" s="1" t="s">
        <v>1366</v>
      </c>
      <c r="L1530" s="1" t="s">
        <v>4951</v>
      </c>
    </row>
    <row r="1531" spans="1:12" x14ac:dyDescent="0.25">
      <c r="A1531" s="1" t="s">
        <v>101</v>
      </c>
      <c r="B1531" s="1" t="s">
        <v>8256</v>
      </c>
      <c r="C1531" s="1" t="s">
        <v>1843</v>
      </c>
      <c r="D1531" s="18">
        <v>2</v>
      </c>
      <c r="E1531" s="1" t="s">
        <v>1337</v>
      </c>
      <c r="F1531" s="1" t="s">
        <v>8676</v>
      </c>
      <c r="G1531" s="1" t="s">
        <v>8677</v>
      </c>
      <c r="H1531" s="1" t="s">
        <v>8678</v>
      </c>
      <c r="I1531" s="1" t="s">
        <v>8679</v>
      </c>
      <c r="K1531" s="1" t="s">
        <v>1334</v>
      </c>
      <c r="L1531" s="1" t="s">
        <v>4946</v>
      </c>
    </row>
    <row r="1532" spans="1:12" x14ac:dyDescent="0.25">
      <c r="A1532" s="1" t="s">
        <v>8680</v>
      </c>
      <c r="B1532" s="1" t="s">
        <v>8256</v>
      </c>
      <c r="C1532" s="1" t="s">
        <v>1843</v>
      </c>
      <c r="D1532" s="18">
        <v>3</v>
      </c>
      <c r="E1532" s="1" t="s">
        <v>1343</v>
      </c>
      <c r="F1532" s="1" t="s">
        <v>8681</v>
      </c>
      <c r="G1532" s="1" t="s">
        <v>8682</v>
      </c>
      <c r="H1532" s="1" t="s">
        <v>8683</v>
      </c>
      <c r="I1532" s="1" t="s">
        <v>8684</v>
      </c>
      <c r="K1532" s="1" t="s">
        <v>1366</v>
      </c>
      <c r="L1532" s="1" t="s">
        <v>4951</v>
      </c>
    </row>
    <row r="1533" spans="1:12" x14ac:dyDescent="0.25">
      <c r="A1533" s="1" t="s">
        <v>8685</v>
      </c>
      <c r="B1533" s="1" t="s">
        <v>8256</v>
      </c>
      <c r="C1533" s="1" t="s">
        <v>1843</v>
      </c>
      <c r="D1533" s="18">
        <v>4</v>
      </c>
      <c r="E1533" s="1" t="s">
        <v>1349</v>
      </c>
      <c r="F1533" s="1" t="s">
        <v>8686</v>
      </c>
      <c r="G1533" s="1" t="s">
        <v>8687</v>
      </c>
      <c r="H1533" s="1" t="s">
        <v>8688</v>
      </c>
      <c r="I1533" s="1" t="s">
        <v>8689</v>
      </c>
      <c r="K1533" s="1" t="s">
        <v>1366</v>
      </c>
      <c r="L1533" s="1" t="s">
        <v>4940</v>
      </c>
    </row>
    <row r="1534" spans="1:12" x14ac:dyDescent="0.25">
      <c r="A1534" s="1" t="s">
        <v>8690</v>
      </c>
      <c r="B1534" s="1" t="s">
        <v>8256</v>
      </c>
      <c r="C1534" s="1" t="s">
        <v>1843</v>
      </c>
      <c r="D1534" s="18">
        <v>5</v>
      </c>
      <c r="E1534" s="1" t="s">
        <v>1355</v>
      </c>
      <c r="F1534" s="1" t="s">
        <v>8691</v>
      </c>
      <c r="G1534" s="1" t="s">
        <v>8692</v>
      </c>
      <c r="H1534" s="1" t="s">
        <v>8693</v>
      </c>
      <c r="I1534" s="1" t="s">
        <v>8694</v>
      </c>
      <c r="K1534" s="1" t="s">
        <v>1366</v>
      </c>
      <c r="L1534" s="1" t="s">
        <v>4940</v>
      </c>
    </row>
    <row r="1535" spans="1:12" x14ac:dyDescent="0.25">
      <c r="A1535" s="1" t="s">
        <v>8695</v>
      </c>
      <c r="B1535" s="1" t="s">
        <v>8256</v>
      </c>
      <c r="C1535" s="1" t="s">
        <v>1843</v>
      </c>
      <c r="D1535" s="18">
        <v>6</v>
      </c>
      <c r="E1535" s="1" t="s">
        <v>1361</v>
      </c>
      <c r="F1535" s="1" t="s">
        <v>8696</v>
      </c>
      <c r="G1535" s="1" t="s">
        <v>8697</v>
      </c>
      <c r="H1535" s="1" t="s">
        <v>8698</v>
      </c>
      <c r="I1535" s="1" t="s">
        <v>8699</v>
      </c>
      <c r="K1535" s="1" t="s">
        <v>1366</v>
      </c>
      <c r="L1535" s="1" t="s">
        <v>4946</v>
      </c>
    </row>
    <row r="1536" spans="1:12" x14ac:dyDescent="0.25">
      <c r="A1536" s="1" t="s">
        <v>8700</v>
      </c>
      <c r="B1536" s="1" t="s">
        <v>8256</v>
      </c>
      <c r="C1536" s="1" t="s">
        <v>1843</v>
      </c>
      <c r="D1536" s="18">
        <v>7</v>
      </c>
      <c r="E1536" s="1" t="s">
        <v>1368</v>
      </c>
      <c r="F1536" s="1" t="s">
        <v>8701</v>
      </c>
      <c r="G1536" s="1" t="s">
        <v>8702</v>
      </c>
      <c r="H1536" s="1" t="s">
        <v>8703</v>
      </c>
      <c r="I1536" s="1" t="s">
        <v>8704</v>
      </c>
      <c r="K1536" s="1" t="s">
        <v>1366</v>
      </c>
      <c r="L1536" s="1" t="s">
        <v>4940</v>
      </c>
    </row>
    <row r="1537" spans="1:12" x14ac:dyDescent="0.25">
      <c r="A1537" s="1" t="s">
        <v>8705</v>
      </c>
      <c r="B1537" s="1" t="s">
        <v>8256</v>
      </c>
      <c r="C1537" s="1" t="s">
        <v>1843</v>
      </c>
      <c r="D1537" s="18">
        <v>8</v>
      </c>
      <c r="E1537" s="1" t="s">
        <v>1374</v>
      </c>
      <c r="F1537" s="1" t="s">
        <v>8706</v>
      </c>
      <c r="G1537" s="1" t="s">
        <v>8707</v>
      </c>
      <c r="H1537" s="1" t="s">
        <v>8708</v>
      </c>
      <c r="I1537" s="1" t="s">
        <v>8709</v>
      </c>
      <c r="K1537" s="1" t="s">
        <v>1366</v>
      </c>
      <c r="L1537" s="1" t="s">
        <v>4971</v>
      </c>
    </row>
    <row r="1538" spans="1:12" x14ac:dyDescent="0.25">
      <c r="A1538" s="1" t="s">
        <v>8710</v>
      </c>
      <c r="B1538" s="1" t="s">
        <v>8256</v>
      </c>
      <c r="C1538" s="1" t="s">
        <v>1843</v>
      </c>
      <c r="D1538" s="18">
        <v>9</v>
      </c>
      <c r="E1538" s="1" t="s">
        <v>1380</v>
      </c>
      <c r="F1538" s="1" t="s">
        <v>8711</v>
      </c>
      <c r="G1538" s="1" t="s">
        <v>8712</v>
      </c>
      <c r="H1538" s="1" t="s">
        <v>8713</v>
      </c>
      <c r="I1538" s="1" t="s">
        <v>8714</v>
      </c>
      <c r="K1538" s="1" t="s">
        <v>1366</v>
      </c>
      <c r="L1538" s="1" t="s">
        <v>4940</v>
      </c>
    </row>
    <row r="1539" spans="1:12" x14ac:dyDescent="0.25">
      <c r="A1539" s="1" t="s">
        <v>8715</v>
      </c>
      <c r="B1539" s="1" t="s">
        <v>8256</v>
      </c>
      <c r="C1539" s="1" t="s">
        <v>1843</v>
      </c>
      <c r="D1539" s="18">
        <v>10</v>
      </c>
      <c r="E1539" s="1" t="s">
        <v>2353</v>
      </c>
      <c r="F1539" s="1" t="s">
        <v>8716</v>
      </c>
      <c r="G1539" s="1" t="s">
        <v>8717</v>
      </c>
      <c r="H1539" s="1" t="s">
        <v>8718</v>
      </c>
      <c r="I1539" s="1" t="s">
        <v>8719</v>
      </c>
      <c r="K1539" s="1" t="s">
        <v>1366</v>
      </c>
      <c r="L1539" s="1" t="s">
        <v>4940</v>
      </c>
    </row>
    <row r="1540" spans="1:12" x14ac:dyDescent="0.25">
      <c r="A1540" s="1" t="s">
        <v>115</v>
      </c>
      <c r="B1540" s="1" t="s">
        <v>8256</v>
      </c>
      <c r="C1540" s="1" t="s">
        <v>1843</v>
      </c>
      <c r="D1540" s="18">
        <v>11</v>
      </c>
      <c r="E1540" s="1" t="s">
        <v>2359</v>
      </c>
      <c r="F1540" s="1" t="s">
        <v>8720</v>
      </c>
      <c r="G1540" s="1" t="s">
        <v>8721</v>
      </c>
      <c r="H1540" s="1" t="s">
        <v>8325</v>
      </c>
      <c r="I1540" s="1" t="s">
        <v>8722</v>
      </c>
      <c r="K1540" s="1" t="s">
        <v>1334</v>
      </c>
      <c r="L1540" s="1" t="s">
        <v>4971</v>
      </c>
    </row>
    <row r="1541" spans="1:12" x14ac:dyDescent="0.25">
      <c r="A1541" s="1" t="s">
        <v>8723</v>
      </c>
      <c r="B1541" s="1" t="s">
        <v>8256</v>
      </c>
      <c r="C1541" s="1" t="s">
        <v>1843</v>
      </c>
      <c r="D1541" s="18">
        <v>12</v>
      </c>
      <c r="E1541" s="1" t="s">
        <v>2365</v>
      </c>
      <c r="F1541" s="1" t="s">
        <v>8724</v>
      </c>
      <c r="G1541" s="1" t="s">
        <v>8725</v>
      </c>
      <c r="H1541" s="1" t="s">
        <v>8263</v>
      </c>
      <c r="I1541" s="1" t="s">
        <v>8726</v>
      </c>
      <c r="K1541" s="1" t="s">
        <v>1366</v>
      </c>
      <c r="L1541" s="1" t="s">
        <v>4951</v>
      </c>
    </row>
    <row r="1542" spans="1:12" x14ac:dyDescent="0.25">
      <c r="A1542" s="1" t="s">
        <v>8727</v>
      </c>
      <c r="B1542" s="1" t="s">
        <v>8256</v>
      </c>
      <c r="C1542" s="1" t="s">
        <v>1843</v>
      </c>
      <c r="D1542" s="18">
        <v>13</v>
      </c>
      <c r="E1542" s="1" t="s">
        <v>2371</v>
      </c>
      <c r="F1542" s="1" t="s">
        <v>8728</v>
      </c>
      <c r="G1542" s="1" t="s">
        <v>8729</v>
      </c>
      <c r="H1542" s="1" t="s">
        <v>8730</v>
      </c>
      <c r="I1542" s="1" t="s">
        <v>8731</v>
      </c>
      <c r="K1542" s="1" t="s">
        <v>1334</v>
      </c>
      <c r="L1542" s="1" t="s">
        <v>4946</v>
      </c>
    </row>
    <row r="1543" spans="1:12" x14ac:dyDescent="0.25">
      <c r="A1543" s="1" t="s">
        <v>8732</v>
      </c>
      <c r="B1543" s="1" t="s">
        <v>8256</v>
      </c>
      <c r="C1543" s="1" t="s">
        <v>1843</v>
      </c>
      <c r="D1543" s="18">
        <v>14</v>
      </c>
      <c r="E1543" s="1" t="s">
        <v>2377</v>
      </c>
      <c r="F1543" s="1" t="s">
        <v>8733</v>
      </c>
      <c r="G1543" s="1" t="s">
        <v>8734</v>
      </c>
      <c r="H1543" s="1" t="s">
        <v>8735</v>
      </c>
      <c r="I1543" s="1" t="s">
        <v>8736</v>
      </c>
      <c r="K1543" s="1" t="s">
        <v>1366</v>
      </c>
      <c r="L1543" s="1" t="s">
        <v>4946</v>
      </c>
    </row>
    <row r="1544" spans="1:12" x14ac:dyDescent="0.25">
      <c r="A1544" s="1" t="s">
        <v>8737</v>
      </c>
      <c r="B1544" s="1" t="s">
        <v>8256</v>
      </c>
      <c r="C1544" s="1" t="s">
        <v>1843</v>
      </c>
      <c r="D1544" s="18">
        <v>15</v>
      </c>
      <c r="E1544" s="1" t="s">
        <v>2383</v>
      </c>
      <c r="F1544" s="1" t="s">
        <v>8738</v>
      </c>
      <c r="G1544" s="1" t="s">
        <v>8739</v>
      </c>
      <c r="H1544" s="1" t="s">
        <v>8740</v>
      </c>
      <c r="I1544" s="1" t="s">
        <v>8741</v>
      </c>
      <c r="K1544" s="1" t="s">
        <v>1366</v>
      </c>
      <c r="L1544" s="1" t="s">
        <v>4951</v>
      </c>
    </row>
    <row r="1545" spans="1:12" x14ac:dyDescent="0.25">
      <c r="A1545" s="1" t="s">
        <v>8742</v>
      </c>
      <c r="B1545" s="1" t="s">
        <v>8256</v>
      </c>
      <c r="C1545" s="1" t="s">
        <v>1843</v>
      </c>
      <c r="D1545" s="18">
        <v>16</v>
      </c>
      <c r="E1545" s="1" t="s">
        <v>2389</v>
      </c>
      <c r="F1545" s="1" t="s">
        <v>8743</v>
      </c>
      <c r="G1545" s="1" t="s">
        <v>8744</v>
      </c>
      <c r="H1545" s="1" t="s">
        <v>8745</v>
      </c>
      <c r="I1545" s="1" t="s">
        <v>8746</v>
      </c>
      <c r="K1545" s="1" t="s">
        <v>1366</v>
      </c>
      <c r="L1545" s="1" t="s">
        <v>4971</v>
      </c>
    </row>
    <row r="1546" spans="1:12" x14ac:dyDescent="0.25">
      <c r="A1546" s="1" t="s">
        <v>8747</v>
      </c>
      <c r="B1546" s="1" t="s">
        <v>8256</v>
      </c>
      <c r="C1546" s="1" t="s">
        <v>1843</v>
      </c>
      <c r="D1546" s="18">
        <v>17</v>
      </c>
      <c r="E1546" s="1" t="s">
        <v>2395</v>
      </c>
      <c r="F1546" s="1" t="s">
        <v>8748</v>
      </c>
      <c r="G1546" s="1" t="s">
        <v>8749</v>
      </c>
      <c r="H1546" s="1" t="s">
        <v>8429</v>
      </c>
      <c r="I1546" s="1" t="s">
        <v>8750</v>
      </c>
      <c r="K1546" s="1" t="s">
        <v>1334</v>
      </c>
      <c r="L1546" s="1" t="s">
        <v>4940</v>
      </c>
    </row>
    <row r="1547" spans="1:12" x14ac:dyDescent="0.25">
      <c r="A1547" s="1" t="s">
        <v>8751</v>
      </c>
      <c r="B1547" s="1" t="s">
        <v>8256</v>
      </c>
      <c r="C1547" s="1" t="s">
        <v>1843</v>
      </c>
      <c r="D1547" s="18">
        <v>18</v>
      </c>
      <c r="E1547" s="1" t="s">
        <v>2401</v>
      </c>
      <c r="F1547" s="1" t="s">
        <v>8752</v>
      </c>
      <c r="G1547" s="1" t="s">
        <v>8753</v>
      </c>
      <c r="H1547" s="1" t="s">
        <v>8754</v>
      </c>
      <c r="I1547" s="1" t="s">
        <v>8755</v>
      </c>
      <c r="K1547" s="1" t="s">
        <v>1366</v>
      </c>
      <c r="L1547" s="1" t="s">
        <v>4940</v>
      </c>
    </row>
    <row r="1548" spans="1:12" x14ac:dyDescent="0.25">
      <c r="A1548" s="1" t="s">
        <v>8756</v>
      </c>
      <c r="B1548" s="1" t="s">
        <v>8256</v>
      </c>
      <c r="C1548" s="1" t="s">
        <v>1843</v>
      </c>
      <c r="D1548" s="18">
        <v>19</v>
      </c>
      <c r="E1548" s="1" t="s">
        <v>2407</v>
      </c>
      <c r="F1548" s="1" t="s">
        <v>8757</v>
      </c>
      <c r="G1548" s="1" t="s">
        <v>8758</v>
      </c>
      <c r="H1548" s="1" t="s">
        <v>8759</v>
      </c>
      <c r="I1548" s="1" t="s">
        <v>8760</v>
      </c>
      <c r="K1548" s="1" t="s">
        <v>1334</v>
      </c>
      <c r="L1548" s="1" t="s">
        <v>4946</v>
      </c>
    </row>
    <row r="1549" spans="1:12" x14ac:dyDescent="0.25">
      <c r="A1549" s="1" t="s">
        <v>825</v>
      </c>
      <c r="B1549" s="1" t="s">
        <v>8256</v>
      </c>
      <c r="C1549" s="1" t="s">
        <v>1843</v>
      </c>
      <c r="D1549" s="18">
        <v>20</v>
      </c>
      <c r="E1549" s="1" t="s">
        <v>2413</v>
      </c>
      <c r="F1549" s="1" t="s">
        <v>8761</v>
      </c>
      <c r="G1549" s="1" t="s">
        <v>8762</v>
      </c>
      <c r="H1549" s="1" t="s">
        <v>8763</v>
      </c>
      <c r="I1549" s="1" t="s">
        <v>3313</v>
      </c>
      <c r="K1549" s="1" t="s">
        <v>1366</v>
      </c>
      <c r="L1549" s="1" t="s">
        <v>4971</v>
      </c>
    </row>
    <row r="1550" spans="1:12" x14ac:dyDescent="0.25">
      <c r="A1550" s="1" t="s">
        <v>909</v>
      </c>
      <c r="B1550" s="1" t="s">
        <v>8256</v>
      </c>
      <c r="C1550" s="1" t="s">
        <v>1843</v>
      </c>
      <c r="D1550" s="18">
        <v>21</v>
      </c>
      <c r="E1550" s="1" t="s">
        <v>2419</v>
      </c>
      <c r="F1550" s="1" t="s">
        <v>8764</v>
      </c>
      <c r="G1550" s="1" t="s">
        <v>8765</v>
      </c>
      <c r="H1550" s="1" t="s">
        <v>8766</v>
      </c>
      <c r="I1550" s="1" t="s">
        <v>8767</v>
      </c>
      <c r="K1550" s="1" t="s">
        <v>1334</v>
      </c>
      <c r="L1550" s="1" t="s">
        <v>4951</v>
      </c>
    </row>
    <row r="1551" spans="1:12" x14ac:dyDescent="0.25">
      <c r="A1551" s="1" t="s">
        <v>8768</v>
      </c>
      <c r="B1551" s="1" t="s">
        <v>8256</v>
      </c>
      <c r="C1551" s="1" t="s">
        <v>1843</v>
      </c>
      <c r="D1551" s="18">
        <v>22</v>
      </c>
      <c r="E1551" s="1" t="s">
        <v>2425</v>
      </c>
      <c r="F1551" s="1" t="s">
        <v>8769</v>
      </c>
      <c r="G1551" s="1" t="s">
        <v>8770</v>
      </c>
      <c r="H1551" s="1" t="s">
        <v>8688</v>
      </c>
      <c r="I1551" s="1" t="s">
        <v>8771</v>
      </c>
      <c r="K1551" s="1" t="s">
        <v>1334</v>
      </c>
      <c r="L1551" s="1" t="s">
        <v>4946</v>
      </c>
    </row>
    <row r="1552" spans="1:12" x14ac:dyDescent="0.25">
      <c r="A1552" s="1" t="s">
        <v>8772</v>
      </c>
      <c r="B1552" s="1" t="s">
        <v>8256</v>
      </c>
      <c r="C1552" s="1" t="s">
        <v>1843</v>
      </c>
      <c r="D1552" s="18">
        <v>23</v>
      </c>
      <c r="E1552" s="1" t="s">
        <v>2431</v>
      </c>
      <c r="F1552" s="1" t="s">
        <v>8773</v>
      </c>
      <c r="G1552" s="1" t="s">
        <v>8774</v>
      </c>
      <c r="H1552" s="1" t="s">
        <v>8612</v>
      </c>
      <c r="I1552" s="1" t="s">
        <v>8775</v>
      </c>
      <c r="K1552" s="1" t="s">
        <v>1366</v>
      </c>
      <c r="L1552" s="1" t="s">
        <v>4951</v>
      </c>
    </row>
    <row r="1553" spans="1:12" x14ac:dyDescent="0.25">
      <c r="A1553" s="1" t="s">
        <v>8776</v>
      </c>
      <c r="B1553" s="1" t="s">
        <v>8256</v>
      </c>
      <c r="C1553" s="1" t="s">
        <v>1843</v>
      </c>
      <c r="D1553" s="18">
        <v>24</v>
      </c>
      <c r="E1553" s="1" t="s">
        <v>2437</v>
      </c>
      <c r="F1553" s="1" t="s">
        <v>8777</v>
      </c>
      <c r="G1553" s="1" t="s">
        <v>8778</v>
      </c>
      <c r="H1553" s="1" t="s">
        <v>8779</v>
      </c>
      <c r="I1553" s="1" t="s">
        <v>8780</v>
      </c>
      <c r="K1553" s="1" t="s">
        <v>1334</v>
      </c>
      <c r="L1553" s="1" t="s">
        <v>4951</v>
      </c>
    </row>
    <row r="1554" spans="1:12" x14ac:dyDescent="0.25">
      <c r="A1554" s="1" t="s">
        <v>8781</v>
      </c>
      <c r="B1554" s="1" t="s">
        <v>8256</v>
      </c>
      <c r="C1554" s="1" t="s">
        <v>1843</v>
      </c>
      <c r="D1554" s="18">
        <v>25</v>
      </c>
      <c r="E1554" s="1" t="s">
        <v>2442</v>
      </c>
      <c r="F1554" s="1" t="s">
        <v>8782</v>
      </c>
      <c r="G1554" s="1" t="s">
        <v>8783</v>
      </c>
      <c r="H1554" s="1" t="s">
        <v>8678</v>
      </c>
      <c r="I1554" s="1" t="s">
        <v>8784</v>
      </c>
      <c r="K1554" s="1" t="s">
        <v>1366</v>
      </c>
      <c r="L1554" s="1" t="s">
        <v>4940</v>
      </c>
    </row>
    <row r="1555" spans="1:12" x14ac:dyDescent="0.25">
      <c r="A1555" s="1" t="s">
        <v>8785</v>
      </c>
      <c r="B1555" s="1" t="s">
        <v>8256</v>
      </c>
      <c r="C1555" s="1" t="s">
        <v>1843</v>
      </c>
      <c r="D1555" s="18">
        <v>26</v>
      </c>
      <c r="E1555" s="1" t="s">
        <v>2448</v>
      </c>
      <c r="F1555" s="1" t="s">
        <v>8786</v>
      </c>
      <c r="G1555" s="1" t="s">
        <v>8787</v>
      </c>
      <c r="H1555" s="1" t="s">
        <v>8573</v>
      </c>
      <c r="I1555" s="1" t="s">
        <v>8788</v>
      </c>
      <c r="K1555" s="1" t="s">
        <v>1366</v>
      </c>
      <c r="L1555" s="1" t="s">
        <v>4946</v>
      </c>
    </row>
    <row r="1556" spans="1:12" x14ac:dyDescent="0.25">
      <c r="A1556" s="1" t="s">
        <v>116</v>
      </c>
      <c r="B1556" s="1" t="s">
        <v>8256</v>
      </c>
      <c r="C1556" s="1" t="s">
        <v>1843</v>
      </c>
      <c r="D1556" s="18">
        <v>27</v>
      </c>
      <c r="E1556" s="1" t="s">
        <v>2454</v>
      </c>
      <c r="F1556" s="1" t="s">
        <v>8789</v>
      </c>
      <c r="G1556" s="1" t="s">
        <v>8790</v>
      </c>
      <c r="H1556" s="1" t="s">
        <v>8791</v>
      </c>
      <c r="I1556" s="1" t="s">
        <v>8792</v>
      </c>
      <c r="K1556" s="1" t="s">
        <v>1334</v>
      </c>
      <c r="L1556" s="1" t="s">
        <v>4946</v>
      </c>
    </row>
    <row r="1557" spans="1:12" x14ac:dyDescent="0.25">
      <c r="A1557" s="1" t="s">
        <v>8793</v>
      </c>
      <c r="B1557" s="1" t="s">
        <v>8256</v>
      </c>
      <c r="C1557" s="1" t="s">
        <v>1843</v>
      </c>
      <c r="D1557" s="18">
        <v>28</v>
      </c>
      <c r="E1557" s="1" t="s">
        <v>2460</v>
      </c>
      <c r="F1557" s="1" t="s">
        <v>8794</v>
      </c>
      <c r="G1557" s="1" t="s">
        <v>8795</v>
      </c>
      <c r="H1557" s="1" t="s">
        <v>8796</v>
      </c>
      <c r="I1557" s="1" t="s">
        <v>8797</v>
      </c>
      <c r="K1557" s="1" t="s">
        <v>1366</v>
      </c>
      <c r="L1557" s="1" t="s">
        <v>4940</v>
      </c>
    </row>
    <row r="1558" spans="1:12" x14ac:dyDescent="0.25">
      <c r="A1558" s="1" t="s">
        <v>8798</v>
      </c>
      <c r="B1558" s="1" t="s">
        <v>8256</v>
      </c>
      <c r="C1558" s="1" t="s">
        <v>1843</v>
      </c>
      <c r="D1558" s="18">
        <v>29</v>
      </c>
      <c r="E1558" s="1" t="s">
        <v>2466</v>
      </c>
      <c r="F1558" s="1" t="s">
        <v>8799</v>
      </c>
      <c r="G1558" s="1" t="s">
        <v>8800</v>
      </c>
      <c r="H1558" s="1" t="s">
        <v>8355</v>
      </c>
      <c r="I1558" s="1" t="s">
        <v>8801</v>
      </c>
      <c r="K1558" s="1" t="s">
        <v>1366</v>
      </c>
      <c r="L1558" s="1" t="s">
        <v>4940</v>
      </c>
    </row>
    <row r="1559" spans="1:12" x14ac:dyDescent="0.25">
      <c r="A1559" s="1" t="s">
        <v>1165</v>
      </c>
      <c r="B1559" s="1" t="s">
        <v>8256</v>
      </c>
      <c r="C1559" s="1" t="s">
        <v>1843</v>
      </c>
      <c r="D1559" s="18">
        <v>30</v>
      </c>
      <c r="E1559" s="1" t="s">
        <v>2472</v>
      </c>
      <c r="F1559" s="1" t="s">
        <v>8802</v>
      </c>
      <c r="G1559" s="1" t="s">
        <v>8803</v>
      </c>
      <c r="H1559" s="1" t="s">
        <v>8804</v>
      </c>
      <c r="I1559" s="1" t="s">
        <v>8805</v>
      </c>
      <c r="K1559" s="1" t="s">
        <v>1334</v>
      </c>
      <c r="L1559" s="1" t="s">
        <v>4951</v>
      </c>
    </row>
    <row r="1560" spans="1:12" x14ac:dyDescent="0.25">
      <c r="A1560" s="1" t="s">
        <v>8806</v>
      </c>
      <c r="B1560" s="1" t="s">
        <v>8807</v>
      </c>
      <c r="C1560" s="1" t="s">
        <v>1328</v>
      </c>
      <c r="D1560" s="18">
        <v>1</v>
      </c>
      <c r="E1560" s="1" t="s">
        <v>1329</v>
      </c>
      <c r="F1560" s="1" t="s">
        <v>8808</v>
      </c>
      <c r="G1560" s="1" t="s">
        <v>8809</v>
      </c>
      <c r="H1560" s="1" t="s">
        <v>8810</v>
      </c>
      <c r="I1560" s="1" t="s">
        <v>8811</v>
      </c>
      <c r="K1560" s="1" t="s">
        <v>1334</v>
      </c>
      <c r="L1560" s="1" t="s">
        <v>4946</v>
      </c>
    </row>
    <row r="1561" spans="1:12" x14ac:dyDescent="0.25">
      <c r="A1561" s="1" t="s">
        <v>819</v>
      </c>
      <c r="B1561" s="1" t="s">
        <v>8807</v>
      </c>
      <c r="C1561" s="1" t="s">
        <v>1328</v>
      </c>
      <c r="D1561" s="18">
        <v>2</v>
      </c>
      <c r="E1561" s="1" t="s">
        <v>1337</v>
      </c>
      <c r="F1561" s="1" t="s">
        <v>8812</v>
      </c>
      <c r="G1561" s="1" t="s">
        <v>8813</v>
      </c>
      <c r="H1561" s="1" t="s">
        <v>8814</v>
      </c>
      <c r="I1561" s="1" t="s">
        <v>8815</v>
      </c>
      <c r="K1561" s="1" t="s">
        <v>1366</v>
      </c>
      <c r="L1561" s="1" t="s">
        <v>4971</v>
      </c>
    </row>
    <row r="1562" spans="1:12" x14ac:dyDescent="0.25">
      <c r="A1562" s="1" t="s">
        <v>8816</v>
      </c>
      <c r="B1562" s="1" t="s">
        <v>8807</v>
      </c>
      <c r="C1562" s="1" t="s">
        <v>1328</v>
      </c>
      <c r="D1562" s="18">
        <v>3</v>
      </c>
      <c r="E1562" s="1" t="s">
        <v>1343</v>
      </c>
      <c r="F1562" s="1" t="s">
        <v>8817</v>
      </c>
      <c r="G1562" s="1" t="s">
        <v>8818</v>
      </c>
      <c r="H1562" s="1" t="s">
        <v>8819</v>
      </c>
      <c r="I1562" s="1" t="s">
        <v>8820</v>
      </c>
      <c r="K1562" s="1" t="s">
        <v>1334</v>
      </c>
      <c r="L1562" s="1" t="s">
        <v>4971</v>
      </c>
    </row>
    <row r="1563" spans="1:12" x14ac:dyDescent="0.25">
      <c r="A1563" s="1" t="s">
        <v>8821</v>
      </c>
      <c r="B1563" s="1" t="s">
        <v>8807</v>
      </c>
      <c r="C1563" s="1" t="s">
        <v>1328</v>
      </c>
      <c r="D1563" s="18">
        <v>4</v>
      </c>
      <c r="E1563" s="1" t="s">
        <v>1349</v>
      </c>
      <c r="F1563" s="1" t="s">
        <v>8822</v>
      </c>
      <c r="G1563" s="1" t="s">
        <v>8823</v>
      </c>
      <c r="H1563" s="1" t="s">
        <v>8824</v>
      </c>
      <c r="I1563" s="1" t="s">
        <v>8825</v>
      </c>
      <c r="K1563" s="1" t="s">
        <v>1334</v>
      </c>
      <c r="L1563" s="1" t="s">
        <v>4951</v>
      </c>
    </row>
    <row r="1564" spans="1:12" x14ac:dyDescent="0.25">
      <c r="A1564" s="1" t="s">
        <v>907</v>
      </c>
      <c r="B1564" s="1" t="s">
        <v>8807</v>
      </c>
      <c r="C1564" s="1" t="s">
        <v>1328</v>
      </c>
      <c r="D1564" s="18">
        <v>5</v>
      </c>
      <c r="E1564" s="1" t="s">
        <v>1355</v>
      </c>
      <c r="F1564" s="1" t="s">
        <v>8826</v>
      </c>
      <c r="G1564" s="1" t="s">
        <v>8827</v>
      </c>
      <c r="H1564" s="1" t="s">
        <v>8828</v>
      </c>
      <c r="I1564" s="1" t="s">
        <v>8829</v>
      </c>
      <c r="K1564" s="1" t="s">
        <v>1334</v>
      </c>
      <c r="L1564" s="1" t="s">
        <v>4971</v>
      </c>
    </row>
    <row r="1565" spans="1:12" x14ac:dyDescent="0.25">
      <c r="A1565" s="1" t="s">
        <v>8830</v>
      </c>
      <c r="B1565" s="1" t="s">
        <v>8807</v>
      </c>
      <c r="C1565" s="1" t="s">
        <v>1328</v>
      </c>
      <c r="D1565" s="18">
        <v>6</v>
      </c>
      <c r="E1565" s="1" t="s">
        <v>1361</v>
      </c>
      <c r="F1565" s="1" t="s">
        <v>8831</v>
      </c>
      <c r="G1565" s="1" t="s">
        <v>8832</v>
      </c>
      <c r="H1565" s="1" t="s">
        <v>8621</v>
      </c>
      <c r="I1565" s="1" t="s">
        <v>8833</v>
      </c>
      <c r="K1565" s="1" t="s">
        <v>1366</v>
      </c>
      <c r="L1565" s="1" t="s">
        <v>4951</v>
      </c>
    </row>
    <row r="1566" spans="1:12" x14ac:dyDescent="0.25">
      <c r="A1566" s="1" t="s">
        <v>603</v>
      </c>
      <c r="B1566" s="1" t="s">
        <v>8807</v>
      </c>
      <c r="C1566" s="1" t="s">
        <v>1328</v>
      </c>
      <c r="D1566" s="18">
        <v>7</v>
      </c>
      <c r="E1566" s="1" t="s">
        <v>1368</v>
      </c>
      <c r="F1566" s="1" t="s">
        <v>8834</v>
      </c>
      <c r="G1566" s="1" t="s">
        <v>8835</v>
      </c>
      <c r="H1566" s="1" t="s">
        <v>8836</v>
      </c>
      <c r="I1566" s="1" t="s">
        <v>8837</v>
      </c>
      <c r="K1566" s="1" t="s">
        <v>1334</v>
      </c>
      <c r="L1566" s="1" t="s">
        <v>4946</v>
      </c>
    </row>
    <row r="1567" spans="1:12" x14ac:dyDescent="0.25">
      <c r="A1567" s="1" t="s">
        <v>8838</v>
      </c>
      <c r="B1567" s="1" t="s">
        <v>8807</v>
      </c>
      <c r="C1567" s="1" t="s">
        <v>1328</v>
      </c>
      <c r="D1567" s="18">
        <v>8</v>
      </c>
      <c r="E1567" s="1" t="s">
        <v>1374</v>
      </c>
      <c r="F1567" s="1" t="s">
        <v>8839</v>
      </c>
      <c r="G1567" s="1" t="s">
        <v>8840</v>
      </c>
      <c r="H1567" s="1" t="s">
        <v>8841</v>
      </c>
      <c r="I1567" s="1" t="s">
        <v>8842</v>
      </c>
      <c r="K1567" s="1" t="s">
        <v>1334</v>
      </c>
      <c r="L1567" s="1" t="s">
        <v>4940</v>
      </c>
    </row>
    <row r="1568" spans="1:12" x14ac:dyDescent="0.25">
      <c r="A1568" s="1" t="s">
        <v>8843</v>
      </c>
      <c r="B1568" s="1" t="s">
        <v>8807</v>
      </c>
      <c r="C1568" s="1" t="s">
        <v>1328</v>
      </c>
      <c r="D1568" s="18">
        <v>9</v>
      </c>
      <c r="E1568" s="1" t="s">
        <v>1380</v>
      </c>
      <c r="F1568" s="1" t="s">
        <v>8844</v>
      </c>
      <c r="G1568" s="1" t="s">
        <v>8845</v>
      </c>
      <c r="H1568" s="1" t="s">
        <v>8846</v>
      </c>
      <c r="I1568" s="1" t="s">
        <v>8847</v>
      </c>
      <c r="K1568" s="1" t="s">
        <v>1334</v>
      </c>
      <c r="L1568" s="1" t="s">
        <v>4951</v>
      </c>
    </row>
    <row r="1569" spans="1:12" x14ac:dyDescent="0.25">
      <c r="A1569" s="1" t="s">
        <v>604</v>
      </c>
      <c r="B1569" s="1" t="s">
        <v>8807</v>
      </c>
      <c r="C1569" s="1" t="s">
        <v>1328</v>
      </c>
      <c r="D1569" s="18">
        <v>10</v>
      </c>
      <c r="E1569" s="1" t="s">
        <v>1386</v>
      </c>
      <c r="F1569" s="1" t="s">
        <v>8848</v>
      </c>
      <c r="G1569" s="1" t="s">
        <v>8849</v>
      </c>
      <c r="H1569" s="1" t="s">
        <v>8850</v>
      </c>
      <c r="I1569" s="1" t="s">
        <v>8851</v>
      </c>
      <c r="K1569" s="1" t="s">
        <v>1366</v>
      </c>
      <c r="L1569" s="1" t="s">
        <v>4940</v>
      </c>
    </row>
    <row r="1570" spans="1:12" x14ac:dyDescent="0.25">
      <c r="A1570" s="1" t="s">
        <v>8852</v>
      </c>
      <c r="B1570" s="1" t="s">
        <v>8807</v>
      </c>
      <c r="C1570" s="1" t="s">
        <v>1328</v>
      </c>
      <c r="D1570" s="18">
        <v>11</v>
      </c>
      <c r="E1570" s="1" t="s">
        <v>1392</v>
      </c>
      <c r="F1570" s="1" t="s">
        <v>8853</v>
      </c>
      <c r="G1570" s="1" t="s">
        <v>8854</v>
      </c>
      <c r="H1570" s="1" t="s">
        <v>8607</v>
      </c>
      <c r="I1570" s="1" t="s">
        <v>8855</v>
      </c>
      <c r="K1570" s="1" t="s">
        <v>1366</v>
      </c>
      <c r="L1570" s="1" t="s">
        <v>4946</v>
      </c>
    </row>
    <row r="1571" spans="1:12" x14ac:dyDescent="0.25">
      <c r="A1571" s="1" t="s">
        <v>605</v>
      </c>
      <c r="B1571" s="1" t="s">
        <v>8807</v>
      </c>
      <c r="C1571" s="1" t="s">
        <v>1328</v>
      </c>
      <c r="D1571" s="18">
        <v>12</v>
      </c>
      <c r="E1571" s="1" t="s">
        <v>1398</v>
      </c>
      <c r="F1571" s="1" t="s">
        <v>8856</v>
      </c>
      <c r="G1571" s="1" t="s">
        <v>8857</v>
      </c>
      <c r="H1571" s="1" t="s">
        <v>8858</v>
      </c>
      <c r="I1571" s="1" t="s">
        <v>8859</v>
      </c>
      <c r="K1571" s="1" t="s">
        <v>1334</v>
      </c>
      <c r="L1571" s="1" t="s">
        <v>4940</v>
      </c>
    </row>
    <row r="1572" spans="1:12" x14ac:dyDescent="0.25">
      <c r="A1572" s="1" t="s">
        <v>8860</v>
      </c>
      <c r="B1572" s="1" t="s">
        <v>8807</v>
      </c>
      <c r="C1572" s="1" t="s">
        <v>1328</v>
      </c>
      <c r="D1572" s="18">
        <v>13</v>
      </c>
      <c r="E1572" s="1" t="s">
        <v>1404</v>
      </c>
      <c r="F1572" s="1" t="s">
        <v>8861</v>
      </c>
      <c r="G1572" s="1" t="s">
        <v>8862</v>
      </c>
      <c r="H1572" s="1" t="s">
        <v>8863</v>
      </c>
      <c r="I1572" s="1" t="s">
        <v>8864</v>
      </c>
      <c r="J1572" s="14" t="s">
        <v>5052</v>
      </c>
      <c r="K1572" s="1" t="s">
        <v>1366</v>
      </c>
      <c r="L1572" s="1" t="s">
        <v>4951</v>
      </c>
    </row>
    <row r="1573" spans="1:12" x14ac:dyDescent="0.25">
      <c r="A1573" s="1" t="s">
        <v>8865</v>
      </c>
      <c r="B1573" s="1" t="s">
        <v>8807</v>
      </c>
      <c r="C1573" s="1" t="s">
        <v>1328</v>
      </c>
      <c r="D1573" s="18">
        <v>14</v>
      </c>
      <c r="E1573" s="1" t="s">
        <v>1410</v>
      </c>
      <c r="F1573" s="1" t="s">
        <v>8866</v>
      </c>
      <c r="G1573" s="1" t="s">
        <v>8867</v>
      </c>
      <c r="H1573" s="1" t="s">
        <v>8868</v>
      </c>
      <c r="I1573" s="1" t="s">
        <v>8869</v>
      </c>
      <c r="K1573" s="1" t="s">
        <v>1334</v>
      </c>
      <c r="L1573" s="1" t="s">
        <v>4971</v>
      </c>
    </row>
    <row r="1574" spans="1:12" x14ac:dyDescent="0.25">
      <c r="A1574" s="1" t="s">
        <v>927</v>
      </c>
      <c r="B1574" s="1" t="s">
        <v>8807</v>
      </c>
      <c r="C1574" s="1" t="s">
        <v>1328</v>
      </c>
      <c r="D1574" s="18">
        <v>15</v>
      </c>
      <c r="E1574" s="1" t="s">
        <v>1416</v>
      </c>
      <c r="F1574" s="1" t="s">
        <v>8870</v>
      </c>
      <c r="G1574" s="1" t="s">
        <v>8871</v>
      </c>
      <c r="H1574" s="1" t="s">
        <v>8872</v>
      </c>
      <c r="I1574" s="1" t="s">
        <v>8873</v>
      </c>
      <c r="K1574" s="1" t="s">
        <v>1366</v>
      </c>
      <c r="L1574" s="1" t="s">
        <v>4946</v>
      </c>
    </row>
    <row r="1575" spans="1:12" x14ac:dyDescent="0.25">
      <c r="A1575" s="1" t="s">
        <v>8874</v>
      </c>
      <c r="B1575" s="1" t="s">
        <v>8807</v>
      </c>
      <c r="C1575" s="1" t="s">
        <v>1328</v>
      </c>
      <c r="D1575" s="18">
        <v>16</v>
      </c>
      <c r="E1575" s="1" t="s">
        <v>1422</v>
      </c>
      <c r="F1575" s="1" t="s">
        <v>8875</v>
      </c>
      <c r="G1575" s="1" t="s">
        <v>8876</v>
      </c>
      <c r="H1575" s="1" t="s">
        <v>8877</v>
      </c>
      <c r="I1575" s="1" t="s">
        <v>8878</v>
      </c>
      <c r="K1575" s="1" t="s">
        <v>1334</v>
      </c>
      <c r="L1575" s="1" t="s">
        <v>4940</v>
      </c>
    </row>
    <row r="1576" spans="1:12" x14ac:dyDescent="0.25">
      <c r="A1576" s="1" t="s">
        <v>8879</v>
      </c>
      <c r="B1576" s="1" t="s">
        <v>8807</v>
      </c>
      <c r="C1576" s="1" t="s">
        <v>1328</v>
      </c>
      <c r="D1576" s="18">
        <v>17</v>
      </c>
      <c r="E1576" s="1" t="s">
        <v>1428</v>
      </c>
      <c r="F1576" s="1" t="s">
        <v>8880</v>
      </c>
      <c r="G1576" s="1" t="s">
        <v>8881</v>
      </c>
      <c r="H1576" s="1" t="s">
        <v>8882</v>
      </c>
      <c r="I1576" s="1" t="s">
        <v>8883</v>
      </c>
      <c r="K1576" s="1" t="s">
        <v>1366</v>
      </c>
      <c r="L1576" s="1" t="s">
        <v>4971</v>
      </c>
    </row>
    <row r="1577" spans="1:12" x14ac:dyDescent="0.25">
      <c r="A1577" s="1" t="s">
        <v>928</v>
      </c>
      <c r="B1577" s="1" t="s">
        <v>8807</v>
      </c>
      <c r="C1577" s="1" t="s">
        <v>1328</v>
      </c>
      <c r="D1577" s="18">
        <v>18</v>
      </c>
      <c r="E1577" s="1" t="s">
        <v>1434</v>
      </c>
      <c r="F1577" s="1" t="s">
        <v>8884</v>
      </c>
      <c r="G1577" s="1" t="s">
        <v>8885</v>
      </c>
      <c r="H1577" s="1" t="s">
        <v>8886</v>
      </c>
      <c r="I1577" s="1" t="s">
        <v>8887</v>
      </c>
      <c r="K1577" s="1" t="s">
        <v>1366</v>
      </c>
      <c r="L1577" s="1" t="s">
        <v>4971</v>
      </c>
    </row>
    <row r="1578" spans="1:12" x14ac:dyDescent="0.25">
      <c r="A1578" s="1" t="s">
        <v>8888</v>
      </c>
      <c r="B1578" s="1" t="s">
        <v>8807</v>
      </c>
      <c r="C1578" s="1" t="s">
        <v>1328</v>
      </c>
      <c r="D1578" s="18">
        <v>19</v>
      </c>
      <c r="E1578" s="1" t="s">
        <v>1440</v>
      </c>
      <c r="F1578" s="1" t="s">
        <v>8889</v>
      </c>
      <c r="G1578" s="1" t="s">
        <v>8890</v>
      </c>
      <c r="H1578" s="1" t="s">
        <v>8891</v>
      </c>
      <c r="I1578" s="1" t="s">
        <v>8892</v>
      </c>
      <c r="K1578" s="1" t="s">
        <v>1366</v>
      </c>
      <c r="L1578" s="1" t="s">
        <v>4971</v>
      </c>
    </row>
    <row r="1579" spans="1:12" x14ac:dyDescent="0.25">
      <c r="A1579" s="1" t="s">
        <v>8893</v>
      </c>
      <c r="B1579" s="1" t="s">
        <v>8807</v>
      </c>
      <c r="C1579" s="1" t="s">
        <v>1328</v>
      </c>
      <c r="D1579" s="18">
        <v>20</v>
      </c>
      <c r="E1579" s="1" t="s">
        <v>1446</v>
      </c>
      <c r="F1579" s="1" t="s">
        <v>8894</v>
      </c>
      <c r="G1579" s="1" t="s">
        <v>8895</v>
      </c>
      <c r="H1579" s="1" t="s">
        <v>8896</v>
      </c>
      <c r="I1579" s="1" t="s">
        <v>8897</v>
      </c>
      <c r="K1579" s="1" t="s">
        <v>1334</v>
      </c>
      <c r="L1579" s="1" t="s">
        <v>4951</v>
      </c>
    </row>
    <row r="1580" spans="1:12" x14ac:dyDescent="0.25">
      <c r="A1580" s="1" t="s">
        <v>280</v>
      </c>
      <c r="B1580" s="1" t="s">
        <v>8807</v>
      </c>
      <c r="C1580" s="1" t="s">
        <v>1328</v>
      </c>
      <c r="D1580" s="18">
        <v>21</v>
      </c>
      <c r="E1580" s="1" t="s">
        <v>1452</v>
      </c>
      <c r="F1580" s="1" t="s">
        <v>8898</v>
      </c>
      <c r="G1580" s="1" t="s">
        <v>8899</v>
      </c>
      <c r="H1580" s="1" t="s">
        <v>8900</v>
      </c>
      <c r="I1580" s="1" t="s">
        <v>8901</v>
      </c>
      <c r="K1580" s="1" t="s">
        <v>1334</v>
      </c>
      <c r="L1580" s="1" t="s">
        <v>4971</v>
      </c>
    </row>
    <row r="1581" spans="1:12" x14ac:dyDescent="0.25">
      <c r="A1581" s="1" t="s">
        <v>8902</v>
      </c>
      <c r="B1581" s="1" t="s">
        <v>8807</v>
      </c>
      <c r="C1581" s="1" t="s">
        <v>1328</v>
      </c>
      <c r="D1581" s="18">
        <v>22</v>
      </c>
      <c r="E1581" s="1" t="s">
        <v>1458</v>
      </c>
      <c r="F1581" s="1" t="s">
        <v>8903</v>
      </c>
      <c r="G1581" s="1" t="s">
        <v>8904</v>
      </c>
      <c r="H1581" s="1" t="s">
        <v>8905</v>
      </c>
      <c r="I1581" s="1" t="s">
        <v>8906</v>
      </c>
      <c r="K1581" s="1" t="s">
        <v>1334</v>
      </c>
      <c r="L1581" s="1" t="s">
        <v>4946</v>
      </c>
    </row>
    <row r="1582" spans="1:12" x14ac:dyDescent="0.25">
      <c r="A1582" s="1" t="s">
        <v>929</v>
      </c>
      <c r="B1582" s="1" t="s">
        <v>8807</v>
      </c>
      <c r="C1582" s="1" t="s">
        <v>1328</v>
      </c>
      <c r="D1582" s="18">
        <v>23</v>
      </c>
      <c r="E1582" s="1" t="s">
        <v>1464</v>
      </c>
      <c r="F1582" s="1" t="s">
        <v>8907</v>
      </c>
      <c r="G1582" s="1" t="s">
        <v>8908</v>
      </c>
      <c r="H1582" s="1" t="s">
        <v>8850</v>
      </c>
      <c r="I1582" s="1" t="s">
        <v>8909</v>
      </c>
      <c r="K1582" s="1" t="s">
        <v>1334</v>
      </c>
      <c r="L1582" s="1" t="s">
        <v>4971</v>
      </c>
    </row>
    <row r="1583" spans="1:12" x14ac:dyDescent="0.25">
      <c r="A1583" s="1" t="s">
        <v>8910</v>
      </c>
      <c r="B1583" s="1" t="s">
        <v>8807</v>
      </c>
      <c r="C1583" s="1" t="s">
        <v>1328</v>
      </c>
      <c r="D1583" s="18">
        <v>24</v>
      </c>
      <c r="E1583" s="1" t="s">
        <v>1470</v>
      </c>
      <c r="F1583" s="1" t="s">
        <v>8911</v>
      </c>
      <c r="G1583" s="1" t="s">
        <v>8912</v>
      </c>
      <c r="H1583" s="1" t="s">
        <v>8913</v>
      </c>
      <c r="I1583" s="1" t="s">
        <v>8914</v>
      </c>
      <c r="K1583" s="1" t="s">
        <v>1366</v>
      </c>
      <c r="L1583" s="1" t="s">
        <v>4951</v>
      </c>
    </row>
    <row r="1584" spans="1:12" x14ac:dyDescent="0.25">
      <c r="A1584" s="1" t="s">
        <v>8915</v>
      </c>
      <c r="B1584" s="1" t="s">
        <v>8807</v>
      </c>
      <c r="C1584" s="1" t="s">
        <v>1328</v>
      </c>
      <c r="D1584" s="18">
        <v>25</v>
      </c>
      <c r="E1584" s="1" t="s">
        <v>1476</v>
      </c>
      <c r="F1584" s="1" t="s">
        <v>8916</v>
      </c>
      <c r="G1584" s="1" t="s">
        <v>8917</v>
      </c>
      <c r="H1584" s="1" t="s">
        <v>8918</v>
      </c>
      <c r="I1584" s="1" t="s">
        <v>8919</v>
      </c>
      <c r="K1584" s="1" t="s">
        <v>1334</v>
      </c>
      <c r="L1584" s="1" t="s">
        <v>4971</v>
      </c>
    </row>
    <row r="1585" spans="1:12" x14ac:dyDescent="0.25">
      <c r="A1585" s="1" t="s">
        <v>8920</v>
      </c>
      <c r="B1585" s="1" t="s">
        <v>8807</v>
      </c>
      <c r="C1585" s="1" t="s">
        <v>1328</v>
      </c>
      <c r="D1585" s="18">
        <v>26</v>
      </c>
      <c r="E1585" s="1" t="s">
        <v>1482</v>
      </c>
      <c r="F1585" s="1" t="s">
        <v>8921</v>
      </c>
      <c r="G1585" s="1" t="s">
        <v>8922</v>
      </c>
      <c r="H1585" s="1" t="s">
        <v>8828</v>
      </c>
      <c r="I1585" s="1" t="s">
        <v>8923</v>
      </c>
      <c r="K1585" s="1" t="s">
        <v>1334</v>
      </c>
      <c r="L1585" s="1" t="s">
        <v>4951</v>
      </c>
    </row>
    <row r="1586" spans="1:12" x14ac:dyDescent="0.25">
      <c r="A1586" s="1" t="s">
        <v>930</v>
      </c>
      <c r="B1586" s="1" t="s">
        <v>8807</v>
      </c>
      <c r="C1586" s="1" t="s">
        <v>1328</v>
      </c>
      <c r="D1586" s="18">
        <v>27</v>
      </c>
      <c r="E1586" s="1" t="s">
        <v>1488</v>
      </c>
      <c r="F1586" s="1" t="s">
        <v>8924</v>
      </c>
      <c r="G1586" s="1" t="s">
        <v>8925</v>
      </c>
      <c r="H1586" s="1" t="s">
        <v>8926</v>
      </c>
      <c r="I1586" s="1" t="s">
        <v>8927</v>
      </c>
      <c r="K1586" s="1" t="s">
        <v>1334</v>
      </c>
      <c r="L1586" s="1" t="s">
        <v>4946</v>
      </c>
    </row>
    <row r="1587" spans="1:12" x14ac:dyDescent="0.25">
      <c r="A1587" s="1" t="s">
        <v>820</v>
      </c>
      <c r="B1587" s="1" t="s">
        <v>8807</v>
      </c>
      <c r="C1587" s="1" t="s">
        <v>1328</v>
      </c>
      <c r="D1587" s="18">
        <v>28</v>
      </c>
      <c r="E1587" s="1" t="s">
        <v>1494</v>
      </c>
      <c r="F1587" s="1" t="s">
        <v>8928</v>
      </c>
      <c r="G1587" s="1" t="s">
        <v>8929</v>
      </c>
      <c r="H1587" s="1" t="s">
        <v>8930</v>
      </c>
      <c r="I1587" s="1" t="s">
        <v>8931</v>
      </c>
      <c r="K1587" s="1" t="s">
        <v>1334</v>
      </c>
      <c r="L1587" s="1" t="s">
        <v>4951</v>
      </c>
    </row>
    <row r="1588" spans="1:12" x14ac:dyDescent="0.25">
      <c r="A1588" s="1" t="s">
        <v>8932</v>
      </c>
      <c r="B1588" s="1" t="s">
        <v>8807</v>
      </c>
      <c r="C1588" s="1" t="s">
        <v>1529</v>
      </c>
      <c r="D1588" s="18">
        <v>1</v>
      </c>
      <c r="E1588" s="1" t="s">
        <v>1329</v>
      </c>
      <c r="F1588" s="1" t="s">
        <v>8933</v>
      </c>
      <c r="G1588" s="1" t="s">
        <v>8934</v>
      </c>
      <c r="H1588" s="1" t="s">
        <v>8935</v>
      </c>
      <c r="I1588" s="1" t="s">
        <v>8936</v>
      </c>
      <c r="K1588" s="1" t="s">
        <v>1334</v>
      </c>
      <c r="L1588" s="1" t="s">
        <v>4946</v>
      </c>
    </row>
    <row r="1589" spans="1:12" x14ac:dyDescent="0.25">
      <c r="A1589" s="1" t="s">
        <v>8937</v>
      </c>
      <c r="B1589" s="1" t="s">
        <v>8807</v>
      </c>
      <c r="C1589" s="1" t="s">
        <v>1529</v>
      </c>
      <c r="D1589" s="18">
        <v>2</v>
      </c>
      <c r="E1589" s="1" t="s">
        <v>1337</v>
      </c>
      <c r="F1589" s="1" t="s">
        <v>8938</v>
      </c>
      <c r="G1589" s="1" t="s">
        <v>8939</v>
      </c>
      <c r="H1589" s="1" t="s">
        <v>8940</v>
      </c>
      <c r="I1589" s="1" t="s">
        <v>8941</v>
      </c>
      <c r="K1589" s="1" t="s">
        <v>1334</v>
      </c>
      <c r="L1589" s="1" t="s">
        <v>4940</v>
      </c>
    </row>
    <row r="1590" spans="1:12" x14ac:dyDescent="0.25">
      <c r="A1590" s="1" t="s">
        <v>1186</v>
      </c>
      <c r="B1590" s="1" t="s">
        <v>8807</v>
      </c>
      <c r="C1590" s="1" t="s">
        <v>1529</v>
      </c>
      <c r="D1590" s="18">
        <v>3</v>
      </c>
      <c r="E1590" s="1" t="s">
        <v>1343</v>
      </c>
      <c r="F1590" s="1" t="s">
        <v>8942</v>
      </c>
      <c r="G1590" s="1" t="s">
        <v>8943</v>
      </c>
      <c r="H1590" s="1" t="s">
        <v>8944</v>
      </c>
      <c r="I1590" s="1" t="s">
        <v>8945</v>
      </c>
      <c r="K1590" s="1" t="s">
        <v>1334</v>
      </c>
      <c r="L1590" s="1" t="s">
        <v>4940</v>
      </c>
    </row>
    <row r="1591" spans="1:12" x14ac:dyDescent="0.25">
      <c r="A1591" s="1" t="s">
        <v>8946</v>
      </c>
      <c r="B1591" s="1" t="s">
        <v>8807</v>
      </c>
      <c r="C1591" s="1" t="s">
        <v>1529</v>
      </c>
      <c r="D1591" s="18">
        <v>4</v>
      </c>
      <c r="E1591" s="1" t="s">
        <v>1349</v>
      </c>
      <c r="F1591" s="1" t="s">
        <v>8947</v>
      </c>
      <c r="G1591" s="1" t="s">
        <v>8948</v>
      </c>
      <c r="H1591" s="1" t="s">
        <v>8949</v>
      </c>
      <c r="I1591" s="1" t="s">
        <v>8950</v>
      </c>
      <c r="J1591" s="14" t="s">
        <v>5052</v>
      </c>
      <c r="K1591" s="1" t="s">
        <v>1366</v>
      </c>
      <c r="L1591" s="1" t="s">
        <v>4971</v>
      </c>
    </row>
    <row r="1592" spans="1:12" x14ac:dyDescent="0.25">
      <c r="A1592" s="1" t="s">
        <v>8951</v>
      </c>
      <c r="B1592" s="1" t="s">
        <v>8807</v>
      </c>
      <c r="C1592" s="1" t="s">
        <v>1529</v>
      </c>
      <c r="D1592" s="18">
        <v>5</v>
      </c>
      <c r="E1592" s="1" t="s">
        <v>1355</v>
      </c>
      <c r="F1592" s="1" t="s">
        <v>8952</v>
      </c>
      <c r="G1592" s="1" t="s">
        <v>8953</v>
      </c>
      <c r="H1592" s="1" t="s">
        <v>8954</v>
      </c>
      <c r="I1592" s="1" t="s">
        <v>8955</v>
      </c>
      <c r="K1592" s="1" t="s">
        <v>1334</v>
      </c>
      <c r="L1592" s="1" t="s">
        <v>4946</v>
      </c>
    </row>
    <row r="1593" spans="1:12" x14ac:dyDescent="0.25">
      <c r="A1593" s="1" t="s">
        <v>8956</v>
      </c>
      <c r="B1593" s="1" t="s">
        <v>8807</v>
      </c>
      <c r="C1593" s="1" t="s">
        <v>1529</v>
      </c>
      <c r="D1593" s="18">
        <v>6</v>
      </c>
      <c r="E1593" s="1" t="s">
        <v>1361</v>
      </c>
      <c r="F1593" s="1" t="s">
        <v>8957</v>
      </c>
      <c r="G1593" s="1" t="s">
        <v>8958</v>
      </c>
      <c r="H1593" s="1" t="s">
        <v>8683</v>
      </c>
      <c r="I1593" s="1" t="s">
        <v>8959</v>
      </c>
      <c r="K1593" s="1" t="s">
        <v>1334</v>
      </c>
      <c r="L1593" s="1" t="s">
        <v>4940</v>
      </c>
    </row>
    <row r="1594" spans="1:12" x14ac:dyDescent="0.25">
      <c r="A1594" s="1" t="s">
        <v>8960</v>
      </c>
      <c r="B1594" s="1" t="s">
        <v>8807</v>
      </c>
      <c r="C1594" s="1" t="s">
        <v>1529</v>
      </c>
      <c r="D1594" s="18">
        <v>7</v>
      </c>
      <c r="E1594" s="1" t="s">
        <v>1368</v>
      </c>
      <c r="F1594" s="1" t="s">
        <v>8961</v>
      </c>
      <c r="G1594" s="1" t="s">
        <v>8962</v>
      </c>
      <c r="H1594" s="1" t="s">
        <v>8963</v>
      </c>
      <c r="I1594" s="1" t="s">
        <v>8964</v>
      </c>
      <c r="K1594" s="1" t="s">
        <v>1334</v>
      </c>
      <c r="L1594" s="1" t="s">
        <v>4946</v>
      </c>
    </row>
    <row r="1595" spans="1:12" x14ac:dyDescent="0.25">
      <c r="A1595" s="1" t="s">
        <v>278</v>
      </c>
      <c r="B1595" s="1" t="s">
        <v>8807</v>
      </c>
      <c r="C1595" s="1" t="s">
        <v>1529</v>
      </c>
      <c r="D1595" s="18">
        <v>8</v>
      </c>
      <c r="E1595" s="1" t="s">
        <v>1374</v>
      </c>
      <c r="F1595" s="1" t="s">
        <v>8965</v>
      </c>
      <c r="G1595" s="1" t="s">
        <v>8966</v>
      </c>
      <c r="H1595" s="1" t="s">
        <v>8967</v>
      </c>
      <c r="I1595" s="1" t="s">
        <v>8968</v>
      </c>
      <c r="K1595" s="1" t="s">
        <v>1334</v>
      </c>
      <c r="L1595" s="1" t="s">
        <v>4946</v>
      </c>
    </row>
    <row r="1596" spans="1:12" x14ac:dyDescent="0.25">
      <c r="A1596" s="1" t="s">
        <v>8969</v>
      </c>
      <c r="B1596" s="1" t="s">
        <v>8807</v>
      </c>
      <c r="C1596" s="1" t="s">
        <v>1529</v>
      </c>
      <c r="D1596" s="18">
        <v>9</v>
      </c>
      <c r="E1596" s="1" t="s">
        <v>1380</v>
      </c>
      <c r="F1596" s="1" t="s">
        <v>8970</v>
      </c>
      <c r="G1596" s="1" t="s">
        <v>8971</v>
      </c>
      <c r="H1596" s="1" t="s">
        <v>8972</v>
      </c>
      <c r="I1596" s="1" t="s">
        <v>8973</v>
      </c>
      <c r="K1596" s="1" t="s">
        <v>1366</v>
      </c>
      <c r="L1596" s="1" t="s">
        <v>4951</v>
      </c>
    </row>
    <row r="1597" spans="1:12" x14ac:dyDescent="0.25">
      <c r="A1597" s="1" t="s">
        <v>8974</v>
      </c>
      <c r="B1597" s="1" t="s">
        <v>8807</v>
      </c>
      <c r="C1597" s="1" t="s">
        <v>1529</v>
      </c>
      <c r="D1597" s="18">
        <v>10</v>
      </c>
      <c r="E1597" s="1" t="s">
        <v>1386</v>
      </c>
      <c r="F1597" s="1" t="s">
        <v>8975</v>
      </c>
      <c r="G1597" s="1" t="s">
        <v>8976</v>
      </c>
      <c r="H1597" s="1" t="s">
        <v>8977</v>
      </c>
      <c r="I1597" s="1" t="s">
        <v>8978</v>
      </c>
      <c r="K1597" s="1" t="s">
        <v>1366</v>
      </c>
      <c r="L1597" s="1" t="s">
        <v>4946</v>
      </c>
    </row>
    <row r="1598" spans="1:12" x14ac:dyDescent="0.25">
      <c r="A1598" s="1" t="s">
        <v>826</v>
      </c>
      <c r="B1598" s="1" t="s">
        <v>8807</v>
      </c>
      <c r="C1598" s="1" t="s">
        <v>1529</v>
      </c>
      <c r="D1598" s="18">
        <v>11</v>
      </c>
      <c r="E1598" s="1" t="s">
        <v>1392</v>
      </c>
      <c r="F1598" s="1" t="s">
        <v>8979</v>
      </c>
      <c r="G1598" s="1" t="s">
        <v>8980</v>
      </c>
      <c r="H1598" s="1" t="s">
        <v>8981</v>
      </c>
      <c r="I1598" s="1" t="s">
        <v>8982</v>
      </c>
      <c r="K1598" s="1" t="s">
        <v>1366</v>
      </c>
      <c r="L1598" s="1" t="s">
        <v>4951</v>
      </c>
    </row>
    <row r="1599" spans="1:12" x14ac:dyDescent="0.25">
      <c r="A1599" s="1" t="s">
        <v>8983</v>
      </c>
      <c r="B1599" s="1" t="s">
        <v>8807</v>
      </c>
      <c r="C1599" s="1" t="s">
        <v>1529</v>
      </c>
      <c r="D1599" s="18">
        <v>12</v>
      </c>
      <c r="E1599" s="1" t="s">
        <v>1398</v>
      </c>
      <c r="F1599" s="1" t="s">
        <v>8984</v>
      </c>
      <c r="G1599" s="1" t="s">
        <v>8985</v>
      </c>
      <c r="H1599" s="1" t="s">
        <v>8986</v>
      </c>
      <c r="I1599" s="1" t="s">
        <v>8987</v>
      </c>
      <c r="K1599" s="1" t="s">
        <v>1334</v>
      </c>
      <c r="L1599" s="1" t="s">
        <v>4951</v>
      </c>
    </row>
    <row r="1600" spans="1:12" x14ac:dyDescent="0.25">
      <c r="A1600" s="1" t="s">
        <v>8988</v>
      </c>
      <c r="B1600" s="1" t="s">
        <v>8807</v>
      </c>
      <c r="C1600" s="1" t="s">
        <v>1529</v>
      </c>
      <c r="D1600" s="18">
        <v>13</v>
      </c>
      <c r="E1600" s="1" t="s">
        <v>1404</v>
      </c>
      <c r="F1600" s="1" t="s">
        <v>8989</v>
      </c>
      <c r="G1600" s="1" t="s">
        <v>8990</v>
      </c>
      <c r="H1600" s="1" t="s">
        <v>8991</v>
      </c>
      <c r="I1600" s="1" t="s">
        <v>8992</v>
      </c>
      <c r="K1600" s="1" t="s">
        <v>1334</v>
      </c>
      <c r="L1600" s="1" t="s">
        <v>4971</v>
      </c>
    </row>
    <row r="1601" spans="1:12" x14ac:dyDescent="0.25">
      <c r="A1601" s="1" t="s">
        <v>8993</v>
      </c>
      <c r="B1601" s="1" t="s">
        <v>8807</v>
      </c>
      <c r="C1601" s="1" t="s">
        <v>1529</v>
      </c>
      <c r="D1601" s="18">
        <v>14</v>
      </c>
      <c r="E1601" s="1" t="s">
        <v>1410</v>
      </c>
      <c r="F1601" s="1" t="s">
        <v>8994</v>
      </c>
      <c r="G1601" s="1" t="s">
        <v>8995</v>
      </c>
      <c r="H1601" s="1" t="s">
        <v>8900</v>
      </c>
      <c r="I1601" s="1" t="s">
        <v>8996</v>
      </c>
      <c r="K1601" s="1" t="s">
        <v>1334</v>
      </c>
      <c r="L1601" s="1" t="s">
        <v>4946</v>
      </c>
    </row>
    <row r="1602" spans="1:12" x14ac:dyDescent="0.25">
      <c r="A1602" s="1" t="s">
        <v>821</v>
      </c>
      <c r="B1602" s="1" t="s">
        <v>8807</v>
      </c>
      <c r="C1602" s="1" t="s">
        <v>1529</v>
      </c>
      <c r="D1602" s="18">
        <v>15</v>
      </c>
      <c r="E1602" s="1" t="s">
        <v>1416</v>
      </c>
      <c r="F1602" s="1" t="s">
        <v>8997</v>
      </c>
      <c r="G1602" s="1" t="s">
        <v>8998</v>
      </c>
      <c r="H1602" s="1" t="s">
        <v>8999</v>
      </c>
      <c r="I1602" s="1" t="s">
        <v>9000</v>
      </c>
      <c r="K1602" s="1" t="s">
        <v>1334</v>
      </c>
      <c r="L1602" s="1" t="s">
        <v>4940</v>
      </c>
    </row>
    <row r="1603" spans="1:12" x14ac:dyDescent="0.25">
      <c r="A1603" s="1" t="s">
        <v>9001</v>
      </c>
      <c r="B1603" s="1" t="s">
        <v>8807</v>
      </c>
      <c r="C1603" s="1" t="s">
        <v>1529</v>
      </c>
      <c r="D1603" s="18">
        <v>16</v>
      </c>
      <c r="E1603" s="1" t="s">
        <v>1422</v>
      </c>
      <c r="F1603" s="1" t="s">
        <v>9002</v>
      </c>
      <c r="G1603" s="1" t="s">
        <v>9003</v>
      </c>
      <c r="H1603" s="1" t="s">
        <v>9004</v>
      </c>
      <c r="I1603" s="1" t="s">
        <v>9005</v>
      </c>
      <c r="K1603" s="1" t="s">
        <v>1334</v>
      </c>
      <c r="L1603" s="1" t="s">
        <v>4940</v>
      </c>
    </row>
    <row r="1604" spans="1:12" x14ac:dyDescent="0.25">
      <c r="A1604" s="1" t="s">
        <v>1187</v>
      </c>
      <c r="B1604" s="1" t="s">
        <v>8807</v>
      </c>
      <c r="C1604" s="1" t="s">
        <v>1529</v>
      </c>
      <c r="D1604" s="18">
        <v>17</v>
      </c>
      <c r="E1604" s="1" t="s">
        <v>1428</v>
      </c>
      <c r="F1604" s="1" t="s">
        <v>9006</v>
      </c>
      <c r="G1604" s="1" t="s">
        <v>9007</v>
      </c>
      <c r="H1604" s="1" t="s">
        <v>9008</v>
      </c>
      <c r="I1604" s="1" t="s">
        <v>9009</v>
      </c>
      <c r="K1604" s="1" t="s">
        <v>1334</v>
      </c>
      <c r="L1604" s="1" t="s">
        <v>4971</v>
      </c>
    </row>
    <row r="1605" spans="1:12" x14ac:dyDescent="0.25">
      <c r="A1605" s="1" t="s">
        <v>822</v>
      </c>
      <c r="B1605" s="1" t="s">
        <v>8807</v>
      </c>
      <c r="C1605" s="1" t="s">
        <v>1529</v>
      </c>
      <c r="D1605" s="18">
        <v>18</v>
      </c>
      <c r="E1605" s="1" t="s">
        <v>1434</v>
      </c>
      <c r="F1605" s="1" t="s">
        <v>9010</v>
      </c>
      <c r="G1605" s="1" t="s">
        <v>9011</v>
      </c>
      <c r="H1605" s="1" t="s">
        <v>9012</v>
      </c>
      <c r="I1605" s="1" t="s">
        <v>9013</v>
      </c>
      <c r="K1605" s="1" t="s">
        <v>1334</v>
      </c>
      <c r="L1605" s="1" t="s">
        <v>4940</v>
      </c>
    </row>
    <row r="1606" spans="1:12" x14ac:dyDescent="0.25">
      <c r="A1606" s="1" t="s">
        <v>9014</v>
      </c>
      <c r="B1606" s="1" t="s">
        <v>8807</v>
      </c>
      <c r="C1606" s="1" t="s">
        <v>1529</v>
      </c>
      <c r="D1606" s="18">
        <v>19</v>
      </c>
      <c r="E1606" s="1" t="s">
        <v>1440</v>
      </c>
      <c r="F1606" s="1" t="s">
        <v>9015</v>
      </c>
      <c r="G1606" s="1" t="s">
        <v>9016</v>
      </c>
      <c r="H1606" s="1" t="s">
        <v>9017</v>
      </c>
      <c r="I1606" s="1" t="s">
        <v>9018</v>
      </c>
      <c r="K1606" s="1" t="s">
        <v>1366</v>
      </c>
      <c r="L1606" s="1" t="s">
        <v>4971</v>
      </c>
    </row>
    <row r="1607" spans="1:12" x14ac:dyDescent="0.25">
      <c r="A1607" s="1" t="s">
        <v>9019</v>
      </c>
      <c r="B1607" s="1" t="s">
        <v>8807</v>
      </c>
      <c r="C1607" s="1" t="s">
        <v>1529</v>
      </c>
      <c r="D1607" s="18">
        <v>20</v>
      </c>
      <c r="E1607" s="1" t="s">
        <v>1446</v>
      </c>
      <c r="F1607" s="1" t="s">
        <v>9020</v>
      </c>
      <c r="G1607" s="1" t="s">
        <v>9021</v>
      </c>
      <c r="H1607" s="1" t="s">
        <v>9022</v>
      </c>
      <c r="I1607" s="1" t="s">
        <v>9023</v>
      </c>
      <c r="K1607" s="1" t="s">
        <v>1366</v>
      </c>
      <c r="L1607" s="1" t="s">
        <v>4946</v>
      </c>
    </row>
    <row r="1608" spans="1:12" x14ac:dyDescent="0.25">
      <c r="A1608" s="1" t="s">
        <v>9024</v>
      </c>
      <c r="B1608" s="1" t="s">
        <v>8807</v>
      </c>
      <c r="C1608" s="1" t="s">
        <v>1529</v>
      </c>
      <c r="D1608" s="18">
        <v>21</v>
      </c>
      <c r="E1608" s="1" t="s">
        <v>1452</v>
      </c>
      <c r="F1608" s="1" t="s">
        <v>9025</v>
      </c>
      <c r="G1608" s="1" t="s">
        <v>9026</v>
      </c>
      <c r="H1608" s="1" t="s">
        <v>9027</v>
      </c>
      <c r="I1608" s="1" t="s">
        <v>9028</v>
      </c>
      <c r="K1608" s="1" t="s">
        <v>1334</v>
      </c>
      <c r="L1608" s="1" t="s">
        <v>4946</v>
      </c>
    </row>
    <row r="1609" spans="1:12" x14ac:dyDescent="0.25">
      <c r="A1609" s="1" t="s">
        <v>9029</v>
      </c>
      <c r="B1609" s="1" t="s">
        <v>8807</v>
      </c>
      <c r="C1609" s="1" t="s">
        <v>1529</v>
      </c>
      <c r="D1609" s="18">
        <v>22</v>
      </c>
      <c r="E1609" s="1" t="s">
        <v>1458</v>
      </c>
      <c r="F1609" s="1" t="s">
        <v>9030</v>
      </c>
      <c r="G1609" s="1" t="s">
        <v>9031</v>
      </c>
      <c r="H1609" s="1" t="s">
        <v>9032</v>
      </c>
      <c r="I1609" s="1" t="s">
        <v>9033</v>
      </c>
      <c r="K1609" s="1" t="s">
        <v>1334</v>
      </c>
      <c r="L1609" s="1" t="s">
        <v>4971</v>
      </c>
    </row>
    <row r="1610" spans="1:12" x14ac:dyDescent="0.25">
      <c r="A1610" s="1" t="s">
        <v>9034</v>
      </c>
      <c r="B1610" s="1" t="s">
        <v>8807</v>
      </c>
      <c r="C1610" s="1" t="s">
        <v>1529</v>
      </c>
      <c r="D1610" s="18">
        <v>23</v>
      </c>
      <c r="E1610" s="1" t="s">
        <v>1464</v>
      </c>
      <c r="F1610" s="1" t="s">
        <v>9035</v>
      </c>
      <c r="G1610" s="1" t="s">
        <v>9036</v>
      </c>
      <c r="H1610" s="1" t="s">
        <v>9037</v>
      </c>
      <c r="I1610" s="1" t="s">
        <v>9038</v>
      </c>
      <c r="K1610" s="1" t="s">
        <v>1334</v>
      </c>
      <c r="L1610" s="1" t="s">
        <v>4971</v>
      </c>
    </row>
    <row r="1611" spans="1:12" x14ac:dyDescent="0.25">
      <c r="A1611" s="1" t="s">
        <v>9039</v>
      </c>
      <c r="B1611" s="1" t="s">
        <v>8807</v>
      </c>
      <c r="C1611" s="1" t="s">
        <v>1529</v>
      </c>
      <c r="D1611" s="18">
        <v>24</v>
      </c>
      <c r="E1611" s="1" t="s">
        <v>1470</v>
      </c>
      <c r="F1611" s="1" t="s">
        <v>9040</v>
      </c>
      <c r="G1611" s="1" t="s">
        <v>9041</v>
      </c>
      <c r="H1611" s="1" t="s">
        <v>9042</v>
      </c>
      <c r="I1611" s="1" t="s">
        <v>9043</v>
      </c>
      <c r="K1611" s="1" t="s">
        <v>1366</v>
      </c>
      <c r="L1611" s="1" t="s">
        <v>4971</v>
      </c>
    </row>
    <row r="1612" spans="1:12" x14ac:dyDescent="0.25">
      <c r="A1612" s="1" t="s">
        <v>9044</v>
      </c>
      <c r="B1612" s="1" t="s">
        <v>8807</v>
      </c>
      <c r="C1612" s="1" t="s">
        <v>1529</v>
      </c>
      <c r="D1612" s="18">
        <v>25</v>
      </c>
      <c r="E1612" s="1" t="s">
        <v>1476</v>
      </c>
      <c r="F1612" s="1" t="s">
        <v>9045</v>
      </c>
      <c r="G1612" s="1" t="s">
        <v>9046</v>
      </c>
      <c r="H1612" s="1" t="s">
        <v>9047</v>
      </c>
      <c r="I1612" s="1" t="s">
        <v>9048</v>
      </c>
      <c r="K1612" s="1" t="s">
        <v>1334</v>
      </c>
      <c r="L1612" s="1" t="s">
        <v>4951</v>
      </c>
    </row>
    <row r="1613" spans="1:12" x14ac:dyDescent="0.25">
      <c r="A1613" s="1" t="s">
        <v>9049</v>
      </c>
      <c r="B1613" s="1" t="s">
        <v>8807</v>
      </c>
      <c r="C1613" s="1" t="s">
        <v>1529</v>
      </c>
      <c r="D1613" s="18">
        <v>26</v>
      </c>
      <c r="E1613" s="1" t="s">
        <v>1482</v>
      </c>
      <c r="F1613" s="1" t="s">
        <v>9050</v>
      </c>
      <c r="G1613" s="1" t="s">
        <v>9051</v>
      </c>
      <c r="H1613" s="1" t="s">
        <v>9052</v>
      </c>
      <c r="I1613" s="1" t="s">
        <v>9053</v>
      </c>
      <c r="K1613" s="1" t="s">
        <v>1334</v>
      </c>
      <c r="L1613" s="1" t="s">
        <v>4940</v>
      </c>
    </row>
    <row r="1614" spans="1:12" x14ac:dyDescent="0.25">
      <c r="A1614" s="1" t="s">
        <v>9054</v>
      </c>
      <c r="B1614" s="1" t="s">
        <v>8807</v>
      </c>
      <c r="C1614" s="1" t="s">
        <v>1529</v>
      </c>
      <c r="D1614" s="18">
        <v>27</v>
      </c>
      <c r="E1614" s="1" t="s">
        <v>1488</v>
      </c>
      <c r="F1614" s="1" t="s">
        <v>9055</v>
      </c>
      <c r="G1614" s="1" t="s">
        <v>9056</v>
      </c>
      <c r="H1614" s="1" t="s">
        <v>9057</v>
      </c>
      <c r="I1614" s="1" t="s">
        <v>9058</v>
      </c>
      <c r="K1614" s="1" t="s">
        <v>1334</v>
      </c>
      <c r="L1614" s="1" t="s">
        <v>4946</v>
      </c>
    </row>
    <row r="1615" spans="1:12" x14ac:dyDescent="0.25">
      <c r="A1615" s="1" t="s">
        <v>9059</v>
      </c>
      <c r="B1615" s="1" t="s">
        <v>8807</v>
      </c>
      <c r="C1615" s="1" t="s">
        <v>1529</v>
      </c>
      <c r="D1615" s="18">
        <v>28</v>
      </c>
      <c r="E1615" s="1" t="s">
        <v>1494</v>
      </c>
      <c r="F1615" s="1" t="s">
        <v>9060</v>
      </c>
      <c r="G1615" s="1" t="s">
        <v>9061</v>
      </c>
      <c r="H1615" s="1" t="s">
        <v>9062</v>
      </c>
      <c r="I1615" s="1" t="s">
        <v>9063</v>
      </c>
      <c r="K1615" s="1" t="s">
        <v>1334</v>
      </c>
      <c r="L1615" s="1" t="s">
        <v>4940</v>
      </c>
    </row>
    <row r="1616" spans="1:12" x14ac:dyDescent="0.25">
      <c r="A1616" s="1" t="s">
        <v>9064</v>
      </c>
      <c r="B1616" s="1" t="s">
        <v>8807</v>
      </c>
      <c r="C1616" s="1" t="s">
        <v>1686</v>
      </c>
      <c r="D1616" s="18">
        <v>1</v>
      </c>
      <c r="E1616" s="1" t="s">
        <v>1329</v>
      </c>
      <c r="F1616" s="1" t="s">
        <v>9065</v>
      </c>
      <c r="G1616" s="1" t="s">
        <v>9066</v>
      </c>
      <c r="H1616" s="1" t="s">
        <v>9067</v>
      </c>
      <c r="I1616" s="1" t="s">
        <v>9068</v>
      </c>
      <c r="K1616" s="1" t="s">
        <v>1366</v>
      </c>
      <c r="L1616" s="1" t="s">
        <v>4946</v>
      </c>
    </row>
    <row r="1617" spans="1:12" x14ac:dyDescent="0.25">
      <c r="A1617" s="1" t="s">
        <v>970</v>
      </c>
      <c r="B1617" s="1" t="s">
        <v>8807</v>
      </c>
      <c r="C1617" s="1" t="s">
        <v>1686</v>
      </c>
      <c r="D1617" s="18">
        <v>2</v>
      </c>
      <c r="E1617" s="1" t="s">
        <v>1337</v>
      </c>
      <c r="F1617" s="1" t="s">
        <v>9069</v>
      </c>
      <c r="G1617" s="1" t="s">
        <v>9070</v>
      </c>
      <c r="H1617" s="1" t="s">
        <v>8708</v>
      </c>
      <c r="I1617" s="1" t="s">
        <v>9071</v>
      </c>
      <c r="K1617" s="1" t="s">
        <v>1334</v>
      </c>
      <c r="L1617" s="1" t="s">
        <v>4940</v>
      </c>
    </row>
    <row r="1618" spans="1:12" x14ac:dyDescent="0.25">
      <c r="A1618" s="1" t="s">
        <v>969</v>
      </c>
      <c r="B1618" s="1" t="s">
        <v>8807</v>
      </c>
      <c r="C1618" s="1" t="s">
        <v>1686</v>
      </c>
      <c r="D1618" s="18">
        <v>3</v>
      </c>
      <c r="E1618" s="1" t="s">
        <v>1343</v>
      </c>
      <c r="F1618" s="1" t="s">
        <v>9072</v>
      </c>
      <c r="G1618" s="1" t="s">
        <v>9073</v>
      </c>
      <c r="H1618" s="1" t="s">
        <v>9074</v>
      </c>
      <c r="I1618" s="1" t="s">
        <v>9075</v>
      </c>
      <c r="K1618" s="1" t="s">
        <v>1334</v>
      </c>
      <c r="L1618" s="1" t="s">
        <v>4951</v>
      </c>
    </row>
    <row r="1619" spans="1:12" x14ac:dyDescent="0.25">
      <c r="A1619" s="1" t="s">
        <v>972</v>
      </c>
      <c r="B1619" s="1" t="s">
        <v>8807</v>
      </c>
      <c r="C1619" s="1" t="s">
        <v>1686</v>
      </c>
      <c r="D1619" s="18">
        <v>4</v>
      </c>
      <c r="E1619" s="1" t="s">
        <v>1349</v>
      </c>
      <c r="F1619" s="1" t="s">
        <v>9076</v>
      </c>
      <c r="G1619" s="1" t="s">
        <v>9077</v>
      </c>
      <c r="H1619" s="1" t="s">
        <v>9078</v>
      </c>
      <c r="I1619" s="1" t="s">
        <v>9079</v>
      </c>
      <c r="K1619" s="1" t="s">
        <v>1334</v>
      </c>
      <c r="L1619" s="1" t="s">
        <v>4951</v>
      </c>
    </row>
    <row r="1620" spans="1:12" x14ac:dyDescent="0.25">
      <c r="A1620" s="1" t="s">
        <v>971</v>
      </c>
      <c r="B1620" s="1" t="s">
        <v>8807</v>
      </c>
      <c r="C1620" s="1" t="s">
        <v>1686</v>
      </c>
      <c r="D1620" s="18">
        <v>5</v>
      </c>
      <c r="E1620" s="1" t="s">
        <v>1355</v>
      </c>
      <c r="F1620" s="1" t="s">
        <v>9080</v>
      </c>
      <c r="G1620" s="1" t="s">
        <v>9081</v>
      </c>
      <c r="H1620" s="1" t="s">
        <v>8905</v>
      </c>
      <c r="I1620" s="1" t="s">
        <v>9082</v>
      </c>
      <c r="K1620" s="1" t="s">
        <v>1366</v>
      </c>
      <c r="L1620" s="1" t="s">
        <v>4946</v>
      </c>
    </row>
    <row r="1621" spans="1:12" x14ac:dyDescent="0.25">
      <c r="A1621" s="1" t="s">
        <v>823</v>
      </c>
      <c r="B1621" s="1" t="s">
        <v>8807</v>
      </c>
      <c r="C1621" s="1" t="s">
        <v>1686</v>
      </c>
      <c r="D1621" s="18">
        <v>6</v>
      </c>
      <c r="E1621" s="1" t="s">
        <v>1361</v>
      </c>
      <c r="F1621" s="1" t="s">
        <v>9083</v>
      </c>
      <c r="G1621" s="1" t="s">
        <v>9084</v>
      </c>
      <c r="H1621" s="1" t="s">
        <v>9085</v>
      </c>
      <c r="I1621" s="1" t="s">
        <v>7154</v>
      </c>
      <c r="K1621" s="1" t="s">
        <v>1334</v>
      </c>
      <c r="L1621" s="1" t="s">
        <v>4951</v>
      </c>
    </row>
    <row r="1622" spans="1:12" x14ac:dyDescent="0.25">
      <c r="A1622" s="1" t="s">
        <v>75</v>
      </c>
      <c r="B1622" s="1" t="s">
        <v>8807</v>
      </c>
      <c r="C1622" s="1" t="s">
        <v>1686</v>
      </c>
      <c r="D1622" s="18">
        <v>7</v>
      </c>
      <c r="E1622" s="1" t="s">
        <v>1368</v>
      </c>
      <c r="F1622" s="1" t="s">
        <v>9086</v>
      </c>
      <c r="G1622" s="1" t="s">
        <v>9087</v>
      </c>
      <c r="H1622" s="1" t="s">
        <v>9088</v>
      </c>
      <c r="I1622" s="1" t="s">
        <v>9089</v>
      </c>
      <c r="K1622" s="1" t="s">
        <v>1334</v>
      </c>
      <c r="L1622" s="1" t="s">
        <v>4971</v>
      </c>
    </row>
    <row r="1623" spans="1:12" x14ac:dyDescent="0.25">
      <c r="A1623" s="1" t="s">
        <v>9090</v>
      </c>
      <c r="B1623" s="1" t="s">
        <v>8807</v>
      </c>
      <c r="C1623" s="1" t="s">
        <v>1686</v>
      </c>
      <c r="D1623" s="18">
        <v>8</v>
      </c>
      <c r="E1623" s="1" t="s">
        <v>1374</v>
      </c>
      <c r="F1623" s="1" t="s">
        <v>9091</v>
      </c>
      <c r="G1623" s="1" t="s">
        <v>9092</v>
      </c>
      <c r="H1623" s="1" t="s">
        <v>9093</v>
      </c>
      <c r="I1623" s="1" t="s">
        <v>9094</v>
      </c>
      <c r="K1623" s="1" t="s">
        <v>1366</v>
      </c>
      <c r="L1623" s="1" t="s">
        <v>4971</v>
      </c>
    </row>
    <row r="1624" spans="1:12" x14ac:dyDescent="0.25">
      <c r="A1624" s="1" t="s">
        <v>9095</v>
      </c>
      <c r="B1624" s="1" t="s">
        <v>8807</v>
      </c>
      <c r="C1624" s="1" t="s">
        <v>1686</v>
      </c>
      <c r="D1624" s="18">
        <v>9</v>
      </c>
      <c r="E1624" s="1" t="s">
        <v>1380</v>
      </c>
      <c r="F1624" s="1" t="s">
        <v>9096</v>
      </c>
      <c r="G1624" s="1" t="s">
        <v>9097</v>
      </c>
      <c r="H1624" s="1" t="s">
        <v>9098</v>
      </c>
      <c r="I1624" s="1" t="s">
        <v>9099</v>
      </c>
      <c r="K1624" s="1" t="s">
        <v>1334</v>
      </c>
      <c r="L1624" s="1" t="s">
        <v>4971</v>
      </c>
    </row>
    <row r="1625" spans="1:12" x14ac:dyDescent="0.25">
      <c r="A1625" s="1" t="s">
        <v>967</v>
      </c>
      <c r="B1625" s="1" t="s">
        <v>8807</v>
      </c>
      <c r="C1625" s="1" t="s">
        <v>1686</v>
      </c>
      <c r="D1625" s="18">
        <v>10</v>
      </c>
      <c r="E1625" s="1" t="s">
        <v>1386</v>
      </c>
      <c r="F1625" s="1" t="s">
        <v>9100</v>
      </c>
      <c r="G1625" s="1" t="s">
        <v>9101</v>
      </c>
      <c r="H1625" s="1" t="s">
        <v>9102</v>
      </c>
      <c r="I1625" s="1" t="s">
        <v>9103</v>
      </c>
      <c r="K1625" s="1" t="s">
        <v>1366</v>
      </c>
      <c r="L1625" s="1" t="s">
        <v>4946</v>
      </c>
    </row>
    <row r="1626" spans="1:12" x14ac:dyDescent="0.25">
      <c r="A1626" s="1" t="s">
        <v>9104</v>
      </c>
      <c r="B1626" s="1" t="s">
        <v>8807</v>
      </c>
      <c r="C1626" s="1" t="s">
        <v>1686</v>
      </c>
      <c r="D1626" s="18">
        <v>11</v>
      </c>
      <c r="E1626" s="1" t="s">
        <v>1392</v>
      </c>
      <c r="F1626" s="1" t="s">
        <v>9105</v>
      </c>
      <c r="G1626" s="1" t="s">
        <v>9106</v>
      </c>
      <c r="H1626" s="1" t="s">
        <v>9107</v>
      </c>
      <c r="I1626" s="1" t="s">
        <v>9108</v>
      </c>
      <c r="K1626" s="1" t="s">
        <v>1366</v>
      </c>
      <c r="L1626" s="1" t="s">
        <v>4940</v>
      </c>
    </row>
    <row r="1627" spans="1:12" x14ac:dyDescent="0.25">
      <c r="A1627" s="1" t="s">
        <v>74</v>
      </c>
      <c r="B1627" s="1" t="s">
        <v>8807</v>
      </c>
      <c r="C1627" s="1" t="s">
        <v>1686</v>
      </c>
      <c r="D1627" s="18">
        <v>12</v>
      </c>
      <c r="E1627" s="1" t="s">
        <v>1398</v>
      </c>
      <c r="F1627" s="1" t="s">
        <v>9109</v>
      </c>
      <c r="G1627" s="1" t="s">
        <v>9110</v>
      </c>
      <c r="H1627" s="1" t="s">
        <v>9111</v>
      </c>
      <c r="I1627" s="1" t="s">
        <v>9112</v>
      </c>
      <c r="K1627" s="1" t="s">
        <v>1334</v>
      </c>
      <c r="L1627" s="1" t="s">
        <v>4971</v>
      </c>
    </row>
    <row r="1628" spans="1:12" x14ac:dyDescent="0.25">
      <c r="A1628" s="1" t="s">
        <v>9113</v>
      </c>
      <c r="B1628" s="1" t="s">
        <v>8807</v>
      </c>
      <c r="C1628" s="1" t="s">
        <v>1686</v>
      </c>
      <c r="D1628" s="18">
        <v>13</v>
      </c>
      <c r="E1628" s="1" t="s">
        <v>1404</v>
      </c>
      <c r="F1628" s="1" t="s">
        <v>9114</v>
      </c>
      <c r="G1628" s="1" t="s">
        <v>9115</v>
      </c>
      <c r="H1628" s="1" t="s">
        <v>9116</v>
      </c>
      <c r="I1628" s="1" t="s">
        <v>9117</v>
      </c>
      <c r="J1628" s="14" t="s">
        <v>5052</v>
      </c>
      <c r="K1628" s="1" t="s">
        <v>1366</v>
      </c>
      <c r="L1628" s="1" t="s">
        <v>4971</v>
      </c>
    </row>
    <row r="1629" spans="1:12" x14ac:dyDescent="0.25">
      <c r="A1629" s="1" t="s">
        <v>174</v>
      </c>
      <c r="B1629" s="1" t="s">
        <v>8807</v>
      </c>
      <c r="C1629" s="1" t="s">
        <v>1686</v>
      </c>
      <c r="D1629" s="18">
        <v>14</v>
      </c>
      <c r="E1629" s="1" t="s">
        <v>1410</v>
      </c>
      <c r="F1629" s="1" t="s">
        <v>9118</v>
      </c>
      <c r="G1629" s="1" t="s">
        <v>9119</v>
      </c>
      <c r="H1629" s="1" t="s">
        <v>9120</v>
      </c>
      <c r="I1629" s="1" t="s">
        <v>9121</v>
      </c>
      <c r="K1629" s="1" t="s">
        <v>1334</v>
      </c>
      <c r="L1629" s="1" t="s">
        <v>4940</v>
      </c>
    </row>
    <row r="1630" spans="1:12" x14ac:dyDescent="0.25">
      <c r="A1630" s="1" t="s">
        <v>68</v>
      </c>
      <c r="B1630" s="1" t="s">
        <v>8807</v>
      </c>
      <c r="C1630" s="1" t="s">
        <v>1686</v>
      </c>
      <c r="D1630" s="18">
        <v>15</v>
      </c>
      <c r="E1630" s="1" t="s">
        <v>1416</v>
      </c>
      <c r="F1630" s="1" t="s">
        <v>9122</v>
      </c>
      <c r="G1630" s="1" t="s">
        <v>9123</v>
      </c>
      <c r="H1630" s="1" t="s">
        <v>8986</v>
      </c>
      <c r="I1630" s="1" t="s">
        <v>9124</v>
      </c>
      <c r="K1630" s="1" t="s">
        <v>1334</v>
      </c>
      <c r="L1630" s="1" t="s">
        <v>4940</v>
      </c>
    </row>
    <row r="1631" spans="1:12" x14ac:dyDescent="0.25">
      <c r="A1631" s="1" t="s">
        <v>9125</v>
      </c>
      <c r="B1631" s="1" t="s">
        <v>8807</v>
      </c>
      <c r="C1631" s="1" t="s">
        <v>1686</v>
      </c>
      <c r="D1631" s="18">
        <v>16</v>
      </c>
      <c r="E1631" s="1" t="s">
        <v>1422</v>
      </c>
      <c r="F1631" s="1" t="s">
        <v>9126</v>
      </c>
      <c r="G1631" s="1" t="s">
        <v>9127</v>
      </c>
      <c r="H1631" s="1" t="s">
        <v>9128</v>
      </c>
      <c r="I1631" s="1" t="s">
        <v>9129</v>
      </c>
      <c r="K1631" s="1" t="s">
        <v>1366</v>
      </c>
      <c r="L1631" s="1" t="s">
        <v>4940</v>
      </c>
    </row>
    <row r="1632" spans="1:12" x14ac:dyDescent="0.25">
      <c r="A1632" s="1" t="s">
        <v>9130</v>
      </c>
      <c r="B1632" s="1" t="s">
        <v>8807</v>
      </c>
      <c r="C1632" s="1" t="s">
        <v>1686</v>
      </c>
      <c r="D1632" s="18">
        <v>17</v>
      </c>
      <c r="E1632" s="1" t="s">
        <v>1428</v>
      </c>
      <c r="F1632" s="1" t="s">
        <v>9131</v>
      </c>
      <c r="G1632" s="1" t="s">
        <v>9132</v>
      </c>
      <c r="H1632" s="1" t="s">
        <v>9133</v>
      </c>
      <c r="I1632" s="1" t="s">
        <v>9134</v>
      </c>
      <c r="K1632" s="1" t="s">
        <v>1334</v>
      </c>
      <c r="L1632" s="1" t="s">
        <v>4946</v>
      </c>
    </row>
    <row r="1633" spans="1:12" x14ac:dyDescent="0.25">
      <c r="A1633" s="1" t="s">
        <v>9135</v>
      </c>
      <c r="B1633" s="1" t="s">
        <v>8807</v>
      </c>
      <c r="C1633" s="1" t="s">
        <v>1686</v>
      </c>
      <c r="D1633" s="18">
        <v>18</v>
      </c>
      <c r="E1633" s="1" t="s">
        <v>1434</v>
      </c>
      <c r="F1633" s="1" t="s">
        <v>9136</v>
      </c>
      <c r="G1633" s="1" t="s">
        <v>9137</v>
      </c>
      <c r="H1633" s="1" t="s">
        <v>8900</v>
      </c>
      <c r="I1633" s="1" t="s">
        <v>9138</v>
      </c>
      <c r="K1633" s="1" t="s">
        <v>1334</v>
      </c>
      <c r="L1633" s="1" t="s">
        <v>8589</v>
      </c>
    </row>
    <row r="1634" spans="1:12" x14ac:dyDescent="0.25">
      <c r="A1634" s="1" t="s">
        <v>163</v>
      </c>
      <c r="B1634" s="1" t="s">
        <v>8807</v>
      </c>
      <c r="C1634" s="1" t="s">
        <v>1686</v>
      </c>
      <c r="D1634" s="18">
        <v>19</v>
      </c>
      <c r="E1634" s="1" t="s">
        <v>1440</v>
      </c>
      <c r="F1634" s="1" t="s">
        <v>9139</v>
      </c>
      <c r="G1634" s="1" t="s">
        <v>9140</v>
      </c>
      <c r="H1634" s="1" t="s">
        <v>9141</v>
      </c>
      <c r="I1634" s="1" t="s">
        <v>9142</v>
      </c>
      <c r="K1634" s="1" t="s">
        <v>1334</v>
      </c>
      <c r="L1634" s="1" t="s">
        <v>4951</v>
      </c>
    </row>
    <row r="1635" spans="1:12" x14ac:dyDescent="0.25">
      <c r="A1635" s="1" t="s">
        <v>279</v>
      </c>
      <c r="B1635" s="1" t="s">
        <v>8807</v>
      </c>
      <c r="C1635" s="1" t="s">
        <v>1686</v>
      </c>
      <c r="D1635" s="18">
        <v>20</v>
      </c>
      <c r="E1635" s="1" t="s">
        <v>1446</v>
      </c>
      <c r="F1635" s="1" t="s">
        <v>9143</v>
      </c>
      <c r="G1635" s="1" t="s">
        <v>9144</v>
      </c>
      <c r="H1635" s="1" t="s">
        <v>9145</v>
      </c>
      <c r="I1635" s="1" t="s">
        <v>9146</v>
      </c>
      <c r="K1635" s="1" t="s">
        <v>1334</v>
      </c>
      <c r="L1635" s="1" t="s">
        <v>4971</v>
      </c>
    </row>
    <row r="1636" spans="1:12" x14ac:dyDescent="0.25">
      <c r="A1636" s="1" t="s">
        <v>139</v>
      </c>
      <c r="B1636" s="1" t="s">
        <v>8807</v>
      </c>
      <c r="C1636" s="1" t="s">
        <v>1686</v>
      </c>
      <c r="D1636" s="18">
        <v>21</v>
      </c>
      <c r="E1636" s="1" t="s">
        <v>1452</v>
      </c>
      <c r="F1636" s="1" t="s">
        <v>9147</v>
      </c>
      <c r="G1636" s="1" t="s">
        <v>9148</v>
      </c>
      <c r="H1636" s="1" t="s">
        <v>9149</v>
      </c>
      <c r="I1636" s="1" t="s">
        <v>9150</v>
      </c>
      <c r="K1636" s="1" t="s">
        <v>1334</v>
      </c>
      <c r="L1636" s="1" t="s">
        <v>4971</v>
      </c>
    </row>
    <row r="1637" spans="1:12" x14ac:dyDescent="0.25">
      <c r="A1637" s="1" t="s">
        <v>9151</v>
      </c>
      <c r="B1637" s="1" t="s">
        <v>8807</v>
      </c>
      <c r="C1637" s="1" t="s">
        <v>1686</v>
      </c>
      <c r="D1637" s="18">
        <v>22</v>
      </c>
      <c r="E1637" s="1" t="s">
        <v>1458</v>
      </c>
      <c r="F1637" s="1" t="s">
        <v>9152</v>
      </c>
      <c r="G1637" s="1" t="s">
        <v>9153</v>
      </c>
      <c r="H1637" s="1" t="s">
        <v>9154</v>
      </c>
      <c r="I1637" s="1" t="s">
        <v>9155</v>
      </c>
      <c r="K1637" s="1" t="s">
        <v>1334</v>
      </c>
      <c r="L1637" s="1" t="s">
        <v>4951</v>
      </c>
    </row>
    <row r="1638" spans="1:12" x14ac:dyDescent="0.25">
      <c r="A1638" s="1" t="s">
        <v>69</v>
      </c>
      <c r="B1638" s="1" t="s">
        <v>8807</v>
      </c>
      <c r="C1638" s="1" t="s">
        <v>1686</v>
      </c>
      <c r="D1638" s="18">
        <v>23</v>
      </c>
      <c r="E1638" s="1" t="s">
        <v>1464</v>
      </c>
      <c r="F1638" s="1" t="s">
        <v>9156</v>
      </c>
      <c r="G1638" s="1" t="s">
        <v>9157</v>
      </c>
      <c r="H1638" s="1" t="s">
        <v>9158</v>
      </c>
      <c r="I1638" s="1" t="s">
        <v>9159</v>
      </c>
      <c r="K1638" s="1" t="s">
        <v>1334</v>
      </c>
      <c r="L1638" s="1" t="s">
        <v>4951</v>
      </c>
    </row>
    <row r="1639" spans="1:12" x14ac:dyDescent="0.25">
      <c r="A1639" s="1" t="s">
        <v>76</v>
      </c>
      <c r="B1639" s="1" t="s">
        <v>8807</v>
      </c>
      <c r="C1639" s="1" t="s">
        <v>1686</v>
      </c>
      <c r="D1639" s="18">
        <v>24</v>
      </c>
      <c r="E1639" s="1" t="s">
        <v>1470</v>
      </c>
      <c r="F1639" s="1" t="s">
        <v>9160</v>
      </c>
      <c r="G1639" s="1" t="s">
        <v>9161</v>
      </c>
      <c r="H1639" s="1" t="s">
        <v>9162</v>
      </c>
      <c r="I1639" s="1" t="s">
        <v>9163</v>
      </c>
      <c r="K1639" s="1" t="s">
        <v>1334</v>
      </c>
      <c r="L1639" s="1" t="s">
        <v>4951</v>
      </c>
    </row>
    <row r="1640" spans="1:12" x14ac:dyDescent="0.25">
      <c r="A1640" s="1" t="s">
        <v>9164</v>
      </c>
      <c r="B1640" s="1" t="s">
        <v>8807</v>
      </c>
      <c r="C1640" s="1" t="s">
        <v>1686</v>
      </c>
      <c r="D1640" s="18">
        <v>25</v>
      </c>
      <c r="E1640" s="1" t="s">
        <v>1476</v>
      </c>
      <c r="F1640" s="1" t="s">
        <v>9165</v>
      </c>
      <c r="G1640" s="1" t="s">
        <v>9166</v>
      </c>
      <c r="H1640" s="1" t="s">
        <v>9167</v>
      </c>
      <c r="I1640" s="1" t="s">
        <v>9168</v>
      </c>
      <c r="K1640" s="1" t="s">
        <v>1366</v>
      </c>
      <c r="L1640" s="1" t="s">
        <v>4971</v>
      </c>
    </row>
    <row r="1641" spans="1:12" x14ac:dyDescent="0.25">
      <c r="A1641" s="1" t="s">
        <v>9169</v>
      </c>
      <c r="B1641" s="1" t="s">
        <v>8807</v>
      </c>
      <c r="C1641" s="1" t="s">
        <v>1686</v>
      </c>
      <c r="D1641" s="18">
        <v>26</v>
      </c>
      <c r="E1641" s="1" t="s">
        <v>1482</v>
      </c>
      <c r="F1641" s="1" t="s">
        <v>9170</v>
      </c>
      <c r="G1641" s="1" t="s">
        <v>9171</v>
      </c>
      <c r="H1641" s="1" t="s">
        <v>9172</v>
      </c>
      <c r="I1641" s="1" t="s">
        <v>9173</v>
      </c>
      <c r="K1641" s="1" t="s">
        <v>1366</v>
      </c>
      <c r="L1641" s="1" t="s">
        <v>4940</v>
      </c>
    </row>
    <row r="1642" spans="1:12" x14ac:dyDescent="0.25">
      <c r="A1642" s="1" t="s">
        <v>1176</v>
      </c>
      <c r="B1642" s="1" t="s">
        <v>8807</v>
      </c>
      <c r="C1642" s="1" t="s">
        <v>1843</v>
      </c>
      <c r="D1642" s="18">
        <v>1</v>
      </c>
      <c r="E1642" s="1" t="s">
        <v>1329</v>
      </c>
      <c r="F1642" s="1" t="s">
        <v>9174</v>
      </c>
      <c r="G1642" s="1" t="s">
        <v>9175</v>
      </c>
      <c r="H1642" s="1" t="s">
        <v>9176</v>
      </c>
      <c r="I1642" s="1" t="s">
        <v>9177</v>
      </c>
      <c r="K1642" s="1" t="s">
        <v>1366</v>
      </c>
      <c r="L1642" s="1" t="s">
        <v>4940</v>
      </c>
    </row>
    <row r="1643" spans="1:12" x14ac:dyDescent="0.25">
      <c r="A1643" s="1" t="s">
        <v>9178</v>
      </c>
      <c r="B1643" s="1" t="s">
        <v>8807</v>
      </c>
      <c r="C1643" s="1" t="s">
        <v>1843</v>
      </c>
      <c r="D1643" s="18">
        <v>2</v>
      </c>
      <c r="E1643" s="1" t="s">
        <v>1337</v>
      </c>
      <c r="F1643" s="1" t="s">
        <v>9179</v>
      </c>
      <c r="G1643" s="1" t="s">
        <v>9180</v>
      </c>
      <c r="H1643" s="1" t="s">
        <v>9181</v>
      </c>
      <c r="I1643" s="1" t="s">
        <v>9182</v>
      </c>
      <c r="K1643" s="1" t="s">
        <v>1366</v>
      </c>
      <c r="L1643" s="1" t="s">
        <v>4946</v>
      </c>
    </row>
    <row r="1644" spans="1:12" x14ac:dyDescent="0.25">
      <c r="A1644" s="1" t="s">
        <v>9183</v>
      </c>
      <c r="B1644" s="1" t="s">
        <v>8807</v>
      </c>
      <c r="C1644" s="1" t="s">
        <v>1843</v>
      </c>
      <c r="D1644" s="18">
        <v>3</v>
      </c>
      <c r="E1644" s="1" t="s">
        <v>1343</v>
      </c>
      <c r="F1644" s="1" t="s">
        <v>9184</v>
      </c>
      <c r="G1644" s="1" t="s">
        <v>9185</v>
      </c>
      <c r="H1644" s="1" t="s">
        <v>9186</v>
      </c>
      <c r="I1644" s="1" t="s">
        <v>9187</v>
      </c>
      <c r="J1644" s="14" t="s">
        <v>5052</v>
      </c>
      <c r="K1644" s="1" t="s">
        <v>1366</v>
      </c>
      <c r="L1644" s="1" t="s">
        <v>4971</v>
      </c>
    </row>
    <row r="1645" spans="1:12" x14ac:dyDescent="0.25">
      <c r="A1645" s="1" t="s">
        <v>677</v>
      </c>
      <c r="B1645" s="1" t="s">
        <v>8807</v>
      </c>
      <c r="C1645" s="1" t="s">
        <v>1843</v>
      </c>
      <c r="D1645" s="18">
        <v>4</v>
      </c>
      <c r="E1645" s="1" t="s">
        <v>1349</v>
      </c>
      <c r="F1645" s="1" t="s">
        <v>9188</v>
      </c>
      <c r="G1645" s="1" t="s">
        <v>9189</v>
      </c>
      <c r="H1645" s="1" t="s">
        <v>9078</v>
      </c>
      <c r="I1645" s="1" t="s">
        <v>9190</v>
      </c>
      <c r="K1645" s="1" t="s">
        <v>1334</v>
      </c>
      <c r="L1645" s="1" t="s">
        <v>4971</v>
      </c>
    </row>
    <row r="1646" spans="1:12" x14ac:dyDescent="0.25">
      <c r="A1646" s="1" t="s">
        <v>9191</v>
      </c>
      <c r="B1646" s="1" t="s">
        <v>8807</v>
      </c>
      <c r="C1646" s="1" t="s">
        <v>1843</v>
      </c>
      <c r="D1646" s="18">
        <v>5</v>
      </c>
      <c r="E1646" s="1" t="s">
        <v>1355</v>
      </c>
      <c r="F1646" s="1" t="s">
        <v>9192</v>
      </c>
      <c r="G1646" s="1" t="s">
        <v>9193</v>
      </c>
      <c r="H1646" s="1" t="s">
        <v>9194</v>
      </c>
      <c r="I1646" s="1" t="s">
        <v>9195</v>
      </c>
      <c r="K1646" s="1" t="s">
        <v>1334</v>
      </c>
      <c r="L1646" s="1" t="s">
        <v>4946</v>
      </c>
    </row>
    <row r="1647" spans="1:12" x14ac:dyDescent="0.25">
      <c r="A1647" s="1" t="s">
        <v>71</v>
      </c>
      <c r="B1647" s="1" t="s">
        <v>8807</v>
      </c>
      <c r="C1647" s="1" t="s">
        <v>1843</v>
      </c>
      <c r="D1647" s="18">
        <v>6</v>
      </c>
      <c r="E1647" s="1" t="s">
        <v>1361</v>
      </c>
      <c r="F1647" s="1" t="s">
        <v>9196</v>
      </c>
      <c r="G1647" s="1" t="s">
        <v>9197</v>
      </c>
      <c r="H1647" s="1" t="s">
        <v>9198</v>
      </c>
      <c r="I1647" s="1" t="s">
        <v>9199</v>
      </c>
      <c r="K1647" s="1" t="s">
        <v>1334</v>
      </c>
      <c r="L1647" s="1" t="s">
        <v>4946</v>
      </c>
    </row>
    <row r="1648" spans="1:12" x14ac:dyDescent="0.25">
      <c r="A1648" s="1" t="s">
        <v>518</v>
      </c>
      <c r="B1648" s="1" t="s">
        <v>8807</v>
      </c>
      <c r="C1648" s="1" t="s">
        <v>1843</v>
      </c>
      <c r="D1648" s="18">
        <v>7</v>
      </c>
      <c r="E1648" s="1" t="s">
        <v>1368</v>
      </c>
      <c r="F1648" s="1" t="s">
        <v>9200</v>
      </c>
      <c r="G1648" s="1" t="s">
        <v>9201</v>
      </c>
      <c r="H1648" s="1" t="s">
        <v>9149</v>
      </c>
      <c r="I1648" s="1" t="s">
        <v>9202</v>
      </c>
      <c r="K1648" s="1" t="s">
        <v>1366</v>
      </c>
      <c r="L1648" s="1" t="s">
        <v>4971</v>
      </c>
    </row>
    <row r="1649" spans="1:12" x14ac:dyDescent="0.25">
      <c r="A1649" s="1" t="s">
        <v>533</v>
      </c>
      <c r="B1649" s="1" t="s">
        <v>8807</v>
      </c>
      <c r="C1649" s="1" t="s">
        <v>1843</v>
      </c>
      <c r="D1649" s="18">
        <v>8</v>
      </c>
      <c r="E1649" s="1" t="s">
        <v>1374</v>
      </c>
      <c r="F1649" s="1" t="s">
        <v>9203</v>
      </c>
      <c r="G1649" s="1" t="s">
        <v>9204</v>
      </c>
      <c r="H1649" s="1" t="s">
        <v>9205</v>
      </c>
      <c r="I1649" s="1" t="s">
        <v>9206</v>
      </c>
      <c r="K1649" s="1" t="s">
        <v>1366</v>
      </c>
      <c r="L1649" s="1" t="s">
        <v>4951</v>
      </c>
    </row>
    <row r="1650" spans="1:12" x14ac:dyDescent="0.25">
      <c r="A1650" s="1" t="s">
        <v>9207</v>
      </c>
      <c r="B1650" s="1" t="s">
        <v>8807</v>
      </c>
      <c r="C1650" s="1" t="s">
        <v>1843</v>
      </c>
      <c r="D1650" s="18">
        <v>9</v>
      </c>
      <c r="E1650" s="1" t="s">
        <v>1380</v>
      </c>
      <c r="F1650" s="1" t="s">
        <v>9208</v>
      </c>
      <c r="G1650" s="1" t="s">
        <v>9209</v>
      </c>
      <c r="H1650" s="1" t="s">
        <v>9210</v>
      </c>
      <c r="I1650" s="1" t="s">
        <v>9211</v>
      </c>
      <c r="K1650" s="1" t="s">
        <v>1334</v>
      </c>
      <c r="L1650" s="1" t="s">
        <v>4971</v>
      </c>
    </row>
    <row r="1651" spans="1:12" x14ac:dyDescent="0.25">
      <c r="A1651" s="1" t="s">
        <v>9212</v>
      </c>
      <c r="B1651" s="1" t="s">
        <v>8807</v>
      </c>
      <c r="C1651" s="1" t="s">
        <v>1843</v>
      </c>
      <c r="D1651" s="18">
        <v>10</v>
      </c>
      <c r="E1651" s="1" t="s">
        <v>1386</v>
      </c>
      <c r="F1651" s="1" t="s">
        <v>9213</v>
      </c>
      <c r="G1651" s="1" t="s">
        <v>9214</v>
      </c>
      <c r="H1651" s="1" t="s">
        <v>9215</v>
      </c>
      <c r="I1651" s="1" t="s">
        <v>9216</v>
      </c>
      <c r="K1651" s="1" t="s">
        <v>1334</v>
      </c>
      <c r="L1651" s="1" t="s">
        <v>4971</v>
      </c>
    </row>
    <row r="1652" spans="1:12" x14ac:dyDescent="0.25">
      <c r="A1652" s="1" t="s">
        <v>9217</v>
      </c>
      <c r="B1652" s="1" t="s">
        <v>8807</v>
      </c>
      <c r="C1652" s="1" t="s">
        <v>1843</v>
      </c>
      <c r="D1652" s="18">
        <v>11</v>
      </c>
      <c r="E1652" s="1" t="s">
        <v>1392</v>
      </c>
      <c r="F1652" s="1" t="s">
        <v>9218</v>
      </c>
      <c r="G1652" s="1" t="s">
        <v>9219</v>
      </c>
      <c r="H1652" s="1" t="s">
        <v>9220</v>
      </c>
      <c r="I1652" s="1" t="s">
        <v>9221</v>
      </c>
      <c r="K1652" s="1" t="s">
        <v>1334</v>
      </c>
      <c r="L1652" s="1" t="s">
        <v>4951</v>
      </c>
    </row>
    <row r="1653" spans="1:12" x14ac:dyDescent="0.25">
      <c r="A1653" s="1" t="s">
        <v>9222</v>
      </c>
      <c r="B1653" s="1" t="s">
        <v>8807</v>
      </c>
      <c r="C1653" s="1" t="s">
        <v>1843</v>
      </c>
      <c r="D1653" s="18">
        <v>12</v>
      </c>
      <c r="E1653" s="1" t="s">
        <v>1398</v>
      </c>
      <c r="F1653" s="1" t="s">
        <v>9223</v>
      </c>
      <c r="G1653" s="1" t="s">
        <v>9224</v>
      </c>
      <c r="H1653" s="1" t="s">
        <v>9225</v>
      </c>
      <c r="I1653" s="1" t="s">
        <v>9226</v>
      </c>
      <c r="K1653" s="1" t="s">
        <v>1366</v>
      </c>
      <c r="L1653" s="1" t="s">
        <v>4971</v>
      </c>
    </row>
    <row r="1654" spans="1:12" x14ac:dyDescent="0.25">
      <c r="A1654" s="1" t="s">
        <v>70</v>
      </c>
      <c r="B1654" s="1" t="s">
        <v>8807</v>
      </c>
      <c r="C1654" s="1" t="s">
        <v>1843</v>
      </c>
      <c r="D1654" s="18">
        <v>13</v>
      </c>
      <c r="E1654" s="1" t="s">
        <v>1404</v>
      </c>
      <c r="F1654" s="1" t="s">
        <v>9227</v>
      </c>
      <c r="G1654" s="1" t="s">
        <v>9228</v>
      </c>
      <c r="H1654" s="1" t="s">
        <v>8631</v>
      </c>
      <c r="I1654" s="1" t="s">
        <v>9229</v>
      </c>
      <c r="K1654" s="1" t="s">
        <v>1334</v>
      </c>
      <c r="L1654" s="1" t="s">
        <v>4971</v>
      </c>
    </row>
    <row r="1655" spans="1:12" x14ac:dyDescent="0.25">
      <c r="A1655" s="1" t="s">
        <v>9230</v>
      </c>
      <c r="B1655" s="1" t="s">
        <v>8807</v>
      </c>
      <c r="C1655" s="1" t="s">
        <v>1843</v>
      </c>
      <c r="D1655" s="18">
        <v>14</v>
      </c>
      <c r="E1655" s="1" t="s">
        <v>1410</v>
      </c>
      <c r="F1655" s="1" t="s">
        <v>9231</v>
      </c>
      <c r="G1655" s="1" t="s">
        <v>9232</v>
      </c>
      <c r="H1655" s="1" t="s">
        <v>9233</v>
      </c>
      <c r="I1655" s="1" t="s">
        <v>9234</v>
      </c>
      <c r="K1655" s="1" t="s">
        <v>1366</v>
      </c>
      <c r="L1655" s="1" t="s">
        <v>4951</v>
      </c>
    </row>
    <row r="1656" spans="1:12" x14ac:dyDescent="0.25">
      <c r="A1656" s="1" t="s">
        <v>9235</v>
      </c>
      <c r="B1656" s="1" t="s">
        <v>8807</v>
      </c>
      <c r="C1656" s="1" t="s">
        <v>1843</v>
      </c>
      <c r="D1656" s="18">
        <v>15</v>
      </c>
      <c r="E1656" s="1" t="s">
        <v>1416</v>
      </c>
      <c r="F1656" s="1" t="s">
        <v>9236</v>
      </c>
      <c r="G1656" s="1" t="s">
        <v>9237</v>
      </c>
      <c r="H1656" s="1" t="s">
        <v>9238</v>
      </c>
      <c r="I1656" s="1" t="s">
        <v>9239</v>
      </c>
      <c r="K1656" s="1" t="s">
        <v>1366</v>
      </c>
      <c r="L1656" s="1" t="s">
        <v>4971</v>
      </c>
    </row>
    <row r="1657" spans="1:12" x14ac:dyDescent="0.25">
      <c r="A1657" s="1" t="s">
        <v>9240</v>
      </c>
      <c r="B1657" s="1" t="s">
        <v>8807</v>
      </c>
      <c r="C1657" s="1" t="s">
        <v>1843</v>
      </c>
      <c r="D1657" s="18">
        <v>16</v>
      </c>
      <c r="E1657" s="1" t="s">
        <v>1422</v>
      </c>
      <c r="F1657" s="1" t="s">
        <v>9241</v>
      </c>
      <c r="G1657" s="1" t="s">
        <v>9242</v>
      </c>
      <c r="H1657" s="1" t="s">
        <v>9243</v>
      </c>
      <c r="I1657" s="1" t="s">
        <v>9244</v>
      </c>
      <c r="K1657" s="1" t="s">
        <v>1366</v>
      </c>
      <c r="L1657" s="1" t="s">
        <v>4946</v>
      </c>
    </row>
    <row r="1658" spans="1:12" x14ac:dyDescent="0.25">
      <c r="A1658" s="1" t="s">
        <v>532</v>
      </c>
      <c r="B1658" s="1" t="s">
        <v>8807</v>
      </c>
      <c r="C1658" s="1" t="s">
        <v>1843</v>
      </c>
      <c r="D1658" s="18">
        <v>17</v>
      </c>
      <c r="E1658" s="1" t="s">
        <v>1428</v>
      </c>
      <c r="F1658" s="1" t="s">
        <v>9245</v>
      </c>
      <c r="G1658" s="1" t="s">
        <v>9246</v>
      </c>
      <c r="H1658" s="1" t="s">
        <v>9247</v>
      </c>
      <c r="I1658" s="1" t="s">
        <v>9248</v>
      </c>
      <c r="K1658" s="1" t="s">
        <v>1366</v>
      </c>
      <c r="L1658" s="1" t="s">
        <v>4946</v>
      </c>
    </row>
    <row r="1659" spans="1:12" x14ac:dyDescent="0.25">
      <c r="A1659" s="1" t="s">
        <v>534</v>
      </c>
      <c r="B1659" s="1" t="s">
        <v>8807</v>
      </c>
      <c r="C1659" s="1" t="s">
        <v>1843</v>
      </c>
      <c r="D1659" s="18">
        <v>18</v>
      </c>
      <c r="E1659" s="1" t="s">
        <v>1434</v>
      </c>
      <c r="F1659" s="1" t="s">
        <v>9249</v>
      </c>
      <c r="G1659" s="1" t="s">
        <v>9250</v>
      </c>
      <c r="H1659" s="1" t="s">
        <v>9251</v>
      </c>
      <c r="I1659" s="1" t="s">
        <v>9252</v>
      </c>
      <c r="K1659" s="1" t="s">
        <v>1366</v>
      </c>
      <c r="L1659" s="1" t="s">
        <v>4940</v>
      </c>
    </row>
    <row r="1660" spans="1:12" x14ac:dyDescent="0.25">
      <c r="A1660" s="1" t="s">
        <v>511</v>
      </c>
      <c r="B1660" s="1" t="s">
        <v>8807</v>
      </c>
      <c r="C1660" s="1" t="s">
        <v>1843</v>
      </c>
      <c r="D1660" s="18">
        <v>19</v>
      </c>
      <c r="E1660" s="1" t="s">
        <v>1440</v>
      </c>
      <c r="F1660" s="1" t="s">
        <v>9253</v>
      </c>
      <c r="G1660" s="1" t="s">
        <v>9254</v>
      </c>
      <c r="H1660" s="1" t="s">
        <v>9255</v>
      </c>
      <c r="I1660" s="1" t="s">
        <v>9256</v>
      </c>
      <c r="K1660" s="1" t="s">
        <v>1334</v>
      </c>
      <c r="L1660" s="1" t="s">
        <v>4940</v>
      </c>
    </row>
    <row r="1661" spans="1:12" x14ac:dyDescent="0.25">
      <c r="A1661" s="1" t="s">
        <v>73</v>
      </c>
      <c r="B1661" s="1" t="s">
        <v>8807</v>
      </c>
      <c r="C1661" s="1" t="s">
        <v>1843</v>
      </c>
      <c r="D1661" s="18">
        <v>20</v>
      </c>
      <c r="E1661" s="1" t="s">
        <v>1446</v>
      </c>
      <c r="F1661" s="1" t="s">
        <v>9257</v>
      </c>
      <c r="G1661" s="1" t="s">
        <v>9258</v>
      </c>
      <c r="H1661" s="1" t="s">
        <v>9259</v>
      </c>
      <c r="I1661" s="1" t="s">
        <v>9260</v>
      </c>
      <c r="K1661" s="1" t="s">
        <v>1334</v>
      </c>
      <c r="L1661" s="1" t="s">
        <v>4946</v>
      </c>
    </row>
    <row r="1662" spans="1:12" x14ac:dyDescent="0.25">
      <c r="A1662" s="1" t="s">
        <v>521</v>
      </c>
      <c r="B1662" s="1" t="s">
        <v>8807</v>
      </c>
      <c r="C1662" s="1" t="s">
        <v>1843</v>
      </c>
      <c r="D1662" s="18">
        <v>21</v>
      </c>
      <c r="E1662" s="1" t="s">
        <v>1452</v>
      </c>
      <c r="F1662" s="1" t="s">
        <v>9261</v>
      </c>
      <c r="G1662" s="1" t="s">
        <v>9262</v>
      </c>
      <c r="H1662" s="1" t="s">
        <v>8999</v>
      </c>
      <c r="I1662" s="1" t="s">
        <v>9263</v>
      </c>
      <c r="J1662" s="14" t="s">
        <v>1726</v>
      </c>
      <c r="K1662" s="1" t="s">
        <v>1334</v>
      </c>
      <c r="L1662" s="1" t="s">
        <v>4971</v>
      </c>
    </row>
    <row r="1663" spans="1:12" x14ac:dyDescent="0.25">
      <c r="A1663" s="1" t="s">
        <v>9264</v>
      </c>
      <c r="B1663" s="1" t="s">
        <v>8807</v>
      </c>
      <c r="C1663" s="1" t="s">
        <v>1843</v>
      </c>
      <c r="D1663" s="18">
        <v>22</v>
      </c>
      <c r="E1663" s="1" t="s">
        <v>1458</v>
      </c>
      <c r="F1663" s="1" t="s">
        <v>9265</v>
      </c>
      <c r="G1663" s="1" t="s">
        <v>9266</v>
      </c>
      <c r="H1663" s="1" t="s">
        <v>9267</v>
      </c>
      <c r="I1663" s="1" t="s">
        <v>9268</v>
      </c>
      <c r="K1663" s="1" t="s">
        <v>1366</v>
      </c>
      <c r="L1663" s="1" t="s">
        <v>4946</v>
      </c>
    </row>
    <row r="1664" spans="1:12" x14ac:dyDescent="0.25">
      <c r="A1664" s="1" t="s">
        <v>173</v>
      </c>
      <c r="B1664" s="1" t="s">
        <v>8807</v>
      </c>
      <c r="C1664" s="1" t="s">
        <v>1843</v>
      </c>
      <c r="D1664" s="18">
        <v>23</v>
      </c>
      <c r="E1664" s="1" t="s">
        <v>1464</v>
      </c>
      <c r="F1664" s="1" t="s">
        <v>9269</v>
      </c>
      <c r="G1664" s="1" t="s">
        <v>9270</v>
      </c>
      <c r="H1664" s="1" t="s">
        <v>8745</v>
      </c>
      <c r="I1664" s="1" t="s">
        <v>9271</v>
      </c>
      <c r="K1664" s="1" t="s">
        <v>1334</v>
      </c>
      <c r="L1664" s="1" t="s">
        <v>4940</v>
      </c>
    </row>
    <row r="1665" spans="1:12" x14ac:dyDescent="0.25">
      <c r="A1665" s="1" t="s">
        <v>9272</v>
      </c>
      <c r="B1665" s="1" t="s">
        <v>8807</v>
      </c>
      <c r="C1665" s="1" t="s">
        <v>1843</v>
      </c>
      <c r="D1665" s="18">
        <v>24</v>
      </c>
      <c r="E1665" s="1" t="s">
        <v>1470</v>
      </c>
      <c r="F1665" s="1" t="s">
        <v>9273</v>
      </c>
      <c r="G1665" s="1" t="s">
        <v>9274</v>
      </c>
      <c r="H1665" s="1" t="s">
        <v>9275</v>
      </c>
      <c r="I1665" s="1" t="s">
        <v>9276</v>
      </c>
      <c r="K1665" s="1" t="s">
        <v>1366</v>
      </c>
      <c r="L1665" s="1" t="s">
        <v>4951</v>
      </c>
    </row>
    <row r="1666" spans="1:12" x14ac:dyDescent="0.25">
      <c r="A1666" s="1" t="s">
        <v>164</v>
      </c>
      <c r="B1666" s="1" t="s">
        <v>8807</v>
      </c>
      <c r="C1666" s="1" t="s">
        <v>1843</v>
      </c>
      <c r="D1666" s="18">
        <v>25</v>
      </c>
      <c r="E1666" s="1" t="s">
        <v>1476</v>
      </c>
      <c r="F1666" s="1" t="s">
        <v>9277</v>
      </c>
      <c r="G1666" s="1" t="s">
        <v>9278</v>
      </c>
      <c r="H1666" s="1" t="s">
        <v>9279</v>
      </c>
      <c r="I1666" s="1" t="s">
        <v>9280</v>
      </c>
      <c r="K1666" s="1" t="s">
        <v>1334</v>
      </c>
      <c r="L1666" s="1" t="s">
        <v>4946</v>
      </c>
    </row>
    <row r="1667" spans="1:12" x14ac:dyDescent="0.25">
      <c r="A1667" s="1" t="s">
        <v>72</v>
      </c>
      <c r="B1667" s="1" t="s">
        <v>8807</v>
      </c>
      <c r="C1667" s="1" t="s">
        <v>1843</v>
      </c>
      <c r="D1667" s="18">
        <v>26</v>
      </c>
      <c r="E1667" s="1" t="s">
        <v>1482</v>
      </c>
      <c r="F1667" s="1" t="s">
        <v>9281</v>
      </c>
      <c r="G1667" s="1" t="s">
        <v>9282</v>
      </c>
      <c r="H1667" s="1" t="s">
        <v>9181</v>
      </c>
      <c r="I1667" s="1" t="s">
        <v>9283</v>
      </c>
      <c r="K1667" s="1" t="s">
        <v>1334</v>
      </c>
      <c r="L1667" s="1" t="s">
        <v>4951</v>
      </c>
    </row>
    <row r="1668" spans="1:12" x14ac:dyDescent="0.25">
      <c r="A1668" s="1" t="s">
        <v>968</v>
      </c>
      <c r="B1668" s="1" t="s">
        <v>9284</v>
      </c>
      <c r="C1668" s="1" t="s">
        <v>1328</v>
      </c>
      <c r="D1668" s="18">
        <v>1</v>
      </c>
      <c r="E1668" s="1" t="s">
        <v>1329</v>
      </c>
      <c r="F1668" s="1" t="s">
        <v>9285</v>
      </c>
      <c r="G1668" s="1" t="s">
        <v>9286</v>
      </c>
      <c r="H1668" s="1" t="s">
        <v>9287</v>
      </c>
      <c r="I1668" s="1" t="s">
        <v>3966</v>
      </c>
      <c r="K1668" s="1" t="s">
        <v>1366</v>
      </c>
      <c r="L1668" s="1" t="s">
        <v>4946</v>
      </c>
    </row>
    <row r="1669" spans="1:12" x14ac:dyDescent="0.25">
      <c r="A1669" s="15" t="s">
        <v>9288</v>
      </c>
      <c r="B1669" s="1" t="s">
        <v>9284</v>
      </c>
      <c r="C1669" s="1" t="s">
        <v>1328</v>
      </c>
      <c r="D1669" s="18">
        <v>2</v>
      </c>
      <c r="E1669" s="1" t="s">
        <v>1337</v>
      </c>
      <c r="F1669" s="1" t="s">
        <v>9289</v>
      </c>
      <c r="G1669" s="1" t="s">
        <v>9290</v>
      </c>
      <c r="H1669" s="1" t="s">
        <v>9291</v>
      </c>
      <c r="I1669" s="1" t="s">
        <v>9292</v>
      </c>
      <c r="K1669" s="1" t="s">
        <v>1334</v>
      </c>
      <c r="L1669" s="1" t="s">
        <v>4940</v>
      </c>
    </row>
    <row r="1670" spans="1:12" x14ac:dyDescent="0.25">
      <c r="A1670" s="1" t="s">
        <v>606</v>
      </c>
      <c r="B1670" s="1" t="s">
        <v>9284</v>
      </c>
      <c r="C1670" s="1" t="s">
        <v>1328</v>
      </c>
      <c r="D1670" s="18">
        <v>3</v>
      </c>
      <c r="E1670" s="1" t="s">
        <v>1343</v>
      </c>
      <c r="F1670" s="1" t="s">
        <v>9293</v>
      </c>
      <c r="G1670" s="1" t="s">
        <v>9294</v>
      </c>
      <c r="H1670" s="1" t="s">
        <v>9295</v>
      </c>
      <c r="I1670" s="1" t="s">
        <v>9296</v>
      </c>
      <c r="K1670" s="1" t="s">
        <v>1334</v>
      </c>
      <c r="L1670" s="1" t="s">
        <v>4940</v>
      </c>
    </row>
    <row r="1671" spans="1:12" x14ac:dyDescent="0.25">
      <c r="A1671" s="1" t="s">
        <v>9297</v>
      </c>
      <c r="B1671" s="1" t="s">
        <v>9284</v>
      </c>
      <c r="C1671" s="1" t="s">
        <v>1328</v>
      </c>
      <c r="D1671" s="18">
        <v>4</v>
      </c>
      <c r="E1671" s="1" t="s">
        <v>1349</v>
      </c>
      <c r="F1671" s="1" t="s">
        <v>9298</v>
      </c>
      <c r="G1671" s="1" t="s">
        <v>9299</v>
      </c>
      <c r="H1671" s="1" t="s">
        <v>9300</v>
      </c>
      <c r="I1671" s="1" t="s">
        <v>9301</v>
      </c>
      <c r="K1671" s="1" t="s">
        <v>1334</v>
      </c>
      <c r="L1671" s="1" t="s">
        <v>4951</v>
      </c>
    </row>
    <row r="1672" spans="1:12" x14ac:dyDescent="0.25">
      <c r="A1672" s="1" t="s">
        <v>9302</v>
      </c>
      <c r="B1672" s="1" t="s">
        <v>9284</v>
      </c>
      <c r="C1672" s="1" t="s">
        <v>1328</v>
      </c>
      <c r="D1672" s="18">
        <v>5</v>
      </c>
      <c r="E1672" s="1" t="s">
        <v>1355</v>
      </c>
      <c r="F1672" s="1" t="s">
        <v>9303</v>
      </c>
      <c r="G1672" s="1" t="s">
        <v>9304</v>
      </c>
      <c r="H1672" s="1" t="s">
        <v>9305</v>
      </c>
      <c r="I1672" s="1" t="s">
        <v>9306</v>
      </c>
      <c r="K1672" s="1" t="s">
        <v>1334</v>
      </c>
      <c r="L1672" s="1" t="s">
        <v>4951</v>
      </c>
    </row>
    <row r="1673" spans="1:12" x14ac:dyDescent="0.25">
      <c r="A1673" s="1" t="s">
        <v>9307</v>
      </c>
      <c r="B1673" s="1" t="s">
        <v>9284</v>
      </c>
      <c r="C1673" s="1" t="s">
        <v>1328</v>
      </c>
      <c r="D1673" s="18">
        <v>6</v>
      </c>
      <c r="E1673" s="1" t="s">
        <v>1361</v>
      </c>
      <c r="F1673" s="1" t="s">
        <v>9308</v>
      </c>
      <c r="G1673" s="1" t="s">
        <v>9309</v>
      </c>
      <c r="H1673" s="1" t="s">
        <v>9310</v>
      </c>
      <c r="I1673" s="1" t="s">
        <v>9311</v>
      </c>
      <c r="K1673" s="1" t="s">
        <v>1334</v>
      </c>
      <c r="L1673" s="1" t="s">
        <v>4971</v>
      </c>
    </row>
    <row r="1674" spans="1:12" x14ac:dyDescent="0.25">
      <c r="A1674" s="1" t="s">
        <v>9312</v>
      </c>
      <c r="B1674" s="1" t="s">
        <v>9284</v>
      </c>
      <c r="C1674" s="1" t="s">
        <v>1328</v>
      </c>
      <c r="D1674" s="18">
        <v>7</v>
      </c>
      <c r="E1674" s="1" t="s">
        <v>1368</v>
      </c>
      <c r="F1674" s="1" t="s">
        <v>9313</v>
      </c>
      <c r="G1674" s="1" t="s">
        <v>9314</v>
      </c>
      <c r="H1674" s="1" t="s">
        <v>9315</v>
      </c>
      <c r="I1674" s="1" t="s">
        <v>9316</v>
      </c>
      <c r="K1674" s="1" t="s">
        <v>1334</v>
      </c>
      <c r="L1674" s="1" t="s">
        <v>4971</v>
      </c>
    </row>
    <row r="1675" spans="1:12" x14ac:dyDescent="0.25">
      <c r="A1675" s="1" t="s">
        <v>9317</v>
      </c>
      <c r="B1675" s="1" t="s">
        <v>9284</v>
      </c>
      <c r="C1675" s="1" t="s">
        <v>1328</v>
      </c>
      <c r="D1675" s="18">
        <v>8</v>
      </c>
      <c r="E1675" s="1" t="s">
        <v>1374</v>
      </c>
      <c r="F1675" s="1" t="s">
        <v>9318</v>
      </c>
      <c r="G1675" s="1" t="s">
        <v>9319</v>
      </c>
      <c r="H1675" s="1" t="s">
        <v>9320</v>
      </c>
      <c r="I1675" s="1" t="s">
        <v>9321</v>
      </c>
      <c r="K1675" s="1" t="s">
        <v>1334</v>
      </c>
      <c r="L1675" s="1" t="s">
        <v>4940</v>
      </c>
    </row>
    <row r="1676" spans="1:12" x14ac:dyDescent="0.25">
      <c r="A1676" s="1" t="s">
        <v>9322</v>
      </c>
      <c r="B1676" s="1" t="s">
        <v>9284</v>
      </c>
      <c r="C1676" s="1" t="s">
        <v>1328</v>
      </c>
      <c r="D1676" s="18">
        <v>9</v>
      </c>
      <c r="E1676" s="1" t="s">
        <v>1380</v>
      </c>
      <c r="F1676" s="1" t="s">
        <v>9323</v>
      </c>
      <c r="G1676" s="1" t="s">
        <v>9324</v>
      </c>
      <c r="H1676" s="1" t="s">
        <v>9325</v>
      </c>
      <c r="I1676" s="1" t="s">
        <v>9326</v>
      </c>
      <c r="K1676" s="1" t="s">
        <v>1334</v>
      </c>
      <c r="L1676" s="1" t="s">
        <v>4946</v>
      </c>
    </row>
    <row r="1677" spans="1:12" x14ac:dyDescent="0.25">
      <c r="A1677" s="1" t="s">
        <v>9327</v>
      </c>
      <c r="B1677" s="1" t="s">
        <v>9284</v>
      </c>
      <c r="C1677" s="1" t="s">
        <v>1328</v>
      </c>
      <c r="D1677" s="18">
        <v>10</v>
      </c>
      <c r="E1677" s="1" t="s">
        <v>1386</v>
      </c>
      <c r="F1677" s="1" t="s">
        <v>9328</v>
      </c>
      <c r="G1677" s="1" t="s">
        <v>9329</v>
      </c>
      <c r="H1677" s="1" t="s">
        <v>9330</v>
      </c>
      <c r="I1677" s="1" t="s">
        <v>9331</v>
      </c>
      <c r="K1677" s="1" t="s">
        <v>1366</v>
      </c>
      <c r="L1677" s="1" t="s">
        <v>4940</v>
      </c>
    </row>
    <row r="1678" spans="1:12" x14ac:dyDescent="0.25">
      <c r="A1678" s="1" t="s">
        <v>9332</v>
      </c>
      <c r="B1678" s="1" t="s">
        <v>9284</v>
      </c>
      <c r="C1678" s="1" t="s">
        <v>1328</v>
      </c>
      <c r="D1678" s="18">
        <v>11</v>
      </c>
      <c r="E1678" s="1" t="s">
        <v>1392</v>
      </c>
      <c r="F1678" s="1" t="s">
        <v>9333</v>
      </c>
      <c r="G1678" s="1" t="s">
        <v>9334</v>
      </c>
      <c r="H1678" s="1" t="s">
        <v>9335</v>
      </c>
      <c r="I1678" s="1" t="s">
        <v>9336</v>
      </c>
      <c r="K1678" s="1" t="s">
        <v>1366</v>
      </c>
      <c r="L1678" s="1" t="s">
        <v>4940</v>
      </c>
    </row>
    <row r="1679" spans="1:12" x14ac:dyDescent="0.25">
      <c r="A1679" s="1" t="s">
        <v>9337</v>
      </c>
      <c r="B1679" s="1" t="s">
        <v>9284</v>
      </c>
      <c r="C1679" s="1" t="s">
        <v>1328</v>
      </c>
      <c r="D1679" s="18">
        <v>12</v>
      </c>
      <c r="E1679" s="1" t="s">
        <v>1398</v>
      </c>
      <c r="F1679" s="1" t="s">
        <v>9338</v>
      </c>
      <c r="G1679" s="1" t="s">
        <v>9339</v>
      </c>
      <c r="H1679" s="1" t="s">
        <v>9340</v>
      </c>
      <c r="I1679" s="1" t="s">
        <v>9341</v>
      </c>
      <c r="K1679" s="1" t="s">
        <v>1366</v>
      </c>
      <c r="L1679" s="1" t="s">
        <v>4951</v>
      </c>
    </row>
    <row r="1680" spans="1:12" x14ac:dyDescent="0.25">
      <c r="A1680" s="1" t="s">
        <v>9342</v>
      </c>
      <c r="B1680" s="1" t="s">
        <v>9284</v>
      </c>
      <c r="C1680" s="1" t="s">
        <v>1328</v>
      </c>
      <c r="D1680" s="18">
        <v>13</v>
      </c>
      <c r="E1680" s="1" t="s">
        <v>1404</v>
      </c>
      <c r="F1680" s="1" t="s">
        <v>9343</v>
      </c>
      <c r="G1680" s="1" t="s">
        <v>9344</v>
      </c>
      <c r="H1680" s="1" t="s">
        <v>9345</v>
      </c>
      <c r="I1680" s="1" t="s">
        <v>3462</v>
      </c>
      <c r="K1680" s="1" t="s">
        <v>1366</v>
      </c>
      <c r="L1680" s="1" t="s">
        <v>4971</v>
      </c>
    </row>
    <row r="1681" spans="1:12" x14ac:dyDescent="0.25">
      <c r="A1681" s="1" t="s">
        <v>9346</v>
      </c>
      <c r="B1681" s="1" t="s">
        <v>9284</v>
      </c>
      <c r="C1681" s="1" t="s">
        <v>1328</v>
      </c>
      <c r="D1681" s="18">
        <v>14</v>
      </c>
      <c r="E1681" s="1" t="s">
        <v>1410</v>
      </c>
      <c r="F1681" s="1" t="s">
        <v>9347</v>
      </c>
      <c r="G1681" s="1" t="s">
        <v>9348</v>
      </c>
      <c r="H1681" s="1" t="s">
        <v>9349</v>
      </c>
      <c r="I1681" s="1" t="s">
        <v>9350</v>
      </c>
      <c r="K1681" s="1" t="s">
        <v>1334</v>
      </c>
      <c r="L1681" s="1" t="s">
        <v>4946</v>
      </c>
    </row>
    <row r="1682" spans="1:12" x14ac:dyDescent="0.25">
      <c r="A1682" s="1" t="s">
        <v>9351</v>
      </c>
      <c r="B1682" s="1" t="s">
        <v>9284</v>
      </c>
      <c r="C1682" s="1" t="s">
        <v>1328</v>
      </c>
      <c r="D1682" s="18">
        <v>15</v>
      </c>
      <c r="E1682" s="1" t="s">
        <v>1416</v>
      </c>
      <c r="F1682" s="1" t="s">
        <v>9352</v>
      </c>
      <c r="G1682" s="1" t="s">
        <v>9353</v>
      </c>
      <c r="H1682" s="1" t="s">
        <v>9354</v>
      </c>
      <c r="I1682" s="1" t="s">
        <v>9355</v>
      </c>
      <c r="K1682" s="1" t="s">
        <v>1334</v>
      </c>
      <c r="L1682" s="1" t="s">
        <v>4951</v>
      </c>
    </row>
    <row r="1683" spans="1:12" x14ac:dyDescent="0.25">
      <c r="A1683" s="1" t="s">
        <v>9356</v>
      </c>
      <c r="B1683" s="1" t="s">
        <v>9284</v>
      </c>
      <c r="C1683" s="1" t="s">
        <v>1328</v>
      </c>
      <c r="D1683" s="18">
        <v>16</v>
      </c>
      <c r="E1683" s="1" t="s">
        <v>1422</v>
      </c>
      <c r="F1683" s="1" t="s">
        <v>9357</v>
      </c>
      <c r="G1683" s="1" t="s">
        <v>9358</v>
      </c>
      <c r="H1683" s="1" t="s">
        <v>9359</v>
      </c>
      <c r="I1683" s="1" t="s">
        <v>9360</v>
      </c>
      <c r="K1683" s="1" t="s">
        <v>1334</v>
      </c>
      <c r="L1683" s="1" t="s">
        <v>4940</v>
      </c>
    </row>
    <row r="1684" spans="1:12" x14ac:dyDescent="0.25">
      <c r="A1684" s="1" t="s">
        <v>9361</v>
      </c>
      <c r="B1684" s="1" t="s">
        <v>9284</v>
      </c>
      <c r="C1684" s="1" t="s">
        <v>1328</v>
      </c>
      <c r="D1684" s="18">
        <v>17</v>
      </c>
      <c r="E1684" s="1" t="s">
        <v>1428</v>
      </c>
      <c r="F1684" s="1" t="s">
        <v>9362</v>
      </c>
      <c r="G1684" s="1" t="s">
        <v>9363</v>
      </c>
      <c r="H1684" s="1" t="s">
        <v>9364</v>
      </c>
      <c r="I1684" s="1" t="s">
        <v>9365</v>
      </c>
      <c r="K1684" s="1" t="s">
        <v>1366</v>
      </c>
      <c r="L1684" s="1" t="s">
        <v>4940</v>
      </c>
    </row>
    <row r="1685" spans="1:12" x14ac:dyDescent="0.25">
      <c r="A1685" s="1" t="s">
        <v>9366</v>
      </c>
      <c r="B1685" s="1" t="s">
        <v>9284</v>
      </c>
      <c r="C1685" s="1" t="s">
        <v>1328</v>
      </c>
      <c r="D1685" s="18">
        <v>18</v>
      </c>
      <c r="E1685" s="1" t="s">
        <v>1434</v>
      </c>
      <c r="F1685" s="1" t="s">
        <v>9367</v>
      </c>
      <c r="G1685" s="1" t="s">
        <v>9368</v>
      </c>
      <c r="H1685" s="1" t="s">
        <v>9369</v>
      </c>
      <c r="I1685" s="1" t="s">
        <v>9370</v>
      </c>
      <c r="K1685" s="1" t="s">
        <v>1334</v>
      </c>
      <c r="L1685" s="1" t="s">
        <v>4971</v>
      </c>
    </row>
    <row r="1686" spans="1:12" x14ac:dyDescent="0.25">
      <c r="A1686" s="1" t="s">
        <v>9371</v>
      </c>
      <c r="B1686" s="1" t="s">
        <v>9284</v>
      </c>
      <c r="C1686" s="1" t="s">
        <v>1328</v>
      </c>
      <c r="D1686" s="18">
        <v>19</v>
      </c>
      <c r="E1686" s="1" t="s">
        <v>1440</v>
      </c>
      <c r="F1686" s="1" t="s">
        <v>9372</v>
      </c>
      <c r="G1686" s="1" t="s">
        <v>9373</v>
      </c>
      <c r="H1686" s="1" t="s">
        <v>8949</v>
      </c>
      <c r="I1686" s="1" t="s">
        <v>9374</v>
      </c>
      <c r="K1686" s="1" t="s">
        <v>1334</v>
      </c>
      <c r="L1686" s="1" t="s">
        <v>4940</v>
      </c>
    </row>
    <row r="1687" spans="1:12" x14ac:dyDescent="0.25">
      <c r="A1687" s="1" t="s">
        <v>9375</v>
      </c>
      <c r="B1687" s="1" t="s">
        <v>9284</v>
      </c>
      <c r="C1687" s="1" t="s">
        <v>1328</v>
      </c>
      <c r="D1687" s="18">
        <v>20</v>
      </c>
      <c r="E1687" s="1" t="s">
        <v>1446</v>
      </c>
      <c r="F1687" s="1" t="s">
        <v>9376</v>
      </c>
      <c r="G1687" s="1" t="s">
        <v>9377</v>
      </c>
      <c r="H1687" s="1" t="s">
        <v>9116</v>
      </c>
      <c r="I1687" s="1" t="s">
        <v>9378</v>
      </c>
      <c r="K1687" s="1" t="s">
        <v>1334</v>
      </c>
      <c r="L1687" s="1" t="s">
        <v>4946</v>
      </c>
    </row>
    <row r="1688" spans="1:12" x14ac:dyDescent="0.25">
      <c r="A1688" s="1" t="s">
        <v>6570</v>
      </c>
      <c r="B1688" s="1" t="s">
        <v>9284</v>
      </c>
      <c r="C1688" s="1" t="s">
        <v>1328</v>
      </c>
      <c r="D1688" s="18">
        <v>21</v>
      </c>
      <c r="E1688" s="1" t="s">
        <v>1452</v>
      </c>
      <c r="F1688" s="1" t="s">
        <v>9379</v>
      </c>
      <c r="G1688" s="1" t="s">
        <v>9380</v>
      </c>
      <c r="H1688" s="1" t="s">
        <v>9340</v>
      </c>
      <c r="I1688" s="1" t="s">
        <v>9381</v>
      </c>
      <c r="K1688" s="1" t="s">
        <v>1366</v>
      </c>
      <c r="L1688" s="1" t="s">
        <v>4971</v>
      </c>
    </row>
    <row r="1689" spans="1:12" x14ac:dyDescent="0.25">
      <c r="A1689" s="1" t="s">
        <v>9382</v>
      </c>
      <c r="B1689" s="1" t="s">
        <v>9284</v>
      </c>
      <c r="C1689" s="1" t="s">
        <v>1328</v>
      </c>
      <c r="D1689" s="18">
        <v>22</v>
      </c>
      <c r="E1689" s="1" t="s">
        <v>1458</v>
      </c>
      <c r="F1689" s="1" t="s">
        <v>9383</v>
      </c>
      <c r="G1689" s="1" t="s">
        <v>9384</v>
      </c>
      <c r="H1689" s="1" t="s">
        <v>9385</v>
      </c>
      <c r="I1689" s="1" t="s">
        <v>9386</v>
      </c>
      <c r="K1689" s="1" t="s">
        <v>1334</v>
      </c>
      <c r="L1689" s="1" t="s">
        <v>4940</v>
      </c>
    </row>
    <row r="1690" spans="1:12" x14ac:dyDescent="0.25">
      <c r="A1690" s="1" t="s">
        <v>9387</v>
      </c>
      <c r="B1690" s="1" t="s">
        <v>9284</v>
      </c>
      <c r="C1690" s="1" t="s">
        <v>1328</v>
      </c>
      <c r="D1690" s="18">
        <v>23</v>
      </c>
      <c r="E1690" s="1" t="s">
        <v>1464</v>
      </c>
      <c r="F1690" s="1" t="s">
        <v>9388</v>
      </c>
      <c r="G1690" s="1" t="s">
        <v>9389</v>
      </c>
      <c r="H1690" s="1" t="s">
        <v>9390</v>
      </c>
      <c r="I1690" s="1" t="s">
        <v>9391</v>
      </c>
      <c r="K1690" s="1" t="s">
        <v>1334</v>
      </c>
      <c r="L1690" s="1" t="s">
        <v>4946</v>
      </c>
    </row>
    <row r="1691" spans="1:12" x14ac:dyDescent="0.25">
      <c r="A1691" s="1" t="s">
        <v>9392</v>
      </c>
      <c r="B1691" s="1" t="s">
        <v>9284</v>
      </c>
      <c r="C1691" s="1" t="s">
        <v>1328</v>
      </c>
      <c r="D1691" s="18">
        <v>24</v>
      </c>
      <c r="E1691" s="1" t="s">
        <v>1470</v>
      </c>
      <c r="F1691" s="1" t="s">
        <v>9393</v>
      </c>
      <c r="G1691" s="1" t="s">
        <v>9394</v>
      </c>
      <c r="H1691" s="1" t="s">
        <v>9395</v>
      </c>
      <c r="I1691" s="1" t="s">
        <v>9396</v>
      </c>
      <c r="K1691" s="1" t="s">
        <v>1366</v>
      </c>
      <c r="L1691" s="1" t="s">
        <v>4940</v>
      </c>
    </row>
    <row r="1692" spans="1:12" x14ac:dyDescent="0.25">
      <c r="A1692" s="1" t="s">
        <v>9397</v>
      </c>
      <c r="B1692" s="1" t="s">
        <v>9284</v>
      </c>
      <c r="C1692" s="1" t="s">
        <v>1328</v>
      </c>
      <c r="D1692" s="18">
        <v>25</v>
      </c>
      <c r="E1692" s="1" t="s">
        <v>1476</v>
      </c>
      <c r="F1692" s="1" t="s">
        <v>9398</v>
      </c>
      <c r="G1692" s="1" t="s">
        <v>9399</v>
      </c>
      <c r="H1692" s="1" t="s">
        <v>9400</v>
      </c>
      <c r="I1692" s="1" t="s">
        <v>9401</v>
      </c>
      <c r="K1692" s="1" t="s">
        <v>1334</v>
      </c>
      <c r="L1692" s="1" t="s">
        <v>4946</v>
      </c>
    </row>
    <row r="1693" spans="1:12" x14ac:dyDescent="0.25">
      <c r="A1693" s="1" t="s">
        <v>9402</v>
      </c>
      <c r="B1693" s="1" t="s">
        <v>9284</v>
      </c>
      <c r="C1693" s="1" t="s">
        <v>1328</v>
      </c>
      <c r="D1693" s="18">
        <v>26</v>
      </c>
      <c r="E1693" s="1" t="s">
        <v>1482</v>
      </c>
      <c r="F1693" s="1" t="s">
        <v>9403</v>
      </c>
      <c r="G1693" s="1" t="s">
        <v>9404</v>
      </c>
      <c r="H1693" s="1" t="s">
        <v>9405</v>
      </c>
      <c r="I1693" s="1" t="s">
        <v>9406</v>
      </c>
      <c r="K1693" s="1" t="s">
        <v>1334</v>
      </c>
      <c r="L1693" s="1" t="s">
        <v>4971</v>
      </c>
    </row>
    <row r="1694" spans="1:12" x14ac:dyDescent="0.25">
      <c r="A1694" s="1" t="s">
        <v>9407</v>
      </c>
      <c r="B1694" s="1" t="s">
        <v>9284</v>
      </c>
      <c r="C1694" s="1" t="s">
        <v>1328</v>
      </c>
      <c r="D1694" s="18">
        <v>27</v>
      </c>
      <c r="E1694" s="1" t="s">
        <v>1488</v>
      </c>
      <c r="F1694" s="1" t="s">
        <v>9408</v>
      </c>
      <c r="G1694" s="1" t="s">
        <v>9409</v>
      </c>
      <c r="H1694" s="1" t="s">
        <v>9243</v>
      </c>
      <c r="I1694" s="1" t="s">
        <v>9410</v>
      </c>
      <c r="K1694" s="1" t="s">
        <v>1334</v>
      </c>
      <c r="L1694" s="1" t="s">
        <v>4940</v>
      </c>
    </row>
    <row r="1695" spans="1:12" x14ac:dyDescent="0.25">
      <c r="A1695" s="1" t="s">
        <v>9411</v>
      </c>
      <c r="B1695" s="1" t="s">
        <v>9284</v>
      </c>
      <c r="C1695" s="1" t="s">
        <v>1529</v>
      </c>
      <c r="D1695" s="18">
        <v>1</v>
      </c>
      <c r="E1695" s="1" t="s">
        <v>1329</v>
      </c>
      <c r="F1695" s="1" t="s">
        <v>9412</v>
      </c>
      <c r="G1695" s="1" t="s">
        <v>9413</v>
      </c>
      <c r="H1695" s="1" t="s">
        <v>9414</v>
      </c>
      <c r="I1695" s="1" t="s">
        <v>9415</v>
      </c>
      <c r="K1695" s="1" t="s">
        <v>1334</v>
      </c>
      <c r="L1695" s="1" t="s">
        <v>4951</v>
      </c>
    </row>
    <row r="1696" spans="1:12" x14ac:dyDescent="0.25">
      <c r="A1696" s="1" t="s">
        <v>9416</v>
      </c>
      <c r="B1696" s="1" t="s">
        <v>9284</v>
      </c>
      <c r="C1696" s="1" t="s">
        <v>1529</v>
      </c>
      <c r="D1696" s="18">
        <v>2</v>
      </c>
      <c r="E1696" s="1" t="s">
        <v>1337</v>
      </c>
      <c r="F1696" s="1" t="s">
        <v>9417</v>
      </c>
      <c r="G1696" s="1" t="s">
        <v>9418</v>
      </c>
      <c r="H1696" s="1" t="s">
        <v>9419</v>
      </c>
      <c r="I1696" s="1" t="s">
        <v>9420</v>
      </c>
      <c r="K1696" s="1" t="s">
        <v>1334</v>
      </c>
      <c r="L1696" s="1" t="s">
        <v>4951</v>
      </c>
    </row>
    <row r="1697" spans="1:12" x14ac:dyDescent="0.25">
      <c r="A1697" s="1" t="s">
        <v>9421</v>
      </c>
      <c r="B1697" s="1" t="s">
        <v>9284</v>
      </c>
      <c r="C1697" s="1" t="s">
        <v>1529</v>
      </c>
      <c r="D1697" s="18">
        <v>3</v>
      </c>
      <c r="E1697" s="1" t="s">
        <v>1343</v>
      </c>
      <c r="F1697" s="1" t="s">
        <v>9422</v>
      </c>
      <c r="G1697" s="1" t="s">
        <v>9423</v>
      </c>
      <c r="H1697" s="1" t="s">
        <v>9359</v>
      </c>
      <c r="I1697" s="1" t="s">
        <v>9424</v>
      </c>
      <c r="K1697" s="1" t="s">
        <v>1366</v>
      </c>
      <c r="L1697" s="1" t="s">
        <v>4971</v>
      </c>
    </row>
    <row r="1698" spans="1:12" x14ac:dyDescent="0.25">
      <c r="A1698" s="1" t="s">
        <v>9425</v>
      </c>
      <c r="B1698" s="1" t="s">
        <v>9284</v>
      </c>
      <c r="C1698" s="1" t="s">
        <v>1529</v>
      </c>
      <c r="D1698" s="18">
        <v>4</v>
      </c>
      <c r="E1698" s="1" t="s">
        <v>1349</v>
      </c>
      <c r="F1698" s="1" t="s">
        <v>9426</v>
      </c>
      <c r="G1698" s="1" t="s">
        <v>9427</v>
      </c>
      <c r="H1698" s="1" t="s">
        <v>9310</v>
      </c>
      <c r="I1698" s="1" t="s">
        <v>9428</v>
      </c>
      <c r="K1698" s="1" t="s">
        <v>1334</v>
      </c>
      <c r="L1698" s="1" t="s">
        <v>4951</v>
      </c>
    </row>
    <row r="1699" spans="1:12" x14ac:dyDescent="0.25">
      <c r="A1699" s="1" t="s">
        <v>9429</v>
      </c>
      <c r="B1699" s="1" t="s">
        <v>9284</v>
      </c>
      <c r="C1699" s="1" t="s">
        <v>1529</v>
      </c>
      <c r="D1699" s="18">
        <v>5</v>
      </c>
      <c r="E1699" s="1" t="s">
        <v>1355</v>
      </c>
      <c r="F1699" s="1" t="s">
        <v>9430</v>
      </c>
      <c r="G1699" s="1" t="s">
        <v>9431</v>
      </c>
      <c r="H1699" s="1" t="s">
        <v>9432</v>
      </c>
      <c r="I1699" s="1" t="s">
        <v>9433</v>
      </c>
      <c r="K1699" s="1" t="s">
        <v>1334</v>
      </c>
      <c r="L1699" s="1" t="s">
        <v>4951</v>
      </c>
    </row>
    <row r="1700" spans="1:12" x14ac:dyDescent="0.25">
      <c r="A1700" s="1" t="s">
        <v>9434</v>
      </c>
      <c r="B1700" s="1" t="s">
        <v>9284</v>
      </c>
      <c r="C1700" s="1" t="s">
        <v>1529</v>
      </c>
      <c r="D1700" s="18">
        <v>6</v>
      </c>
      <c r="E1700" s="1" t="s">
        <v>1361</v>
      </c>
      <c r="F1700" s="1" t="s">
        <v>9435</v>
      </c>
      <c r="G1700" s="1" t="s">
        <v>9436</v>
      </c>
      <c r="H1700" s="1" t="s">
        <v>9437</v>
      </c>
      <c r="I1700" s="1" t="s">
        <v>9438</v>
      </c>
      <c r="K1700" s="1" t="s">
        <v>1334</v>
      </c>
      <c r="L1700" s="1" t="s">
        <v>4940</v>
      </c>
    </row>
    <row r="1701" spans="1:12" x14ac:dyDescent="0.25">
      <c r="A1701" s="1" t="s">
        <v>9439</v>
      </c>
      <c r="B1701" s="1" t="s">
        <v>9284</v>
      </c>
      <c r="C1701" s="1" t="s">
        <v>1529</v>
      </c>
      <c r="D1701" s="18">
        <v>7</v>
      </c>
      <c r="E1701" s="1" t="s">
        <v>1368</v>
      </c>
      <c r="F1701" s="1" t="s">
        <v>9440</v>
      </c>
      <c r="G1701" s="1" t="s">
        <v>9441</v>
      </c>
      <c r="H1701" s="1" t="s">
        <v>9442</v>
      </c>
      <c r="I1701" s="1" t="s">
        <v>9443</v>
      </c>
      <c r="K1701" s="1" t="s">
        <v>1334</v>
      </c>
      <c r="L1701" s="1" t="s">
        <v>4971</v>
      </c>
    </row>
    <row r="1702" spans="1:12" x14ac:dyDescent="0.25">
      <c r="A1702" s="1" t="s">
        <v>91</v>
      </c>
      <c r="B1702" s="1" t="s">
        <v>9284</v>
      </c>
      <c r="C1702" s="1" t="s">
        <v>1529</v>
      </c>
      <c r="D1702" s="18">
        <v>8</v>
      </c>
      <c r="E1702" s="1" t="s">
        <v>1374</v>
      </c>
      <c r="F1702" s="1" t="s">
        <v>9444</v>
      </c>
      <c r="G1702" s="1" t="s">
        <v>9445</v>
      </c>
      <c r="H1702" s="1" t="s">
        <v>9446</v>
      </c>
      <c r="I1702" s="1" t="s">
        <v>9447</v>
      </c>
      <c r="K1702" s="1" t="s">
        <v>1334</v>
      </c>
      <c r="L1702" s="1" t="s">
        <v>4946</v>
      </c>
    </row>
    <row r="1703" spans="1:12" x14ac:dyDescent="0.25">
      <c r="A1703" s="1" t="s">
        <v>9448</v>
      </c>
      <c r="B1703" s="1" t="s">
        <v>9284</v>
      </c>
      <c r="C1703" s="1" t="s">
        <v>1529</v>
      </c>
      <c r="D1703" s="18">
        <v>9</v>
      </c>
      <c r="E1703" s="1" t="s">
        <v>1380</v>
      </c>
      <c r="F1703" s="1" t="s">
        <v>9449</v>
      </c>
      <c r="G1703" s="1" t="s">
        <v>9450</v>
      </c>
      <c r="H1703" s="1" t="s">
        <v>9451</v>
      </c>
      <c r="I1703" s="1" t="s">
        <v>9452</v>
      </c>
      <c r="K1703" s="1" t="s">
        <v>1366</v>
      </c>
      <c r="L1703" s="1" t="s">
        <v>4946</v>
      </c>
    </row>
    <row r="1704" spans="1:12" x14ac:dyDescent="0.25">
      <c r="A1704" s="1" t="s">
        <v>9453</v>
      </c>
      <c r="B1704" s="1" t="s">
        <v>9284</v>
      </c>
      <c r="C1704" s="1" t="s">
        <v>1529</v>
      </c>
      <c r="D1704" s="18">
        <v>10</v>
      </c>
      <c r="E1704" s="1" t="s">
        <v>1386</v>
      </c>
      <c r="F1704" s="1" t="s">
        <v>9454</v>
      </c>
      <c r="G1704" s="1" t="s">
        <v>9455</v>
      </c>
      <c r="H1704" s="1" t="s">
        <v>9456</v>
      </c>
      <c r="I1704" s="1" t="s">
        <v>9457</v>
      </c>
      <c r="K1704" s="1" t="s">
        <v>1334</v>
      </c>
      <c r="L1704" s="1" t="s">
        <v>4940</v>
      </c>
    </row>
    <row r="1705" spans="1:12" x14ac:dyDescent="0.25">
      <c r="A1705" s="1" t="s">
        <v>9458</v>
      </c>
      <c r="B1705" s="1" t="s">
        <v>9284</v>
      </c>
      <c r="C1705" s="1" t="s">
        <v>1529</v>
      </c>
      <c r="D1705" s="18">
        <v>11</v>
      </c>
      <c r="E1705" s="1" t="s">
        <v>1392</v>
      </c>
      <c r="F1705" s="1" t="s">
        <v>9459</v>
      </c>
      <c r="G1705" s="1" t="s">
        <v>9460</v>
      </c>
      <c r="H1705" s="1" t="s">
        <v>9451</v>
      </c>
      <c r="I1705" s="1" t="s">
        <v>9461</v>
      </c>
      <c r="K1705" s="1" t="s">
        <v>1334</v>
      </c>
      <c r="L1705" s="1" t="s">
        <v>4940</v>
      </c>
    </row>
    <row r="1706" spans="1:12" x14ac:dyDescent="0.25">
      <c r="A1706" s="1" t="s">
        <v>9462</v>
      </c>
      <c r="B1706" s="1" t="s">
        <v>9284</v>
      </c>
      <c r="C1706" s="1" t="s">
        <v>1529</v>
      </c>
      <c r="D1706" s="18">
        <v>12</v>
      </c>
      <c r="E1706" s="1" t="s">
        <v>1398</v>
      </c>
      <c r="F1706" s="1" t="s">
        <v>9463</v>
      </c>
      <c r="G1706" s="1" t="s">
        <v>9464</v>
      </c>
      <c r="H1706" s="1" t="s">
        <v>9465</v>
      </c>
      <c r="I1706" s="1" t="s">
        <v>9466</v>
      </c>
      <c r="K1706" s="1" t="s">
        <v>1334</v>
      </c>
      <c r="L1706" s="1" t="s">
        <v>4951</v>
      </c>
    </row>
    <row r="1707" spans="1:12" x14ac:dyDescent="0.25">
      <c r="A1707" s="15" t="s">
        <v>9467</v>
      </c>
      <c r="B1707" s="1" t="s">
        <v>9284</v>
      </c>
      <c r="C1707" s="1" t="s">
        <v>1529</v>
      </c>
      <c r="D1707" s="18">
        <v>13</v>
      </c>
      <c r="E1707" s="1" t="s">
        <v>1404</v>
      </c>
      <c r="F1707" s="1" t="s">
        <v>9468</v>
      </c>
      <c r="G1707" s="1" t="s">
        <v>9469</v>
      </c>
      <c r="H1707" s="1" t="s">
        <v>9470</v>
      </c>
      <c r="I1707" s="1" t="s">
        <v>9471</v>
      </c>
      <c r="K1707" s="1" t="s">
        <v>1334</v>
      </c>
      <c r="L1707" s="1" t="s">
        <v>4971</v>
      </c>
    </row>
    <row r="1708" spans="1:12" x14ac:dyDescent="0.25">
      <c r="A1708" s="1" t="s">
        <v>9472</v>
      </c>
      <c r="B1708" s="1" t="s">
        <v>9284</v>
      </c>
      <c r="C1708" s="1" t="s">
        <v>1529</v>
      </c>
      <c r="D1708" s="18">
        <v>14</v>
      </c>
      <c r="E1708" s="1" t="s">
        <v>1410</v>
      </c>
      <c r="F1708" s="1" t="s">
        <v>9473</v>
      </c>
      <c r="G1708" s="1" t="s">
        <v>9474</v>
      </c>
      <c r="H1708" s="1" t="s">
        <v>9475</v>
      </c>
      <c r="I1708" s="1" t="s">
        <v>9476</v>
      </c>
      <c r="K1708" s="1" t="s">
        <v>1366</v>
      </c>
      <c r="L1708" s="1" t="s">
        <v>4951</v>
      </c>
    </row>
    <row r="1709" spans="1:12" x14ac:dyDescent="0.25">
      <c r="A1709" s="1" t="s">
        <v>9477</v>
      </c>
      <c r="B1709" s="1" t="s">
        <v>9284</v>
      </c>
      <c r="C1709" s="1" t="s">
        <v>1529</v>
      </c>
      <c r="D1709" s="18">
        <v>15</v>
      </c>
      <c r="E1709" s="1" t="s">
        <v>1416</v>
      </c>
      <c r="F1709" s="1" t="s">
        <v>9478</v>
      </c>
      <c r="G1709" s="1" t="s">
        <v>9479</v>
      </c>
      <c r="H1709" s="1" t="s">
        <v>9480</v>
      </c>
      <c r="I1709" s="1" t="s">
        <v>9481</v>
      </c>
      <c r="K1709" s="1" t="s">
        <v>1366</v>
      </c>
      <c r="L1709" s="1" t="s">
        <v>4946</v>
      </c>
    </row>
    <row r="1710" spans="1:12" x14ac:dyDescent="0.25">
      <c r="A1710" s="1" t="s">
        <v>9482</v>
      </c>
      <c r="B1710" s="1" t="s">
        <v>9284</v>
      </c>
      <c r="C1710" s="1" t="s">
        <v>1529</v>
      </c>
      <c r="D1710" s="18">
        <v>16</v>
      </c>
      <c r="E1710" s="1" t="s">
        <v>1422</v>
      </c>
      <c r="F1710" s="1" t="s">
        <v>9483</v>
      </c>
      <c r="G1710" s="1" t="s">
        <v>9484</v>
      </c>
      <c r="H1710" s="1" t="s">
        <v>9238</v>
      </c>
      <c r="I1710" s="1" t="s">
        <v>9485</v>
      </c>
      <c r="K1710" s="1" t="s">
        <v>1366</v>
      </c>
      <c r="L1710" s="1" t="s">
        <v>4951</v>
      </c>
    </row>
    <row r="1711" spans="1:12" x14ac:dyDescent="0.25">
      <c r="A1711" s="1" t="s">
        <v>607</v>
      </c>
      <c r="B1711" s="1" t="s">
        <v>9284</v>
      </c>
      <c r="C1711" s="1" t="s">
        <v>1529</v>
      </c>
      <c r="D1711" s="18">
        <v>17</v>
      </c>
      <c r="E1711" s="1" t="s">
        <v>1428</v>
      </c>
      <c r="F1711" s="1" t="s">
        <v>9486</v>
      </c>
      <c r="G1711" s="1" t="s">
        <v>9487</v>
      </c>
      <c r="H1711" s="1" t="s">
        <v>9488</v>
      </c>
      <c r="I1711" s="1" t="s">
        <v>9489</v>
      </c>
      <c r="K1711" s="1" t="s">
        <v>1366</v>
      </c>
      <c r="L1711" s="1" t="s">
        <v>4971</v>
      </c>
    </row>
    <row r="1712" spans="1:12" x14ac:dyDescent="0.25">
      <c r="A1712" s="1" t="s">
        <v>608</v>
      </c>
      <c r="B1712" s="1" t="s">
        <v>9284</v>
      </c>
      <c r="C1712" s="1" t="s">
        <v>1529</v>
      </c>
      <c r="D1712" s="18">
        <v>18</v>
      </c>
      <c r="E1712" s="1" t="s">
        <v>1434</v>
      </c>
      <c r="F1712" s="1" t="s">
        <v>9490</v>
      </c>
      <c r="G1712" s="1" t="s">
        <v>9491</v>
      </c>
      <c r="H1712" s="1" t="s">
        <v>9492</v>
      </c>
      <c r="I1712" s="1" t="s">
        <v>9493</v>
      </c>
      <c r="K1712" s="1" t="s">
        <v>1366</v>
      </c>
      <c r="L1712" s="1" t="s">
        <v>4951</v>
      </c>
    </row>
    <row r="1713" spans="1:12" x14ac:dyDescent="0.25">
      <c r="A1713" s="1" t="s">
        <v>187</v>
      </c>
      <c r="B1713" s="1" t="s">
        <v>9284</v>
      </c>
      <c r="C1713" s="1" t="s">
        <v>1529</v>
      </c>
      <c r="D1713" s="18">
        <v>19</v>
      </c>
      <c r="E1713" s="1" t="s">
        <v>1440</v>
      </c>
      <c r="F1713" s="1" t="s">
        <v>9494</v>
      </c>
      <c r="G1713" s="1" t="s">
        <v>9495</v>
      </c>
      <c r="H1713" s="1" t="s">
        <v>9496</v>
      </c>
      <c r="I1713" s="1" t="s">
        <v>9497</v>
      </c>
      <c r="K1713" s="1" t="s">
        <v>1334</v>
      </c>
      <c r="L1713" s="1" t="s">
        <v>4946</v>
      </c>
    </row>
    <row r="1714" spans="1:12" x14ac:dyDescent="0.25">
      <c r="A1714" s="1" t="s">
        <v>9498</v>
      </c>
      <c r="B1714" s="1" t="s">
        <v>9284</v>
      </c>
      <c r="C1714" s="1" t="s">
        <v>1529</v>
      </c>
      <c r="D1714" s="18">
        <v>20</v>
      </c>
      <c r="E1714" s="1" t="s">
        <v>1446</v>
      </c>
      <c r="F1714" s="1" t="s">
        <v>9499</v>
      </c>
      <c r="G1714" s="1" t="s">
        <v>9500</v>
      </c>
      <c r="H1714" s="1" t="s">
        <v>9501</v>
      </c>
      <c r="I1714" s="1" t="s">
        <v>9502</v>
      </c>
      <c r="K1714" s="1" t="s">
        <v>1334</v>
      </c>
      <c r="L1714" s="1" t="s">
        <v>4951</v>
      </c>
    </row>
    <row r="1715" spans="1:12" x14ac:dyDescent="0.25">
      <c r="A1715" s="1" t="s">
        <v>88</v>
      </c>
      <c r="B1715" s="1" t="s">
        <v>9284</v>
      </c>
      <c r="C1715" s="1" t="s">
        <v>1529</v>
      </c>
      <c r="D1715" s="18">
        <v>21</v>
      </c>
      <c r="E1715" s="1" t="s">
        <v>1452</v>
      </c>
      <c r="F1715" s="1" t="s">
        <v>9503</v>
      </c>
      <c r="G1715" s="1" t="s">
        <v>9504</v>
      </c>
      <c r="H1715" s="1" t="s">
        <v>9505</v>
      </c>
      <c r="I1715" s="1" t="s">
        <v>9506</v>
      </c>
      <c r="K1715" s="1" t="s">
        <v>1366</v>
      </c>
      <c r="L1715" s="1" t="s">
        <v>4971</v>
      </c>
    </row>
    <row r="1716" spans="1:12" x14ac:dyDescent="0.25">
      <c r="A1716" s="1" t="s">
        <v>9507</v>
      </c>
      <c r="B1716" s="1" t="s">
        <v>9284</v>
      </c>
      <c r="C1716" s="1" t="s">
        <v>1529</v>
      </c>
      <c r="D1716" s="18">
        <v>22</v>
      </c>
      <c r="E1716" s="1" t="s">
        <v>1458</v>
      </c>
      <c r="F1716" s="1" t="s">
        <v>9508</v>
      </c>
      <c r="G1716" s="1" t="s">
        <v>9509</v>
      </c>
      <c r="H1716" s="1" t="s">
        <v>9510</v>
      </c>
      <c r="I1716" s="1" t="s">
        <v>9511</v>
      </c>
      <c r="K1716" s="1" t="s">
        <v>1334</v>
      </c>
      <c r="L1716" s="1" t="s">
        <v>4971</v>
      </c>
    </row>
    <row r="1717" spans="1:12" x14ac:dyDescent="0.25">
      <c r="A1717" s="1" t="s">
        <v>9512</v>
      </c>
      <c r="B1717" s="1" t="s">
        <v>9284</v>
      </c>
      <c r="C1717" s="1" t="s">
        <v>1529</v>
      </c>
      <c r="D1717" s="18">
        <v>23</v>
      </c>
      <c r="E1717" s="1" t="s">
        <v>1464</v>
      </c>
      <c r="F1717" s="1" t="s">
        <v>9513</v>
      </c>
      <c r="G1717" s="1" t="s">
        <v>9514</v>
      </c>
      <c r="H1717" s="1" t="s">
        <v>9515</v>
      </c>
      <c r="I1717" s="1" t="s">
        <v>9516</v>
      </c>
      <c r="K1717" s="1" t="s">
        <v>1366</v>
      </c>
      <c r="L1717" s="1" t="s">
        <v>4946</v>
      </c>
    </row>
    <row r="1718" spans="1:12" x14ac:dyDescent="0.25">
      <c r="A1718" s="1" t="s">
        <v>1164</v>
      </c>
      <c r="B1718" s="1" t="s">
        <v>9284</v>
      </c>
      <c r="C1718" s="1" t="s">
        <v>1529</v>
      </c>
      <c r="D1718" s="18">
        <v>24</v>
      </c>
      <c r="E1718" s="1" t="s">
        <v>1470</v>
      </c>
      <c r="F1718" s="1" t="s">
        <v>9517</v>
      </c>
      <c r="G1718" s="1" t="s">
        <v>9518</v>
      </c>
      <c r="H1718" s="1" t="s">
        <v>9519</v>
      </c>
      <c r="I1718" s="1" t="s">
        <v>9520</v>
      </c>
      <c r="K1718" s="1" t="s">
        <v>1334</v>
      </c>
      <c r="L1718" s="1" t="s">
        <v>4940</v>
      </c>
    </row>
    <row r="1719" spans="1:12" x14ac:dyDescent="0.25">
      <c r="A1719" s="1" t="s">
        <v>9521</v>
      </c>
      <c r="B1719" s="1" t="s">
        <v>9284</v>
      </c>
      <c r="C1719" s="1" t="s">
        <v>1529</v>
      </c>
      <c r="D1719" s="18">
        <v>25</v>
      </c>
      <c r="E1719" s="1" t="s">
        <v>1476</v>
      </c>
      <c r="F1719" s="1" t="s">
        <v>9522</v>
      </c>
      <c r="G1719" s="1" t="s">
        <v>9523</v>
      </c>
      <c r="H1719" s="1" t="s">
        <v>9524</v>
      </c>
      <c r="I1719" s="1" t="s">
        <v>9525</v>
      </c>
      <c r="K1719" s="1" t="s">
        <v>1334</v>
      </c>
      <c r="L1719" s="1" t="s">
        <v>4971</v>
      </c>
    </row>
    <row r="1720" spans="1:12" x14ac:dyDescent="0.25">
      <c r="A1720" s="1" t="s">
        <v>9526</v>
      </c>
      <c r="B1720" s="1" t="s">
        <v>9284</v>
      </c>
      <c r="C1720" s="1" t="s">
        <v>1529</v>
      </c>
      <c r="D1720" s="18">
        <v>26</v>
      </c>
      <c r="E1720" s="1" t="s">
        <v>1482</v>
      </c>
      <c r="F1720" s="1" t="s">
        <v>9527</v>
      </c>
      <c r="G1720" s="1" t="s">
        <v>9528</v>
      </c>
      <c r="H1720" s="1" t="s">
        <v>9529</v>
      </c>
      <c r="I1720" s="1" t="s">
        <v>9530</v>
      </c>
      <c r="K1720" s="1" t="s">
        <v>1334</v>
      </c>
      <c r="L1720" s="1" t="s">
        <v>4946</v>
      </c>
    </row>
    <row r="1721" spans="1:12" x14ac:dyDescent="0.25">
      <c r="A1721" s="3" t="s">
        <v>9531</v>
      </c>
      <c r="B1721" s="1" t="s">
        <v>9284</v>
      </c>
      <c r="C1721" s="1" t="s">
        <v>1529</v>
      </c>
      <c r="D1721" s="18">
        <v>27</v>
      </c>
      <c r="E1721" s="1" t="s">
        <v>1488</v>
      </c>
      <c r="F1721" s="1" t="s">
        <v>9532</v>
      </c>
      <c r="G1721" s="1" t="s">
        <v>9533</v>
      </c>
      <c r="H1721" s="1" t="s">
        <v>9534</v>
      </c>
      <c r="I1721" s="1" t="s">
        <v>9535</v>
      </c>
      <c r="J1721" s="20" t="s">
        <v>1726</v>
      </c>
      <c r="K1721" s="1" t="s">
        <v>1366</v>
      </c>
      <c r="L1721" s="1" t="s">
        <v>4940</v>
      </c>
    </row>
    <row r="1722" spans="1:12" x14ac:dyDescent="0.25">
      <c r="A1722" s="1" t="s">
        <v>9536</v>
      </c>
      <c r="B1722" s="1" t="s">
        <v>9284</v>
      </c>
      <c r="C1722" s="1" t="s">
        <v>1686</v>
      </c>
      <c r="D1722" s="18">
        <v>1</v>
      </c>
      <c r="E1722" s="1" t="s">
        <v>1329</v>
      </c>
      <c r="F1722" s="1" t="s">
        <v>9537</v>
      </c>
      <c r="G1722" s="1" t="s">
        <v>9538</v>
      </c>
      <c r="H1722" s="1" t="s">
        <v>9539</v>
      </c>
      <c r="I1722" s="1" t="s">
        <v>9540</v>
      </c>
      <c r="K1722" s="1" t="s">
        <v>1334</v>
      </c>
      <c r="L1722" s="1" t="s">
        <v>4940</v>
      </c>
    </row>
    <row r="1723" spans="1:12" x14ac:dyDescent="0.25">
      <c r="A1723" s="1" t="s">
        <v>122</v>
      </c>
      <c r="B1723" s="1" t="s">
        <v>9284</v>
      </c>
      <c r="C1723" s="1" t="s">
        <v>1686</v>
      </c>
      <c r="D1723" s="18">
        <v>2</v>
      </c>
      <c r="E1723" s="1" t="s">
        <v>1337</v>
      </c>
      <c r="F1723" s="1" t="s">
        <v>9541</v>
      </c>
      <c r="G1723" s="1" t="s">
        <v>9542</v>
      </c>
      <c r="H1723" s="1" t="s">
        <v>9543</v>
      </c>
      <c r="I1723" s="1" t="s">
        <v>9544</v>
      </c>
      <c r="K1723" s="1" t="s">
        <v>1366</v>
      </c>
      <c r="L1723" s="1" t="s">
        <v>4971</v>
      </c>
    </row>
    <row r="1724" spans="1:12" x14ac:dyDescent="0.25">
      <c r="A1724" s="1" t="s">
        <v>9545</v>
      </c>
      <c r="B1724" s="1" t="s">
        <v>9284</v>
      </c>
      <c r="C1724" s="1" t="s">
        <v>1686</v>
      </c>
      <c r="D1724" s="18">
        <v>3</v>
      </c>
      <c r="E1724" s="1" t="s">
        <v>1343</v>
      </c>
      <c r="F1724" s="1" t="s">
        <v>9546</v>
      </c>
      <c r="G1724" s="1" t="s">
        <v>9547</v>
      </c>
      <c r="H1724" s="1" t="s">
        <v>9548</v>
      </c>
      <c r="I1724" s="1" t="s">
        <v>9549</v>
      </c>
      <c r="K1724" s="1" t="s">
        <v>1334</v>
      </c>
      <c r="L1724" s="1" t="s">
        <v>4951</v>
      </c>
    </row>
    <row r="1725" spans="1:12" x14ac:dyDescent="0.25">
      <c r="A1725" s="1" t="s">
        <v>85</v>
      </c>
      <c r="B1725" s="1" t="s">
        <v>9284</v>
      </c>
      <c r="C1725" s="1" t="s">
        <v>1686</v>
      </c>
      <c r="D1725" s="18">
        <v>4</v>
      </c>
      <c r="E1725" s="1" t="s">
        <v>1349</v>
      </c>
      <c r="F1725" s="1" t="s">
        <v>9550</v>
      </c>
      <c r="G1725" s="1" t="s">
        <v>9551</v>
      </c>
      <c r="H1725" s="1" t="s">
        <v>9552</v>
      </c>
      <c r="I1725" s="1" t="s">
        <v>9553</v>
      </c>
      <c r="K1725" s="1" t="s">
        <v>1334</v>
      </c>
      <c r="L1725" s="1" t="s">
        <v>4951</v>
      </c>
    </row>
    <row r="1726" spans="1:12" x14ac:dyDescent="0.25">
      <c r="A1726" s="1" t="s">
        <v>9554</v>
      </c>
      <c r="B1726" s="1" t="s">
        <v>9284</v>
      </c>
      <c r="C1726" s="1" t="s">
        <v>1686</v>
      </c>
      <c r="D1726" s="18">
        <v>5</v>
      </c>
      <c r="E1726" s="1" t="s">
        <v>1355</v>
      </c>
      <c r="F1726" s="1" t="s">
        <v>9555</v>
      </c>
      <c r="G1726" s="1" t="s">
        <v>9556</v>
      </c>
      <c r="H1726" s="1" t="s">
        <v>9557</v>
      </c>
      <c r="I1726" s="1" t="s">
        <v>9558</v>
      </c>
      <c r="K1726" s="1" t="s">
        <v>1366</v>
      </c>
      <c r="L1726" s="1" t="s">
        <v>4946</v>
      </c>
    </row>
    <row r="1727" spans="1:12" x14ac:dyDescent="0.25">
      <c r="A1727" s="1" t="s">
        <v>9559</v>
      </c>
      <c r="B1727" s="1" t="s">
        <v>9284</v>
      </c>
      <c r="C1727" s="1" t="s">
        <v>1686</v>
      </c>
      <c r="D1727" s="18">
        <v>6</v>
      </c>
      <c r="E1727" s="1" t="s">
        <v>1361</v>
      </c>
      <c r="F1727" s="1" t="s">
        <v>9560</v>
      </c>
      <c r="G1727" s="1" t="s">
        <v>9561</v>
      </c>
      <c r="H1727" s="1" t="s">
        <v>9562</v>
      </c>
      <c r="I1727" s="1" t="s">
        <v>9563</v>
      </c>
      <c r="K1727" s="1" t="s">
        <v>1334</v>
      </c>
      <c r="L1727" s="1" t="s">
        <v>4971</v>
      </c>
    </row>
    <row r="1728" spans="1:12" x14ac:dyDescent="0.25">
      <c r="A1728" s="1" t="s">
        <v>9564</v>
      </c>
      <c r="B1728" s="1" t="s">
        <v>9284</v>
      </c>
      <c r="C1728" s="1" t="s">
        <v>1686</v>
      </c>
      <c r="D1728" s="18">
        <v>7</v>
      </c>
      <c r="E1728" s="1" t="s">
        <v>1368</v>
      </c>
      <c r="F1728" s="1" t="s">
        <v>9565</v>
      </c>
      <c r="G1728" s="1" t="s">
        <v>9566</v>
      </c>
      <c r="H1728" s="1" t="s">
        <v>9456</v>
      </c>
      <c r="I1728" s="1" t="s">
        <v>9567</v>
      </c>
      <c r="K1728" s="1" t="s">
        <v>1366</v>
      </c>
      <c r="L1728" s="1" t="s">
        <v>4971</v>
      </c>
    </row>
    <row r="1729" spans="1:12" x14ac:dyDescent="0.25">
      <c r="A1729" s="1" t="s">
        <v>519</v>
      </c>
      <c r="B1729" s="1" t="s">
        <v>9284</v>
      </c>
      <c r="C1729" s="1" t="s">
        <v>1686</v>
      </c>
      <c r="D1729" s="18">
        <v>8</v>
      </c>
      <c r="E1729" s="1" t="s">
        <v>1374</v>
      </c>
      <c r="F1729" s="1" t="s">
        <v>9568</v>
      </c>
      <c r="G1729" s="1" t="s">
        <v>9569</v>
      </c>
      <c r="H1729" s="1" t="s">
        <v>9570</v>
      </c>
      <c r="I1729" s="1" t="s">
        <v>9571</v>
      </c>
      <c r="K1729" s="1" t="s">
        <v>1366</v>
      </c>
      <c r="L1729" s="1" t="s">
        <v>4946</v>
      </c>
    </row>
    <row r="1730" spans="1:12" x14ac:dyDescent="0.25">
      <c r="A1730" s="1" t="s">
        <v>9572</v>
      </c>
      <c r="B1730" s="1" t="s">
        <v>9284</v>
      </c>
      <c r="C1730" s="1" t="s">
        <v>1686</v>
      </c>
      <c r="D1730" s="18">
        <v>9</v>
      </c>
      <c r="E1730" s="1" t="s">
        <v>1380</v>
      </c>
      <c r="F1730" s="1" t="s">
        <v>9573</v>
      </c>
      <c r="G1730" s="1" t="s">
        <v>9574</v>
      </c>
      <c r="H1730" s="1" t="s">
        <v>9575</v>
      </c>
      <c r="I1730" s="1" t="s">
        <v>9576</v>
      </c>
      <c r="K1730" s="1" t="s">
        <v>1366</v>
      </c>
      <c r="L1730" s="1" t="s">
        <v>4951</v>
      </c>
    </row>
    <row r="1731" spans="1:12" x14ac:dyDescent="0.25">
      <c r="A1731" s="1" t="s">
        <v>100</v>
      </c>
      <c r="B1731" s="1" t="s">
        <v>9284</v>
      </c>
      <c r="C1731" s="1" t="s">
        <v>1686</v>
      </c>
      <c r="D1731" s="18">
        <v>10</v>
      </c>
      <c r="E1731" s="1" t="s">
        <v>1386</v>
      </c>
      <c r="F1731" s="1" t="s">
        <v>9577</v>
      </c>
      <c r="G1731" s="1" t="s">
        <v>9578</v>
      </c>
      <c r="H1731" s="1" t="s">
        <v>9539</v>
      </c>
      <c r="I1731" s="1" t="s">
        <v>9579</v>
      </c>
      <c r="K1731" s="1" t="s">
        <v>1366</v>
      </c>
      <c r="L1731" s="1" t="s">
        <v>4951</v>
      </c>
    </row>
    <row r="1732" spans="1:12" x14ac:dyDescent="0.25">
      <c r="A1732" s="1" t="s">
        <v>174</v>
      </c>
      <c r="B1732" s="1" t="s">
        <v>9284</v>
      </c>
      <c r="C1732" s="1" t="s">
        <v>1686</v>
      </c>
      <c r="D1732" s="18">
        <v>11</v>
      </c>
      <c r="E1732" s="1" t="s">
        <v>1392</v>
      </c>
      <c r="F1732" s="1" t="s">
        <v>9580</v>
      </c>
      <c r="G1732" s="1" t="s">
        <v>9581</v>
      </c>
      <c r="H1732" s="1" t="s">
        <v>9582</v>
      </c>
      <c r="I1732" s="1" t="s">
        <v>9121</v>
      </c>
      <c r="K1732" s="1" t="s">
        <v>1334</v>
      </c>
      <c r="L1732" s="1" t="s">
        <v>4971</v>
      </c>
    </row>
    <row r="1733" spans="1:12" x14ac:dyDescent="0.25">
      <c r="A1733" s="1" t="s">
        <v>9583</v>
      </c>
      <c r="B1733" s="1" t="s">
        <v>9284</v>
      </c>
      <c r="C1733" s="1" t="s">
        <v>1686</v>
      </c>
      <c r="D1733" s="18">
        <v>12</v>
      </c>
      <c r="E1733" s="1" t="s">
        <v>1398</v>
      </c>
      <c r="F1733" s="1" t="s">
        <v>9584</v>
      </c>
      <c r="G1733" s="1" t="s">
        <v>9585</v>
      </c>
      <c r="H1733" s="1" t="s">
        <v>9586</v>
      </c>
      <c r="I1733" s="1" t="s">
        <v>9587</v>
      </c>
      <c r="K1733" s="1" t="s">
        <v>1366</v>
      </c>
      <c r="L1733" s="1" t="s">
        <v>4946</v>
      </c>
    </row>
    <row r="1734" spans="1:12" x14ac:dyDescent="0.25">
      <c r="A1734" s="1" t="s">
        <v>84</v>
      </c>
      <c r="B1734" s="1" t="s">
        <v>9284</v>
      </c>
      <c r="C1734" s="1" t="s">
        <v>1686</v>
      </c>
      <c r="D1734" s="18">
        <v>13</v>
      </c>
      <c r="E1734" s="1" t="s">
        <v>1404</v>
      </c>
      <c r="F1734" s="1" t="s">
        <v>9588</v>
      </c>
      <c r="G1734" s="1" t="s">
        <v>9589</v>
      </c>
      <c r="H1734" s="1" t="s">
        <v>9590</v>
      </c>
      <c r="I1734" s="1" t="s">
        <v>9591</v>
      </c>
      <c r="K1734" s="1" t="s">
        <v>1366</v>
      </c>
      <c r="L1734" s="1" t="s">
        <v>4940</v>
      </c>
    </row>
    <row r="1735" spans="1:12" x14ac:dyDescent="0.25">
      <c r="A1735" s="1" t="s">
        <v>123</v>
      </c>
      <c r="B1735" s="1" t="s">
        <v>9284</v>
      </c>
      <c r="C1735" s="1" t="s">
        <v>1686</v>
      </c>
      <c r="D1735" s="18">
        <v>14</v>
      </c>
      <c r="E1735" s="1" t="s">
        <v>1410</v>
      </c>
      <c r="F1735" s="1" t="s">
        <v>9592</v>
      </c>
      <c r="G1735" s="1" t="s">
        <v>9593</v>
      </c>
      <c r="H1735" s="1" t="s">
        <v>9594</v>
      </c>
      <c r="I1735" s="1" t="s">
        <v>9595</v>
      </c>
      <c r="K1735" s="1" t="s">
        <v>1366</v>
      </c>
      <c r="L1735" s="1" t="s">
        <v>4971</v>
      </c>
    </row>
    <row r="1736" spans="1:12" x14ac:dyDescent="0.25">
      <c r="A1736" s="1" t="s">
        <v>9596</v>
      </c>
      <c r="B1736" s="1" t="s">
        <v>9284</v>
      </c>
      <c r="C1736" s="1" t="s">
        <v>1686</v>
      </c>
      <c r="D1736" s="18">
        <v>15</v>
      </c>
      <c r="E1736" s="1" t="s">
        <v>1416</v>
      </c>
      <c r="F1736" s="1" t="s">
        <v>9597</v>
      </c>
      <c r="G1736" s="1" t="s">
        <v>9598</v>
      </c>
      <c r="H1736" s="1" t="s">
        <v>9539</v>
      </c>
      <c r="I1736" s="1" t="s">
        <v>9599</v>
      </c>
      <c r="K1736" s="1" t="s">
        <v>1334</v>
      </c>
      <c r="L1736" s="1" t="s">
        <v>4971</v>
      </c>
    </row>
    <row r="1737" spans="1:12" x14ac:dyDescent="0.25">
      <c r="A1737" s="15" t="s">
        <v>94</v>
      </c>
      <c r="B1737" s="1" t="s">
        <v>9284</v>
      </c>
      <c r="C1737" s="1" t="s">
        <v>1686</v>
      </c>
      <c r="D1737" s="18">
        <v>16</v>
      </c>
      <c r="E1737" s="1" t="s">
        <v>1422</v>
      </c>
      <c r="F1737" s="1" t="s">
        <v>9600</v>
      </c>
      <c r="G1737" s="1" t="s">
        <v>9601</v>
      </c>
      <c r="H1737" s="1" t="s">
        <v>9602</v>
      </c>
      <c r="I1737" s="1" t="s">
        <v>9603</v>
      </c>
      <c r="K1737" s="1" t="s">
        <v>1366</v>
      </c>
      <c r="L1737" s="1" t="s">
        <v>4940</v>
      </c>
    </row>
    <row r="1738" spans="1:12" x14ac:dyDescent="0.25">
      <c r="A1738" s="1" t="s">
        <v>124</v>
      </c>
      <c r="B1738" s="1" t="s">
        <v>9284</v>
      </c>
      <c r="C1738" s="1" t="s">
        <v>1686</v>
      </c>
      <c r="D1738" s="18">
        <v>17</v>
      </c>
      <c r="E1738" s="1" t="s">
        <v>1428</v>
      </c>
      <c r="F1738" s="1" t="s">
        <v>9604</v>
      </c>
      <c r="G1738" s="1" t="s">
        <v>9605</v>
      </c>
      <c r="H1738" s="1" t="s">
        <v>9606</v>
      </c>
      <c r="I1738" s="1" t="s">
        <v>9607</v>
      </c>
      <c r="K1738" s="1" t="s">
        <v>1366</v>
      </c>
      <c r="L1738" s="1" t="s">
        <v>4971</v>
      </c>
    </row>
    <row r="1739" spans="1:12" x14ac:dyDescent="0.25">
      <c r="A1739" s="1" t="s">
        <v>9608</v>
      </c>
      <c r="B1739" s="1" t="s">
        <v>9284</v>
      </c>
      <c r="C1739" s="1" t="s">
        <v>1686</v>
      </c>
      <c r="D1739" s="18">
        <v>18</v>
      </c>
      <c r="E1739" s="1" t="s">
        <v>1434</v>
      </c>
      <c r="F1739" s="1" t="s">
        <v>9609</v>
      </c>
      <c r="G1739" s="1" t="s">
        <v>9610</v>
      </c>
      <c r="H1739" s="1" t="s">
        <v>9330</v>
      </c>
      <c r="I1739" s="1" t="s">
        <v>9611</v>
      </c>
      <c r="K1739" s="1" t="s">
        <v>1366</v>
      </c>
      <c r="L1739" s="1" t="s">
        <v>4951</v>
      </c>
    </row>
    <row r="1740" spans="1:12" x14ac:dyDescent="0.25">
      <c r="A1740" s="1" t="s">
        <v>9612</v>
      </c>
      <c r="B1740" s="1" t="s">
        <v>9284</v>
      </c>
      <c r="C1740" s="1" t="s">
        <v>1686</v>
      </c>
      <c r="D1740" s="18">
        <v>19</v>
      </c>
      <c r="E1740" s="1" t="s">
        <v>1440</v>
      </c>
      <c r="F1740" s="1" t="s">
        <v>9613</v>
      </c>
      <c r="G1740" s="1" t="s">
        <v>9614</v>
      </c>
      <c r="H1740" s="1" t="s">
        <v>9615</v>
      </c>
      <c r="I1740" s="1" t="s">
        <v>9616</v>
      </c>
      <c r="K1740" s="1" t="s">
        <v>1334</v>
      </c>
      <c r="L1740" s="1" t="s">
        <v>4951</v>
      </c>
    </row>
    <row r="1741" spans="1:12" x14ac:dyDescent="0.25">
      <c r="A1741" s="1" t="s">
        <v>125</v>
      </c>
      <c r="B1741" s="1" t="s">
        <v>9284</v>
      </c>
      <c r="C1741" s="1" t="s">
        <v>1686</v>
      </c>
      <c r="D1741" s="18">
        <v>20</v>
      </c>
      <c r="E1741" s="1" t="s">
        <v>1446</v>
      </c>
      <c r="F1741" s="1" t="s">
        <v>9617</v>
      </c>
      <c r="G1741" s="1" t="s">
        <v>9618</v>
      </c>
      <c r="H1741" s="1" t="s">
        <v>9619</v>
      </c>
      <c r="I1741" s="1" t="s">
        <v>9620</v>
      </c>
      <c r="K1741" s="1" t="s">
        <v>1366</v>
      </c>
      <c r="L1741" s="1" t="s">
        <v>4951</v>
      </c>
    </row>
    <row r="1742" spans="1:12" x14ac:dyDescent="0.25">
      <c r="A1742" s="1" t="s">
        <v>92</v>
      </c>
      <c r="B1742" s="1" t="s">
        <v>9284</v>
      </c>
      <c r="C1742" s="1" t="s">
        <v>1686</v>
      </c>
      <c r="D1742" s="18">
        <v>21</v>
      </c>
      <c r="E1742" s="1" t="s">
        <v>1452</v>
      </c>
      <c r="F1742" s="1" t="s">
        <v>9621</v>
      </c>
      <c r="G1742" s="1" t="s">
        <v>9622</v>
      </c>
      <c r="H1742" s="1" t="s">
        <v>9623</v>
      </c>
      <c r="I1742" s="1" t="s">
        <v>9624</v>
      </c>
      <c r="K1742" s="1" t="s">
        <v>1334</v>
      </c>
      <c r="L1742" s="1" t="s">
        <v>4940</v>
      </c>
    </row>
    <row r="1743" spans="1:12" x14ac:dyDescent="0.25">
      <c r="A1743" s="1" t="s">
        <v>99</v>
      </c>
      <c r="B1743" s="1" t="s">
        <v>9284</v>
      </c>
      <c r="C1743" s="1" t="s">
        <v>1686</v>
      </c>
      <c r="D1743" s="18">
        <v>22</v>
      </c>
      <c r="E1743" s="1" t="s">
        <v>1458</v>
      </c>
      <c r="F1743" s="1" t="s">
        <v>9625</v>
      </c>
      <c r="G1743" s="1" t="s">
        <v>9626</v>
      </c>
      <c r="H1743" s="1" t="s">
        <v>9505</v>
      </c>
      <c r="I1743" s="1" t="s">
        <v>9627</v>
      </c>
      <c r="K1743" s="1" t="s">
        <v>1334</v>
      </c>
      <c r="L1743" s="1" t="s">
        <v>4951</v>
      </c>
    </row>
    <row r="1744" spans="1:12" x14ac:dyDescent="0.25">
      <c r="A1744" s="1" t="s">
        <v>9628</v>
      </c>
      <c r="B1744" s="1" t="s">
        <v>9284</v>
      </c>
      <c r="C1744" s="1" t="s">
        <v>1686</v>
      </c>
      <c r="D1744" s="18">
        <v>23</v>
      </c>
      <c r="E1744" s="1" t="s">
        <v>1464</v>
      </c>
      <c r="F1744" s="1" t="s">
        <v>9629</v>
      </c>
      <c r="G1744" s="1" t="s">
        <v>9630</v>
      </c>
      <c r="H1744" s="1" t="s">
        <v>9631</v>
      </c>
      <c r="I1744" s="1" t="s">
        <v>9632</v>
      </c>
      <c r="K1744" s="1" t="s">
        <v>1334</v>
      </c>
      <c r="L1744" s="1" t="s">
        <v>4971</v>
      </c>
    </row>
    <row r="1745" spans="1:12" x14ac:dyDescent="0.25">
      <c r="A1745" s="1" t="s">
        <v>4373</v>
      </c>
      <c r="B1745" s="1" t="s">
        <v>9284</v>
      </c>
      <c r="C1745" s="1" t="s">
        <v>1843</v>
      </c>
      <c r="D1745" s="18">
        <v>1</v>
      </c>
      <c r="E1745" s="1" t="s">
        <v>1329</v>
      </c>
      <c r="F1745" s="1" t="s">
        <v>9633</v>
      </c>
      <c r="G1745" s="1" t="s">
        <v>9634</v>
      </c>
      <c r="H1745" s="1" t="s">
        <v>9635</v>
      </c>
      <c r="I1745" s="1" t="s">
        <v>4377</v>
      </c>
      <c r="K1745" s="1" t="s">
        <v>1366</v>
      </c>
      <c r="L1745" s="1" t="s">
        <v>4951</v>
      </c>
    </row>
    <row r="1746" spans="1:12" x14ac:dyDescent="0.25">
      <c r="A1746" s="1" t="s">
        <v>9636</v>
      </c>
      <c r="B1746" s="1" t="s">
        <v>9284</v>
      </c>
      <c r="C1746" s="1" t="s">
        <v>1843</v>
      </c>
      <c r="D1746" s="18">
        <v>2</v>
      </c>
      <c r="E1746" s="1" t="s">
        <v>1337</v>
      </c>
      <c r="F1746" s="1" t="s">
        <v>9637</v>
      </c>
      <c r="G1746" s="1" t="s">
        <v>9638</v>
      </c>
      <c r="H1746" s="1" t="s">
        <v>9639</v>
      </c>
      <c r="I1746" s="1" t="s">
        <v>9640</v>
      </c>
      <c r="K1746" s="1" t="s">
        <v>1334</v>
      </c>
      <c r="L1746" s="1" t="s">
        <v>4946</v>
      </c>
    </row>
    <row r="1747" spans="1:12" x14ac:dyDescent="0.25">
      <c r="A1747" s="1" t="s">
        <v>90</v>
      </c>
      <c r="B1747" s="1" t="s">
        <v>9284</v>
      </c>
      <c r="C1747" s="1" t="s">
        <v>1843</v>
      </c>
      <c r="D1747" s="18">
        <v>3</v>
      </c>
      <c r="E1747" s="1" t="s">
        <v>1343</v>
      </c>
      <c r="F1747" s="1" t="s">
        <v>9641</v>
      </c>
      <c r="G1747" s="1" t="s">
        <v>9642</v>
      </c>
      <c r="H1747" s="1" t="s">
        <v>9643</v>
      </c>
      <c r="I1747" s="1" t="s">
        <v>9644</v>
      </c>
      <c r="K1747" s="1" t="s">
        <v>1366</v>
      </c>
      <c r="L1747" s="1" t="s">
        <v>4951</v>
      </c>
    </row>
    <row r="1748" spans="1:12" x14ac:dyDescent="0.25">
      <c r="A1748" s="1" t="s">
        <v>93</v>
      </c>
      <c r="B1748" s="1" t="s">
        <v>9284</v>
      </c>
      <c r="C1748" s="1" t="s">
        <v>1843</v>
      </c>
      <c r="D1748" s="18">
        <v>4</v>
      </c>
      <c r="E1748" s="1" t="s">
        <v>1349</v>
      </c>
      <c r="F1748" s="1" t="s">
        <v>9645</v>
      </c>
      <c r="G1748" s="1" t="s">
        <v>9646</v>
      </c>
      <c r="H1748" s="1" t="s">
        <v>9647</v>
      </c>
      <c r="I1748" s="1" t="s">
        <v>9648</v>
      </c>
      <c r="K1748" s="1" t="s">
        <v>1334</v>
      </c>
      <c r="L1748" s="1" t="s">
        <v>4940</v>
      </c>
    </row>
    <row r="1749" spans="1:12" x14ac:dyDescent="0.25">
      <c r="A1749" s="1" t="s">
        <v>9649</v>
      </c>
      <c r="B1749" s="1" t="s">
        <v>9284</v>
      </c>
      <c r="C1749" s="1" t="s">
        <v>1843</v>
      </c>
      <c r="D1749" s="18">
        <v>5</v>
      </c>
      <c r="E1749" s="1" t="s">
        <v>1355</v>
      </c>
      <c r="F1749" s="1" t="s">
        <v>9650</v>
      </c>
      <c r="G1749" s="1" t="s">
        <v>9651</v>
      </c>
      <c r="H1749" s="1" t="s">
        <v>9652</v>
      </c>
      <c r="I1749" s="1" t="s">
        <v>9653</v>
      </c>
      <c r="K1749" s="1" t="s">
        <v>1334</v>
      </c>
      <c r="L1749" s="1" t="s">
        <v>4940</v>
      </c>
    </row>
    <row r="1750" spans="1:12" x14ac:dyDescent="0.25">
      <c r="A1750" s="15" t="s">
        <v>98</v>
      </c>
      <c r="B1750" s="1" t="s">
        <v>9284</v>
      </c>
      <c r="C1750" s="1" t="s">
        <v>1843</v>
      </c>
      <c r="D1750" s="18">
        <v>6</v>
      </c>
      <c r="E1750" s="1" t="s">
        <v>1361</v>
      </c>
      <c r="F1750" s="1" t="s">
        <v>9654</v>
      </c>
      <c r="G1750" s="1" t="s">
        <v>9655</v>
      </c>
      <c r="H1750" s="1" t="s">
        <v>9656</v>
      </c>
      <c r="I1750" s="1" t="s">
        <v>9657</v>
      </c>
      <c r="K1750" s="1" t="s">
        <v>1334</v>
      </c>
      <c r="L1750" s="1" t="s">
        <v>4971</v>
      </c>
    </row>
    <row r="1751" spans="1:12" x14ac:dyDescent="0.25">
      <c r="A1751" s="1" t="s">
        <v>9658</v>
      </c>
      <c r="B1751" s="1" t="s">
        <v>9284</v>
      </c>
      <c r="C1751" s="1" t="s">
        <v>1843</v>
      </c>
      <c r="D1751" s="18">
        <v>7</v>
      </c>
      <c r="E1751" s="1" t="s">
        <v>1368</v>
      </c>
      <c r="F1751" s="1" t="s">
        <v>9659</v>
      </c>
      <c r="G1751" s="1" t="s">
        <v>9660</v>
      </c>
      <c r="H1751" s="1" t="s">
        <v>8683</v>
      </c>
      <c r="I1751" s="1" t="s">
        <v>2992</v>
      </c>
      <c r="K1751" s="1" t="s">
        <v>1334</v>
      </c>
      <c r="L1751" s="1" t="s">
        <v>4946</v>
      </c>
    </row>
    <row r="1752" spans="1:12" x14ac:dyDescent="0.25">
      <c r="A1752" s="1" t="s">
        <v>4977</v>
      </c>
      <c r="B1752" s="1" t="s">
        <v>9284</v>
      </c>
      <c r="C1752" s="1" t="s">
        <v>1843</v>
      </c>
      <c r="D1752" s="18">
        <v>8</v>
      </c>
      <c r="E1752" s="1" t="s">
        <v>1374</v>
      </c>
      <c r="F1752" s="1" t="s">
        <v>9661</v>
      </c>
      <c r="G1752" s="1" t="s">
        <v>9662</v>
      </c>
      <c r="H1752" s="1" t="s">
        <v>9590</v>
      </c>
      <c r="I1752" s="1" t="s">
        <v>9663</v>
      </c>
      <c r="K1752" s="1" t="s">
        <v>1334</v>
      </c>
      <c r="L1752" s="1" t="s">
        <v>4951</v>
      </c>
    </row>
    <row r="1753" spans="1:12" x14ac:dyDescent="0.25">
      <c r="A1753" s="1" t="s">
        <v>517</v>
      </c>
      <c r="B1753" s="1" t="s">
        <v>9284</v>
      </c>
      <c r="C1753" s="1" t="s">
        <v>1843</v>
      </c>
      <c r="D1753" s="18">
        <v>9</v>
      </c>
      <c r="E1753" s="1" t="s">
        <v>1380</v>
      </c>
      <c r="F1753" s="1" t="s">
        <v>9664</v>
      </c>
      <c r="G1753" s="1" t="s">
        <v>9665</v>
      </c>
      <c r="H1753" s="1" t="s">
        <v>9515</v>
      </c>
      <c r="I1753" s="1" t="s">
        <v>9666</v>
      </c>
      <c r="K1753" s="1" t="s">
        <v>1366</v>
      </c>
      <c r="L1753" s="1" t="s">
        <v>4971</v>
      </c>
    </row>
    <row r="1754" spans="1:12" x14ac:dyDescent="0.25">
      <c r="A1754" s="1" t="s">
        <v>97</v>
      </c>
      <c r="B1754" s="1" t="s">
        <v>9284</v>
      </c>
      <c r="C1754" s="1" t="s">
        <v>1843</v>
      </c>
      <c r="D1754" s="18">
        <v>10</v>
      </c>
      <c r="E1754" s="1" t="s">
        <v>1386</v>
      </c>
      <c r="F1754" s="1" t="s">
        <v>9667</v>
      </c>
      <c r="G1754" s="1" t="s">
        <v>9668</v>
      </c>
      <c r="H1754" s="1" t="s">
        <v>9669</v>
      </c>
      <c r="I1754" s="1" t="s">
        <v>9670</v>
      </c>
      <c r="K1754" s="1" t="s">
        <v>1366</v>
      </c>
      <c r="L1754" s="1" t="s">
        <v>4940</v>
      </c>
    </row>
    <row r="1755" spans="1:12" x14ac:dyDescent="0.25">
      <c r="A1755" s="1" t="s">
        <v>9671</v>
      </c>
      <c r="B1755" s="1" t="s">
        <v>9284</v>
      </c>
      <c r="C1755" s="1" t="s">
        <v>1843</v>
      </c>
      <c r="D1755" s="18">
        <v>11</v>
      </c>
      <c r="E1755" s="1" t="s">
        <v>1392</v>
      </c>
      <c r="F1755" s="1" t="s">
        <v>9672</v>
      </c>
      <c r="G1755" s="1" t="s">
        <v>9673</v>
      </c>
      <c r="H1755" s="1" t="s">
        <v>9674</v>
      </c>
      <c r="I1755" s="1" t="s">
        <v>9675</v>
      </c>
      <c r="K1755" s="1" t="s">
        <v>1366</v>
      </c>
      <c r="L1755" s="1" t="s">
        <v>4971</v>
      </c>
    </row>
    <row r="1756" spans="1:12" x14ac:dyDescent="0.25">
      <c r="A1756" s="1" t="s">
        <v>83</v>
      </c>
      <c r="B1756" s="1" t="s">
        <v>9284</v>
      </c>
      <c r="C1756" s="1" t="s">
        <v>1843</v>
      </c>
      <c r="D1756" s="18">
        <v>12</v>
      </c>
      <c r="E1756" s="1" t="s">
        <v>1398</v>
      </c>
      <c r="F1756" s="1" t="s">
        <v>9676</v>
      </c>
      <c r="G1756" s="1" t="s">
        <v>9677</v>
      </c>
      <c r="H1756" s="1" t="s">
        <v>9678</v>
      </c>
      <c r="I1756" s="1" t="s">
        <v>9679</v>
      </c>
      <c r="K1756" s="1" t="s">
        <v>1334</v>
      </c>
      <c r="L1756" s="1" t="s">
        <v>4951</v>
      </c>
    </row>
    <row r="1757" spans="1:12" x14ac:dyDescent="0.25">
      <c r="A1757" s="1" t="s">
        <v>9680</v>
      </c>
      <c r="B1757" s="1" t="s">
        <v>9284</v>
      </c>
      <c r="C1757" s="1" t="s">
        <v>1843</v>
      </c>
      <c r="D1757" s="18">
        <v>13</v>
      </c>
      <c r="E1757" s="1" t="s">
        <v>1404</v>
      </c>
      <c r="F1757" s="1" t="s">
        <v>9681</v>
      </c>
      <c r="G1757" s="1" t="s">
        <v>9682</v>
      </c>
      <c r="H1757" s="1" t="s">
        <v>9683</v>
      </c>
      <c r="I1757" s="1" t="s">
        <v>9684</v>
      </c>
      <c r="K1757" s="1" t="s">
        <v>1366</v>
      </c>
      <c r="L1757" s="1" t="s">
        <v>4940</v>
      </c>
    </row>
    <row r="1758" spans="1:12" x14ac:dyDescent="0.25">
      <c r="A1758" s="1" t="s">
        <v>87</v>
      </c>
      <c r="B1758" s="1" t="s">
        <v>9284</v>
      </c>
      <c r="C1758" s="1" t="s">
        <v>1843</v>
      </c>
      <c r="D1758" s="18">
        <v>14</v>
      </c>
      <c r="E1758" s="1" t="s">
        <v>1410</v>
      </c>
      <c r="F1758" s="1" t="s">
        <v>9685</v>
      </c>
      <c r="G1758" s="1" t="s">
        <v>9686</v>
      </c>
      <c r="H1758" s="1" t="s">
        <v>9687</v>
      </c>
      <c r="I1758" s="1" t="s">
        <v>9688</v>
      </c>
      <c r="K1758" s="1" t="s">
        <v>1366</v>
      </c>
      <c r="L1758" s="1" t="s">
        <v>4971</v>
      </c>
    </row>
    <row r="1759" spans="1:12" x14ac:dyDescent="0.25">
      <c r="A1759" s="1" t="s">
        <v>9689</v>
      </c>
      <c r="B1759" s="1" t="s">
        <v>9284</v>
      </c>
      <c r="C1759" s="1" t="s">
        <v>1843</v>
      </c>
      <c r="D1759" s="18">
        <v>15</v>
      </c>
      <c r="E1759" s="1" t="s">
        <v>1416</v>
      </c>
      <c r="F1759" s="1" t="s">
        <v>9690</v>
      </c>
      <c r="G1759" s="1" t="s">
        <v>9691</v>
      </c>
      <c r="H1759" s="1" t="s">
        <v>9692</v>
      </c>
      <c r="I1759" s="1" t="s">
        <v>9693</v>
      </c>
      <c r="K1759" s="1" t="s">
        <v>1334</v>
      </c>
      <c r="L1759" s="1" t="s">
        <v>4940</v>
      </c>
    </row>
    <row r="1760" spans="1:12" x14ac:dyDescent="0.25">
      <c r="A1760" s="1" t="s">
        <v>9694</v>
      </c>
      <c r="B1760" s="1" t="s">
        <v>9284</v>
      </c>
      <c r="C1760" s="1" t="s">
        <v>1843</v>
      </c>
      <c r="D1760" s="18">
        <v>16</v>
      </c>
      <c r="E1760" s="1" t="s">
        <v>1422</v>
      </c>
      <c r="F1760" s="1" t="s">
        <v>9695</v>
      </c>
      <c r="G1760" s="1" t="s">
        <v>9696</v>
      </c>
      <c r="H1760" s="1" t="s">
        <v>9697</v>
      </c>
      <c r="I1760" s="1" t="s">
        <v>9698</v>
      </c>
      <c r="K1760" s="1" t="s">
        <v>1366</v>
      </c>
      <c r="L1760" s="1" t="s">
        <v>4971</v>
      </c>
    </row>
    <row r="1761" spans="1:12" x14ac:dyDescent="0.25">
      <c r="A1761" s="1" t="s">
        <v>9699</v>
      </c>
      <c r="B1761" s="1" t="s">
        <v>9284</v>
      </c>
      <c r="C1761" s="1" t="s">
        <v>1843</v>
      </c>
      <c r="D1761" s="18">
        <v>17</v>
      </c>
      <c r="E1761" s="1" t="s">
        <v>1428</v>
      </c>
      <c r="F1761" s="1" t="s">
        <v>9700</v>
      </c>
      <c r="G1761" s="1" t="s">
        <v>9701</v>
      </c>
      <c r="H1761" s="1" t="s">
        <v>9702</v>
      </c>
      <c r="I1761" s="1" t="s">
        <v>9703</v>
      </c>
      <c r="K1761" s="1" t="s">
        <v>1366</v>
      </c>
      <c r="L1761" s="1" t="s">
        <v>4946</v>
      </c>
    </row>
    <row r="1762" spans="1:12" x14ac:dyDescent="0.25">
      <c r="A1762" s="1" t="s">
        <v>96</v>
      </c>
      <c r="B1762" s="1" t="s">
        <v>9284</v>
      </c>
      <c r="C1762" s="1" t="s">
        <v>1843</v>
      </c>
      <c r="D1762" s="18">
        <v>18</v>
      </c>
      <c r="E1762" s="1" t="s">
        <v>1434</v>
      </c>
      <c r="F1762" s="1" t="s">
        <v>9704</v>
      </c>
      <c r="G1762" s="1" t="s">
        <v>9705</v>
      </c>
      <c r="H1762" s="1" t="s">
        <v>9706</v>
      </c>
      <c r="I1762" s="1" t="s">
        <v>9707</v>
      </c>
      <c r="K1762" s="1" t="s">
        <v>1334</v>
      </c>
      <c r="L1762" s="1" t="s">
        <v>4971</v>
      </c>
    </row>
    <row r="1763" spans="1:12" x14ac:dyDescent="0.25">
      <c r="A1763" s="1" t="s">
        <v>102</v>
      </c>
      <c r="B1763" s="1" t="s">
        <v>9284</v>
      </c>
      <c r="C1763" s="1" t="s">
        <v>1843</v>
      </c>
      <c r="D1763" s="18">
        <v>19</v>
      </c>
      <c r="E1763" s="1" t="s">
        <v>1440</v>
      </c>
      <c r="F1763" s="1" t="s">
        <v>9708</v>
      </c>
      <c r="G1763" s="1" t="s">
        <v>9709</v>
      </c>
      <c r="H1763" s="1" t="s">
        <v>9710</v>
      </c>
      <c r="I1763" s="1" t="s">
        <v>9711</v>
      </c>
      <c r="K1763" s="1" t="s">
        <v>1334</v>
      </c>
      <c r="L1763" s="1" t="s">
        <v>4951</v>
      </c>
    </row>
    <row r="1764" spans="1:12" x14ac:dyDescent="0.25">
      <c r="A1764" s="1" t="s">
        <v>9712</v>
      </c>
      <c r="B1764" s="1" t="s">
        <v>9284</v>
      </c>
      <c r="C1764" s="1" t="s">
        <v>1843</v>
      </c>
      <c r="D1764" s="18">
        <v>20</v>
      </c>
      <c r="E1764" s="1" t="s">
        <v>1446</v>
      </c>
      <c r="F1764" s="1" t="s">
        <v>9713</v>
      </c>
      <c r="G1764" s="1" t="s">
        <v>9714</v>
      </c>
      <c r="H1764" s="1" t="s">
        <v>9586</v>
      </c>
      <c r="I1764" s="1" t="s">
        <v>9715</v>
      </c>
      <c r="K1764" s="1" t="s">
        <v>1334</v>
      </c>
      <c r="L1764" s="1" t="s">
        <v>4940</v>
      </c>
    </row>
    <row r="1765" spans="1:12" x14ac:dyDescent="0.25">
      <c r="A1765" s="1" t="s">
        <v>86</v>
      </c>
      <c r="B1765" s="1" t="s">
        <v>9284</v>
      </c>
      <c r="C1765" s="1" t="s">
        <v>1843</v>
      </c>
      <c r="D1765" s="18">
        <v>21</v>
      </c>
      <c r="E1765" s="1" t="s">
        <v>1452</v>
      </c>
      <c r="F1765" s="1" t="s">
        <v>9716</v>
      </c>
      <c r="G1765" s="1" t="s">
        <v>9717</v>
      </c>
      <c r="H1765" s="1" t="s">
        <v>9345</v>
      </c>
      <c r="I1765" s="1" t="s">
        <v>9718</v>
      </c>
      <c r="K1765" s="1" t="s">
        <v>1334</v>
      </c>
      <c r="L1765" s="1" t="s">
        <v>4946</v>
      </c>
    </row>
    <row r="1766" spans="1:12" x14ac:dyDescent="0.25">
      <c r="A1766" s="1" t="s">
        <v>9719</v>
      </c>
      <c r="B1766" s="1" t="s">
        <v>9284</v>
      </c>
      <c r="C1766" s="1" t="s">
        <v>1843</v>
      </c>
      <c r="D1766" s="18">
        <v>22</v>
      </c>
      <c r="E1766" s="1" t="s">
        <v>1458</v>
      </c>
      <c r="F1766" s="1" t="s">
        <v>9720</v>
      </c>
      <c r="G1766" s="1" t="s">
        <v>9721</v>
      </c>
      <c r="H1766" s="1" t="s">
        <v>9722</v>
      </c>
      <c r="I1766" s="1" t="s">
        <v>9723</v>
      </c>
      <c r="K1766" s="1" t="s">
        <v>1334</v>
      </c>
      <c r="L1766" s="1" t="s">
        <v>4940</v>
      </c>
    </row>
    <row r="1767" spans="1:12" x14ac:dyDescent="0.25">
      <c r="A1767" s="1" t="s">
        <v>89</v>
      </c>
      <c r="B1767" s="1" t="s">
        <v>9284</v>
      </c>
      <c r="C1767" s="1" t="s">
        <v>1843</v>
      </c>
      <c r="D1767" s="18">
        <v>23</v>
      </c>
      <c r="E1767" s="1" t="s">
        <v>1464</v>
      </c>
      <c r="F1767" s="1" t="s">
        <v>9724</v>
      </c>
      <c r="G1767" s="1" t="s">
        <v>9725</v>
      </c>
      <c r="H1767" s="1" t="s">
        <v>9726</v>
      </c>
      <c r="I1767" s="1" t="s">
        <v>9727</v>
      </c>
      <c r="K1767" s="1" t="s">
        <v>1366</v>
      </c>
      <c r="L1767" s="1" t="s">
        <v>4971</v>
      </c>
    </row>
    <row r="1768" spans="1:12" x14ac:dyDescent="0.25">
      <c r="A1768" s="1" t="s">
        <v>95</v>
      </c>
      <c r="B1768" s="1" t="s">
        <v>9284</v>
      </c>
      <c r="C1768" s="1" t="s">
        <v>1843</v>
      </c>
      <c r="D1768" s="18">
        <v>24</v>
      </c>
      <c r="E1768" s="1" t="s">
        <v>1470</v>
      </c>
      <c r="F1768" s="1" t="s">
        <v>9728</v>
      </c>
      <c r="G1768" s="1" t="s">
        <v>9729</v>
      </c>
      <c r="H1768" s="1" t="s">
        <v>9726</v>
      </c>
      <c r="I1768" s="1" t="s">
        <v>9730</v>
      </c>
      <c r="K1768" s="1" t="s">
        <v>1334</v>
      </c>
      <c r="L1768" s="1" t="s">
        <v>4940</v>
      </c>
    </row>
    <row r="1769" spans="1:12" x14ac:dyDescent="0.25">
      <c r="A1769" s="1" t="s">
        <v>9731</v>
      </c>
      <c r="B1769" s="1" t="s">
        <v>9284</v>
      </c>
      <c r="C1769" s="1" t="s">
        <v>1843</v>
      </c>
      <c r="D1769" s="18">
        <v>25</v>
      </c>
      <c r="E1769" s="1" t="s">
        <v>1476</v>
      </c>
      <c r="F1769" s="1" t="s">
        <v>9732</v>
      </c>
      <c r="G1769" s="1" t="s">
        <v>9733</v>
      </c>
      <c r="H1769" s="1" t="s">
        <v>9734</v>
      </c>
      <c r="I1769" s="1" t="s">
        <v>9735</v>
      </c>
      <c r="K1769" s="1" t="s">
        <v>1366</v>
      </c>
      <c r="L1769" s="1" t="s">
        <v>4946</v>
      </c>
    </row>
  </sheetData>
  <phoneticPr fontId="3" type="noConversion"/>
  <conditionalFormatting sqref="A1016:A1048576">
    <cfRule type="duplicateValues" dxfId="7" priority="2"/>
    <cfRule type="duplicateValues" dxfId="6" priority="3"/>
  </conditionalFormatting>
  <conditionalFormatting sqref="A1:A1015">
    <cfRule type="duplicateValues" dxfId="5" priority="1"/>
  </conditionalFormatting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768"/>
  <sheetViews>
    <sheetView workbookViewId="0">
      <selection activeCell="I9" sqref="I9"/>
    </sheetView>
  </sheetViews>
  <sheetFormatPr defaultRowHeight="16.5" x14ac:dyDescent="0.25"/>
  <cols>
    <col min="1" max="4" width="9" style="14"/>
    <col min="5" max="5" width="9.5" style="14" bestFit="1" customWidth="1"/>
    <col min="6" max="7" width="9" style="14"/>
    <col min="8" max="8" width="21.875" style="14" bestFit="1" customWidth="1"/>
    <col min="9" max="16384" width="9" style="14"/>
  </cols>
  <sheetData>
    <row r="1" spans="1:10" x14ac:dyDescent="0.25">
      <c r="E1" s="56" t="s">
        <v>9749</v>
      </c>
    </row>
    <row r="2" spans="1:10" x14ac:dyDescent="0.25">
      <c r="A2" s="14" t="s">
        <v>2071</v>
      </c>
      <c r="E2" s="55" t="s">
        <v>3719</v>
      </c>
      <c r="F2" s="14" t="s">
        <v>9763</v>
      </c>
      <c r="G2" s="14">
        <v>12</v>
      </c>
      <c r="H2" s="14" t="s">
        <v>9757</v>
      </c>
      <c r="I2" s="14" t="s">
        <v>369</v>
      </c>
      <c r="J2" s="14" t="str">
        <f>$E$1&amp;"-"&amp;H2</f>
        <v>公認品勢-男子少兒初級一組B組</v>
      </c>
    </row>
    <row r="3" spans="1:10" x14ac:dyDescent="0.25">
      <c r="A3" s="14" t="s">
        <v>3280</v>
      </c>
      <c r="E3" s="56" t="s">
        <v>1749</v>
      </c>
      <c r="F3" s="14" t="s">
        <v>305</v>
      </c>
      <c r="G3" s="14">
        <v>14</v>
      </c>
      <c r="H3" s="14" t="s">
        <v>9750</v>
      </c>
      <c r="I3" s="14" t="s">
        <v>374</v>
      </c>
      <c r="J3" s="14" t="str">
        <f t="shared" ref="J3:J9" si="0">$E$1&amp;"-"&amp;H3</f>
        <v>公認品勢-男子少兒初級二組B組</v>
      </c>
    </row>
    <row r="4" spans="1:10" x14ac:dyDescent="0.25">
      <c r="A4" s="14" t="s">
        <v>3280</v>
      </c>
      <c r="E4" s="56" t="s">
        <v>4027</v>
      </c>
      <c r="F4" s="14" t="s">
        <v>9764</v>
      </c>
      <c r="G4" s="14">
        <v>17</v>
      </c>
      <c r="H4" s="14" t="s">
        <v>9751</v>
      </c>
      <c r="I4" s="14" t="s">
        <v>372</v>
      </c>
      <c r="J4" s="14" t="str">
        <f t="shared" si="0"/>
        <v>公認品勢-男子少兒初級二組F組</v>
      </c>
    </row>
    <row r="5" spans="1:10" x14ac:dyDescent="0.25">
      <c r="A5" s="14" t="s">
        <v>4437</v>
      </c>
      <c r="E5" s="56" t="s">
        <v>4560</v>
      </c>
      <c r="F5" s="14" t="s">
        <v>9765</v>
      </c>
      <c r="G5" s="14">
        <v>10</v>
      </c>
      <c r="H5" s="14" t="s">
        <v>9752</v>
      </c>
      <c r="I5" s="14" t="s">
        <v>372</v>
      </c>
      <c r="J5" s="14" t="str">
        <f t="shared" si="0"/>
        <v>公認品勢-男子兒童初級二組B組</v>
      </c>
    </row>
    <row r="6" spans="1:10" x14ac:dyDescent="0.25">
      <c r="A6" s="14" t="s">
        <v>2071</v>
      </c>
      <c r="E6" s="56" t="s">
        <v>6114</v>
      </c>
      <c r="F6" s="14" t="s">
        <v>347</v>
      </c>
      <c r="G6" s="14">
        <v>9</v>
      </c>
      <c r="H6" s="14" t="s">
        <v>9753</v>
      </c>
      <c r="I6" s="56" t="s">
        <v>374</v>
      </c>
      <c r="J6" s="14" t="str">
        <f t="shared" si="0"/>
        <v>公認品勢-男子兒童中級組A組</v>
      </c>
    </row>
    <row r="7" spans="1:10" x14ac:dyDescent="0.25">
      <c r="A7" s="14" t="s">
        <v>4512</v>
      </c>
      <c r="E7" s="56" t="s">
        <v>5596</v>
      </c>
      <c r="F7" s="14" t="s">
        <v>9766</v>
      </c>
      <c r="G7" s="14">
        <v>5</v>
      </c>
      <c r="H7" s="14" t="s">
        <v>9754</v>
      </c>
      <c r="I7" s="57" t="s">
        <v>1018</v>
      </c>
      <c r="J7" s="14" t="str">
        <f t="shared" si="0"/>
        <v>公認品勢-男子兒童中級組D組</v>
      </c>
    </row>
    <row r="8" spans="1:10" x14ac:dyDescent="0.25">
      <c r="A8" s="14" t="s">
        <v>5396</v>
      </c>
      <c r="E8" s="56" t="s">
        <v>377</v>
      </c>
      <c r="F8" s="14" t="s">
        <v>347</v>
      </c>
      <c r="G8" s="14">
        <v>18</v>
      </c>
      <c r="H8" s="14" t="s">
        <v>9755</v>
      </c>
      <c r="I8" s="57" t="s">
        <v>374</v>
      </c>
      <c r="J8" s="14" t="str">
        <f t="shared" si="0"/>
        <v>公認品勢-男子兒童高級組A組</v>
      </c>
    </row>
    <row r="9" spans="1:10" x14ac:dyDescent="0.25">
      <c r="A9" s="14" t="s">
        <v>4512</v>
      </c>
      <c r="E9" s="56" t="s">
        <v>164</v>
      </c>
      <c r="F9" s="14" t="s">
        <v>78</v>
      </c>
      <c r="G9" s="14">
        <v>25</v>
      </c>
      <c r="H9" s="14" t="s">
        <v>9756</v>
      </c>
      <c r="I9" s="57" t="s">
        <v>374</v>
      </c>
      <c r="J9" s="14" t="str">
        <f t="shared" si="0"/>
        <v>公認品勢-女子青年中級組</v>
      </c>
    </row>
    <row r="10" spans="1:10" x14ac:dyDescent="0.25">
      <c r="A10" s="14" t="s">
        <v>4437</v>
      </c>
      <c r="E10" s="57"/>
    </row>
    <row r="11" spans="1:10" x14ac:dyDescent="0.25">
      <c r="A11" s="14" t="s">
        <v>5396</v>
      </c>
      <c r="E11" s="56" t="s">
        <v>9748</v>
      </c>
    </row>
    <row r="12" spans="1:10" x14ac:dyDescent="0.25">
      <c r="A12" s="14" t="s">
        <v>6570</v>
      </c>
      <c r="E12" s="56" t="s">
        <v>4898</v>
      </c>
      <c r="F12" s="14" t="s">
        <v>855</v>
      </c>
      <c r="G12" s="14">
        <v>23</v>
      </c>
      <c r="H12" s="56" t="s">
        <v>9767</v>
      </c>
      <c r="I12" s="14" t="s">
        <v>369</v>
      </c>
      <c r="J12" s="14" t="str">
        <f>$E$11&amp;"-"&amp;H12</f>
        <v>快腿-女子兒童中級組B組</v>
      </c>
    </row>
    <row r="13" spans="1:10" x14ac:dyDescent="0.25">
      <c r="A13" s="14" t="s">
        <v>174</v>
      </c>
      <c r="E13" s="56" t="s">
        <v>3719</v>
      </c>
      <c r="F13" s="14" t="s">
        <v>9763</v>
      </c>
      <c r="G13" s="14">
        <v>12</v>
      </c>
      <c r="H13" s="14" t="s">
        <v>9760</v>
      </c>
      <c r="I13" s="14" t="s">
        <v>372</v>
      </c>
      <c r="J13" s="14" t="str">
        <f t="shared" ref="J13:J18" si="1">$E$11&amp;"-"&amp;H13</f>
        <v>快腿-男子少兒初級一組G組</v>
      </c>
    </row>
    <row r="14" spans="1:10" x14ac:dyDescent="0.25">
      <c r="A14" s="14" t="s">
        <v>6570</v>
      </c>
      <c r="E14" s="56" t="s">
        <v>1749</v>
      </c>
      <c r="F14" s="14" t="s">
        <v>305</v>
      </c>
      <c r="G14" s="14">
        <v>14</v>
      </c>
      <c r="H14" s="14" t="s">
        <v>9750</v>
      </c>
      <c r="I14" s="14" t="s">
        <v>1018</v>
      </c>
      <c r="J14" s="14" t="str">
        <f t="shared" si="1"/>
        <v>快腿-男子少兒初級二組B組</v>
      </c>
    </row>
    <row r="15" spans="1:10" x14ac:dyDescent="0.25">
      <c r="A15" s="14" t="s">
        <v>174</v>
      </c>
      <c r="E15" s="56" t="s">
        <v>3733</v>
      </c>
      <c r="F15" s="14" t="s">
        <v>9763</v>
      </c>
      <c r="G15" s="14">
        <v>15</v>
      </c>
      <c r="H15" s="14" t="s">
        <v>9761</v>
      </c>
      <c r="I15" s="14" t="s">
        <v>372</v>
      </c>
      <c r="J15" s="14" t="str">
        <f t="shared" si="1"/>
        <v>快腿-男子少兒初級二級F組</v>
      </c>
    </row>
    <row r="16" spans="1:10" x14ac:dyDescent="0.25">
      <c r="A16" s="14" t="s">
        <v>1326</v>
      </c>
      <c r="E16" s="56" t="s">
        <v>4560</v>
      </c>
      <c r="F16" s="14" t="s">
        <v>9765</v>
      </c>
      <c r="G16" s="14">
        <v>10</v>
      </c>
      <c r="H16" s="14" t="s">
        <v>9762</v>
      </c>
      <c r="I16" s="14" t="s">
        <v>1018</v>
      </c>
      <c r="J16" s="14" t="str">
        <f t="shared" si="1"/>
        <v>快腿-男子兒童初級二組A組</v>
      </c>
    </row>
    <row r="17" spans="1:10" x14ac:dyDescent="0.25">
      <c r="A17" s="14" t="s">
        <v>1336</v>
      </c>
      <c r="E17" s="56" t="s">
        <v>6114</v>
      </c>
      <c r="F17" s="14" t="s">
        <v>347</v>
      </c>
      <c r="G17" s="14">
        <v>9</v>
      </c>
      <c r="H17" s="56" t="s">
        <v>9768</v>
      </c>
      <c r="I17" s="57" t="s">
        <v>374</v>
      </c>
      <c r="J17" s="14" t="str">
        <f t="shared" si="1"/>
        <v>快腿-男子兒童中級組B組</v>
      </c>
    </row>
    <row r="18" spans="1:10" x14ac:dyDescent="0.25">
      <c r="A18" s="14" t="s">
        <v>1342</v>
      </c>
      <c r="E18" s="56" t="s">
        <v>377</v>
      </c>
      <c r="F18" s="14" t="s">
        <v>347</v>
      </c>
      <c r="G18" s="14">
        <v>18</v>
      </c>
      <c r="H18" s="56" t="s">
        <v>9769</v>
      </c>
      <c r="I18" s="57" t="s">
        <v>374</v>
      </c>
      <c r="J18" s="14" t="str">
        <f t="shared" si="1"/>
        <v>快腿-男子兒童高級組B組</v>
      </c>
    </row>
    <row r="19" spans="1:10" x14ac:dyDescent="0.25">
      <c r="A19" s="14" t="s">
        <v>1348</v>
      </c>
    </row>
    <row r="20" spans="1:10" x14ac:dyDescent="0.25">
      <c r="A20" s="14" t="s">
        <v>1354</v>
      </c>
    </row>
    <row r="21" spans="1:10" x14ac:dyDescent="0.25">
      <c r="A21" s="14" t="s">
        <v>1360</v>
      </c>
    </row>
    <row r="22" spans="1:10" x14ac:dyDescent="0.25">
      <c r="A22" s="14" t="s">
        <v>1367</v>
      </c>
    </row>
    <row r="23" spans="1:10" x14ac:dyDescent="0.25">
      <c r="A23" s="14" t="s">
        <v>1373</v>
      </c>
    </row>
    <row r="24" spans="1:10" x14ac:dyDescent="0.25">
      <c r="A24" s="14" t="s">
        <v>1379</v>
      </c>
    </row>
    <row r="25" spans="1:10" x14ac:dyDescent="0.25">
      <c r="A25" s="14" t="s">
        <v>1385</v>
      </c>
    </row>
    <row r="26" spans="1:10" x14ac:dyDescent="0.25">
      <c r="A26" s="14" t="s">
        <v>1391</v>
      </c>
    </row>
    <row r="27" spans="1:10" x14ac:dyDescent="0.25">
      <c r="A27" s="14" t="s">
        <v>1397</v>
      </c>
    </row>
    <row r="28" spans="1:10" x14ac:dyDescent="0.25">
      <c r="A28" s="14" t="s">
        <v>1403</v>
      </c>
    </row>
    <row r="29" spans="1:10" x14ac:dyDescent="0.25">
      <c r="A29" s="14" t="s">
        <v>1409</v>
      </c>
    </row>
    <row r="30" spans="1:10" x14ac:dyDescent="0.25">
      <c r="A30" s="14" t="s">
        <v>1415</v>
      </c>
    </row>
    <row r="31" spans="1:10" x14ac:dyDescent="0.25">
      <c r="A31" s="14" t="s">
        <v>1421</v>
      </c>
    </row>
    <row r="32" spans="1:10" x14ac:dyDescent="0.25">
      <c r="A32" s="14" t="s">
        <v>1427</v>
      </c>
    </row>
    <row r="33" spans="1:1" x14ac:dyDescent="0.25">
      <c r="A33" s="14" t="s">
        <v>1433</v>
      </c>
    </row>
    <row r="34" spans="1:1" x14ac:dyDescent="0.25">
      <c r="A34" s="14" t="s">
        <v>1439</v>
      </c>
    </row>
    <row r="35" spans="1:1" x14ac:dyDescent="0.25">
      <c r="A35" s="14" t="s">
        <v>1445</v>
      </c>
    </row>
    <row r="36" spans="1:1" x14ac:dyDescent="0.25">
      <c r="A36" s="14" t="s">
        <v>1451</v>
      </c>
    </row>
    <row r="37" spans="1:1" x14ac:dyDescent="0.25">
      <c r="A37" s="14" t="s">
        <v>1457</v>
      </c>
    </row>
    <row r="38" spans="1:1" x14ac:dyDescent="0.25">
      <c r="A38" s="14" t="s">
        <v>1463</v>
      </c>
    </row>
    <row r="39" spans="1:1" x14ac:dyDescent="0.25">
      <c r="A39" s="14" t="s">
        <v>1469</v>
      </c>
    </row>
    <row r="40" spans="1:1" x14ac:dyDescent="0.25">
      <c r="A40" s="14" t="s">
        <v>1475</v>
      </c>
    </row>
    <row r="41" spans="1:1" x14ac:dyDescent="0.25">
      <c r="A41" s="14" t="s">
        <v>1481</v>
      </c>
    </row>
    <row r="42" spans="1:1" x14ac:dyDescent="0.25">
      <c r="A42" s="14" t="s">
        <v>1487</v>
      </c>
    </row>
    <row r="43" spans="1:1" x14ac:dyDescent="0.25">
      <c r="A43" s="14" t="s">
        <v>1493</v>
      </c>
    </row>
    <row r="44" spans="1:1" x14ac:dyDescent="0.25">
      <c r="A44" s="14" t="s">
        <v>1499</v>
      </c>
    </row>
    <row r="45" spans="1:1" x14ac:dyDescent="0.25">
      <c r="A45" s="14" t="s">
        <v>1505</v>
      </c>
    </row>
    <row r="46" spans="1:1" x14ac:dyDescent="0.25">
      <c r="A46" s="14" t="s">
        <v>1511</v>
      </c>
    </row>
    <row r="47" spans="1:1" x14ac:dyDescent="0.25">
      <c r="A47" s="14" t="s">
        <v>1516</v>
      </c>
    </row>
    <row r="48" spans="1:1" x14ac:dyDescent="0.25">
      <c r="A48" s="14" t="s">
        <v>1522</v>
      </c>
    </row>
    <row r="49" spans="1:1" x14ac:dyDescent="0.25">
      <c r="A49" s="14" t="s">
        <v>1528</v>
      </c>
    </row>
    <row r="50" spans="1:1" x14ac:dyDescent="0.25">
      <c r="A50" s="14" t="s">
        <v>1534</v>
      </c>
    </row>
    <row r="51" spans="1:1" x14ac:dyDescent="0.25">
      <c r="A51" s="14" t="s">
        <v>1539</v>
      </c>
    </row>
    <row r="52" spans="1:1" x14ac:dyDescent="0.25">
      <c r="A52" s="14" t="s">
        <v>1544</v>
      </c>
    </row>
    <row r="53" spans="1:1" x14ac:dyDescent="0.25">
      <c r="A53" s="14" t="s">
        <v>1549</v>
      </c>
    </row>
    <row r="54" spans="1:1" x14ac:dyDescent="0.25">
      <c r="A54" s="14" t="s">
        <v>1554</v>
      </c>
    </row>
    <row r="55" spans="1:1" x14ac:dyDescent="0.25">
      <c r="A55" s="14" t="s">
        <v>1559</v>
      </c>
    </row>
    <row r="56" spans="1:1" x14ac:dyDescent="0.25">
      <c r="A56" s="14" t="s">
        <v>1564</v>
      </c>
    </row>
    <row r="57" spans="1:1" x14ac:dyDescent="0.25">
      <c r="A57" s="14" t="s">
        <v>1569</v>
      </c>
    </row>
    <row r="58" spans="1:1" x14ac:dyDescent="0.25">
      <c r="A58" s="14" t="s">
        <v>1574</v>
      </c>
    </row>
    <row r="59" spans="1:1" x14ac:dyDescent="0.25">
      <c r="A59" s="14" t="s">
        <v>1579</v>
      </c>
    </row>
    <row r="60" spans="1:1" x14ac:dyDescent="0.25">
      <c r="A60" s="14" t="s">
        <v>1584</v>
      </c>
    </row>
    <row r="61" spans="1:1" x14ac:dyDescent="0.25">
      <c r="A61" s="14" t="s">
        <v>1589</v>
      </c>
    </row>
    <row r="62" spans="1:1" x14ac:dyDescent="0.25">
      <c r="A62" s="14" t="s">
        <v>1594</v>
      </c>
    </row>
    <row r="63" spans="1:1" x14ac:dyDescent="0.25">
      <c r="A63" s="14" t="s">
        <v>1599</v>
      </c>
    </row>
    <row r="64" spans="1:1" x14ac:dyDescent="0.25">
      <c r="A64" s="14" t="s">
        <v>1604</v>
      </c>
    </row>
    <row r="65" spans="1:1" x14ac:dyDescent="0.25">
      <c r="A65" s="14" t="s">
        <v>1609</v>
      </c>
    </row>
    <row r="66" spans="1:1" x14ac:dyDescent="0.25">
      <c r="A66" s="14" t="s">
        <v>1614</v>
      </c>
    </row>
    <row r="67" spans="1:1" x14ac:dyDescent="0.25">
      <c r="A67" s="14" t="s">
        <v>1619</v>
      </c>
    </row>
    <row r="68" spans="1:1" x14ac:dyDescent="0.25">
      <c r="A68" s="14" t="s">
        <v>1623</v>
      </c>
    </row>
    <row r="69" spans="1:1" x14ac:dyDescent="0.25">
      <c r="A69" s="14" t="s">
        <v>1627</v>
      </c>
    </row>
    <row r="70" spans="1:1" x14ac:dyDescent="0.25">
      <c r="A70" s="14" t="s">
        <v>1631</v>
      </c>
    </row>
    <row r="71" spans="1:1" x14ac:dyDescent="0.25">
      <c r="A71" s="14" t="s">
        <v>1636</v>
      </c>
    </row>
    <row r="72" spans="1:1" x14ac:dyDescent="0.25">
      <c r="A72" s="14" t="s">
        <v>1641</v>
      </c>
    </row>
    <row r="73" spans="1:1" x14ac:dyDescent="0.25">
      <c r="A73" s="14" t="s">
        <v>1646</v>
      </c>
    </row>
    <row r="74" spans="1:1" x14ac:dyDescent="0.25">
      <c r="A74" s="14" t="s">
        <v>1651</v>
      </c>
    </row>
    <row r="75" spans="1:1" x14ac:dyDescent="0.25">
      <c r="A75" s="14" t="s">
        <v>1656</v>
      </c>
    </row>
    <row r="76" spans="1:1" x14ac:dyDescent="0.25">
      <c r="A76" s="14" t="s">
        <v>1661</v>
      </c>
    </row>
    <row r="77" spans="1:1" x14ac:dyDescent="0.25">
      <c r="A77" s="14" t="s">
        <v>1666</v>
      </c>
    </row>
    <row r="78" spans="1:1" x14ac:dyDescent="0.25">
      <c r="A78" s="14" t="s">
        <v>1670</v>
      </c>
    </row>
    <row r="79" spans="1:1" x14ac:dyDescent="0.25">
      <c r="A79" s="14" t="s">
        <v>1675</v>
      </c>
    </row>
    <row r="80" spans="1:1" x14ac:dyDescent="0.25">
      <c r="A80" s="14" t="s">
        <v>1680</v>
      </c>
    </row>
    <row r="81" spans="1:1" x14ac:dyDescent="0.25">
      <c r="A81" s="14" t="s">
        <v>1685</v>
      </c>
    </row>
    <row r="82" spans="1:1" x14ac:dyDescent="0.25">
      <c r="A82" s="14" t="s">
        <v>1691</v>
      </c>
    </row>
    <row r="83" spans="1:1" x14ac:dyDescent="0.25">
      <c r="A83" s="14" t="s">
        <v>1696</v>
      </c>
    </row>
    <row r="84" spans="1:1" x14ac:dyDescent="0.25">
      <c r="A84" s="14" t="s">
        <v>1701</v>
      </c>
    </row>
    <row r="85" spans="1:1" x14ac:dyDescent="0.25">
      <c r="A85" s="14" t="s">
        <v>1706</v>
      </c>
    </row>
    <row r="86" spans="1:1" x14ac:dyDescent="0.25">
      <c r="A86" s="14" t="s">
        <v>1711</v>
      </c>
    </row>
    <row r="87" spans="1:1" x14ac:dyDescent="0.25">
      <c r="A87" s="14" t="s">
        <v>1716</v>
      </c>
    </row>
    <row r="88" spans="1:1" x14ac:dyDescent="0.25">
      <c r="A88" s="14" t="s">
        <v>1721</v>
      </c>
    </row>
    <row r="89" spans="1:1" x14ac:dyDescent="0.25">
      <c r="A89" s="14" t="s">
        <v>1727</v>
      </c>
    </row>
    <row r="90" spans="1:1" x14ac:dyDescent="0.25">
      <c r="A90" s="14" t="s">
        <v>1731</v>
      </c>
    </row>
    <row r="91" spans="1:1" x14ac:dyDescent="0.25">
      <c r="A91" s="14" t="s">
        <v>1735</v>
      </c>
    </row>
    <row r="92" spans="1:1" x14ac:dyDescent="0.25">
      <c r="A92" s="14" t="s">
        <v>1739</v>
      </c>
    </row>
    <row r="93" spans="1:1" x14ac:dyDescent="0.25">
      <c r="A93" s="14" t="s">
        <v>1744</v>
      </c>
    </row>
    <row r="94" spans="1:1" x14ac:dyDescent="0.25">
      <c r="A94" s="14" t="s">
        <v>1749</v>
      </c>
    </row>
    <row r="95" spans="1:1" x14ac:dyDescent="0.25">
      <c r="A95" s="14" t="s">
        <v>1754</v>
      </c>
    </row>
    <row r="96" spans="1:1" x14ac:dyDescent="0.25">
      <c r="A96" s="14" t="s">
        <v>1759</v>
      </c>
    </row>
    <row r="97" spans="1:1" x14ac:dyDescent="0.25">
      <c r="A97" s="14" t="s">
        <v>1764</v>
      </c>
    </row>
    <row r="98" spans="1:1" x14ac:dyDescent="0.25">
      <c r="A98" s="14" t="s">
        <v>1769</v>
      </c>
    </row>
    <row r="99" spans="1:1" x14ac:dyDescent="0.25">
      <c r="A99" s="14" t="s">
        <v>1774</v>
      </c>
    </row>
    <row r="100" spans="1:1" x14ac:dyDescent="0.25">
      <c r="A100" s="14" t="s">
        <v>1779</v>
      </c>
    </row>
    <row r="101" spans="1:1" x14ac:dyDescent="0.25">
      <c r="A101" s="14" t="s">
        <v>1784</v>
      </c>
    </row>
    <row r="102" spans="1:1" x14ac:dyDescent="0.25">
      <c r="A102" s="14" t="s">
        <v>1789</v>
      </c>
    </row>
    <row r="103" spans="1:1" x14ac:dyDescent="0.25">
      <c r="A103" s="14" t="s">
        <v>1794</v>
      </c>
    </row>
    <row r="104" spans="1:1" x14ac:dyDescent="0.25">
      <c r="A104" s="14" t="s">
        <v>303</v>
      </c>
    </row>
    <row r="105" spans="1:1" x14ac:dyDescent="0.25">
      <c r="A105" s="14" t="s">
        <v>1803</v>
      </c>
    </row>
    <row r="106" spans="1:1" x14ac:dyDescent="0.25">
      <c r="A106" s="14" t="s">
        <v>1808</v>
      </c>
    </row>
    <row r="107" spans="1:1" x14ac:dyDescent="0.25">
      <c r="A107" s="14" t="s">
        <v>1813</v>
      </c>
    </row>
    <row r="108" spans="1:1" x14ac:dyDescent="0.25">
      <c r="A108" s="14" t="s">
        <v>1817</v>
      </c>
    </row>
    <row r="109" spans="1:1" x14ac:dyDescent="0.25">
      <c r="A109" s="14" t="s">
        <v>1822</v>
      </c>
    </row>
    <row r="110" spans="1:1" x14ac:dyDescent="0.25">
      <c r="A110" s="14" t="s">
        <v>1827</v>
      </c>
    </row>
    <row r="111" spans="1:1" x14ac:dyDescent="0.25">
      <c r="A111" s="14" t="s">
        <v>1832</v>
      </c>
    </row>
    <row r="112" spans="1:1" x14ac:dyDescent="0.25">
      <c r="A112" s="14" t="s">
        <v>1837</v>
      </c>
    </row>
    <row r="113" spans="1:1" x14ac:dyDescent="0.25">
      <c r="A113" s="14" t="s">
        <v>1842</v>
      </c>
    </row>
    <row r="114" spans="1:1" x14ac:dyDescent="0.25">
      <c r="A114" s="14" t="s">
        <v>1848</v>
      </c>
    </row>
    <row r="115" spans="1:1" x14ac:dyDescent="0.25">
      <c r="A115" s="14" t="s">
        <v>1853</v>
      </c>
    </row>
    <row r="116" spans="1:1" x14ac:dyDescent="0.25">
      <c r="A116" s="14" t="s">
        <v>1858</v>
      </c>
    </row>
    <row r="117" spans="1:1" x14ac:dyDescent="0.25">
      <c r="A117" s="14" t="s">
        <v>1862</v>
      </c>
    </row>
    <row r="118" spans="1:1" x14ac:dyDescent="0.25">
      <c r="A118" s="14" t="s">
        <v>1866</v>
      </c>
    </row>
    <row r="119" spans="1:1" x14ac:dyDescent="0.25">
      <c r="A119" s="14" t="s">
        <v>1871</v>
      </c>
    </row>
    <row r="120" spans="1:1" x14ac:dyDescent="0.25">
      <c r="A120" s="14" t="s">
        <v>1876</v>
      </c>
    </row>
    <row r="121" spans="1:1" x14ac:dyDescent="0.25">
      <c r="A121" s="14" t="s">
        <v>1880</v>
      </c>
    </row>
    <row r="122" spans="1:1" x14ac:dyDescent="0.25">
      <c r="A122" s="14" t="s">
        <v>1885</v>
      </c>
    </row>
    <row r="123" spans="1:1" x14ac:dyDescent="0.25">
      <c r="A123" s="14" t="s">
        <v>1890</v>
      </c>
    </row>
    <row r="124" spans="1:1" x14ac:dyDescent="0.25">
      <c r="A124" s="14" t="s">
        <v>1894</v>
      </c>
    </row>
    <row r="125" spans="1:1" x14ac:dyDescent="0.25">
      <c r="A125" s="14" t="s">
        <v>1899</v>
      </c>
    </row>
    <row r="126" spans="1:1" x14ac:dyDescent="0.25">
      <c r="A126" s="14" t="s">
        <v>1904</v>
      </c>
    </row>
    <row r="127" spans="1:1" x14ac:dyDescent="0.25">
      <c r="A127" s="14" t="s">
        <v>1908</v>
      </c>
    </row>
    <row r="128" spans="1:1" x14ac:dyDescent="0.25">
      <c r="A128" s="14" t="s">
        <v>1913</v>
      </c>
    </row>
    <row r="129" spans="1:1" x14ac:dyDescent="0.25">
      <c r="A129" s="14" t="s">
        <v>1917</v>
      </c>
    </row>
    <row r="130" spans="1:1" x14ac:dyDescent="0.25">
      <c r="A130" s="14" t="s">
        <v>1922</v>
      </c>
    </row>
    <row r="131" spans="1:1" x14ac:dyDescent="0.25">
      <c r="A131" s="14" t="s">
        <v>1927</v>
      </c>
    </row>
    <row r="132" spans="1:1" x14ac:dyDescent="0.25">
      <c r="A132" s="14" t="s">
        <v>1931</v>
      </c>
    </row>
    <row r="133" spans="1:1" x14ac:dyDescent="0.25">
      <c r="A133" s="14" t="s">
        <v>1936</v>
      </c>
    </row>
    <row r="134" spans="1:1" x14ac:dyDescent="0.25">
      <c r="A134" s="14" t="s">
        <v>1941</v>
      </c>
    </row>
    <row r="135" spans="1:1" x14ac:dyDescent="0.25">
      <c r="A135" s="14" t="s">
        <v>1946</v>
      </c>
    </row>
    <row r="136" spans="1:1" x14ac:dyDescent="0.25">
      <c r="A136" s="14" t="s">
        <v>1951</v>
      </c>
    </row>
    <row r="137" spans="1:1" x14ac:dyDescent="0.25">
      <c r="A137" s="14" t="s">
        <v>1956</v>
      </c>
    </row>
    <row r="138" spans="1:1" x14ac:dyDescent="0.25">
      <c r="A138" s="14" t="s">
        <v>1961</v>
      </c>
    </row>
    <row r="139" spans="1:1" x14ac:dyDescent="0.25">
      <c r="A139" s="14" t="s">
        <v>1966</v>
      </c>
    </row>
    <row r="140" spans="1:1" x14ac:dyDescent="0.25">
      <c r="A140" s="14" t="s">
        <v>1971</v>
      </c>
    </row>
    <row r="141" spans="1:1" x14ac:dyDescent="0.25">
      <c r="A141" s="14" t="s">
        <v>1976</v>
      </c>
    </row>
    <row r="142" spans="1:1" x14ac:dyDescent="0.25">
      <c r="A142" s="14" t="s">
        <v>1981</v>
      </c>
    </row>
    <row r="143" spans="1:1" x14ac:dyDescent="0.25">
      <c r="A143" s="14" t="s">
        <v>1986</v>
      </c>
    </row>
    <row r="144" spans="1:1" x14ac:dyDescent="0.25">
      <c r="A144" s="14" t="s">
        <v>1991</v>
      </c>
    </row>
    <row r="145" spans="1:1" x14ac:dyDescent="0.25">
      <c r="A145" s="14" t="s">
        <v>1996</v>
      </c>
    </row>
    <row r="146" spans="1:1" x14ac:dyDescent="0.25">
      <c r="A146" s="14" t="s">
        <v>2001</v>
      </c>
    </row>
    <row r="147" spans="1:1" x14ac:dyDescent="0.25">
      <c r="A147" s="14" t="s">
        <v>2007</v>
      </c>
    </row>
    <row r="148" spans="1:1" x14ac:dyDescent="0.25">
      <c r="A148" s="14" t="s">
        <v>2012</v>
      </c>
    </row>
    <row r="149" spans="1:1" x14ac:dyDescent="0.25">
      <c r="A149" s="14" t="s">
        <v>2017</v>
      </c>
    </row>
    <row r="150" spans="1:1" x14ac:dyDescent="0.25">
      <c r="A150" s="14" t="s">
        <v>2022</v>
      </c>
    </row>
    <row r="151" spans="1:1" x14ac:dyDescent="0.25">
      <c r="A151" s="14" t="s">
        <v>2027</v>
      </c>
    </row>
    <row r="152" spans="1:1" x14ac:dyDescent="0.25">
      <c r="A152" s="14" t="s">
        <v>2032</v>
      </c>
    </row>
    <row r="153" spans="1:1" x14ac:dyDescent="0.25">
      <c r="A153" s="14" t="s">
        <v>2037</v>
      </c>
    </row>
    <row r="154" spans="1:1" x14ac:dyDescent="0.25">
      <c r="A154" s="14" t="s">
        <v>2042</v>
      </c>
    </row>
    <row r="155" spans="1:1" x14ac:dyDescent="0.25">
      <c r="A155" s="14" t="s">
        <v>2047</v>
      </c>
    </row>
    <row r="156" spans="1:1" x14ac:dyDescent="0.25">
      <c r="A156" s="14" t="s">
        <v>2052</v>
      </c>
    </row>
    <row r="157" spans="1:1" x14ac:dyDescent="0.25">
      <c r="A157" s="14" t="s">
        <v>2057</v>
      </c>
    </row>
    <row r="158" spans="1:1" x14ac:dyDescent="0.25">
      <c r="A158" s="14" t="s">
        <v>2062</v>
      </c>
    </row>
    <row r="159" spans="1:1" x14ac:dyDescent="0.25">
      <c r="A159" s="14" t="s">
        <v>2067</v>
      </c>
    </row>
    <row r="160" spans="1:1" x14ac:dyDescent="0.25">
      <c r="A160" s="14" t="s">
        <v>2076</v>
      </c>
    </row>
    <row r="161" spans="1:1" x14ac:dyDescent="0.25">
      <c r="A161" s="14" t="s">
        <v>2080</v>
      </c>
    </row>
    <row r="162" spans="1:1" x14ac:dyDescent="0.25">
      <c r="A162" s="14" t="s">
        <v>2085</v>
      </c>
    </row>
    <row r="163" spans="1:1" x14ac:dyDescent="0.25">
      <c r="A163" s="14" t="s">
        <v>2089</v>
      </c>
    </row>
    <row r="164" spans="1:1" x14ac:dyDescent="0.25">
      <c r="A164" s="14" t="s">
        <v>2094</v>
      </c>
    </row>
    <row r="165" spans="1:1" x14ac:dyDescent="0.25">
      <c r="A165" s="14" t="s">
        <v>2099</v>
      </c>
    </row>
    <row r="166" spans="1:1" x14ac:dyDescent="0.25">
      <c r="A166" s="14" t="s">
        <v>2104</v>
      </c>
    </row>
    <row r="167" spans="1:1" x14ac:dyDescent="0.25">
      <c r="A167" s="14" t="s">
        <v>2108</v>
      </c>
    </row>
    <row r="168" spans="1:1" x14ac:dyDescent="0.25">
      <c r="A168" s="14" t="s">
        <v>2112</v>
      </c>
    </row>
    <row r="169" spans="1:1" x14ac:dyDescent="0.25">
      <c r="A169" s="14" t="s">
        <v>2117</v>
      </c>
    </row>
    <row r="170" spans="1:1" x14ac:dyDescent="0.25">
      <c r="A170" s="14" t="s">
        <v>2122</v>
      </c>
    </row>
    <row r="171" spans="1:1" x14ac:dyDescent="0.25">
      <c r="A171" s="14" t="s">
        <v>2127</v>
      </c>
    </row>
    <row r="172" spans="1:1" x14ac:dyDescent="0.25">
      <c r="A172" s="14" t="s">
        <v>2132</v>
      </c>
    </row>
    <row r="173" spans="1:1" x14ac:dyDescent="0.25">
      <c r="A173" s="14" t="s">
        <v>2136</v>
      </c>
    </row>
    <row r="174" spans="1:1" x14ac:dyDescent="0.25">
      <c r="A174" s="14" t="s">
        <v>2141</v>
      </c>
    </row>
    <row r="175" spans="1:1" x14ac:dyDescent="0.25">
      <c r="A175" s="14" t="s">
        <v>2145</v>
      </c>
    </row>
    <row r="176" spans="1:1" x14ac:dyDescent="0.25">
      <c r="A176" s="14" t="s">
        <v>2150</v>
      </c>
    </row>
    <row r="177" spans="1:1" x14ac:dyDescent="0.25">
      <c r="A177" s="14" t="s">
        <v>2155</v>
      </c>
    </row>
    <row r="178" spans="1:1" x14ac:dyDescent="0.25">
      <c r="A178" s="14" t="s">
        <v>2160</v>
      </c>
    </row>
    <row r="179" spans="1:1" x14ac:dyDescent="0.25">
      <c r="A179" s="14" t="s">
        <v>2164</v>
      </c>
    </row>
    <row r="180" spans="1:1" x14ac:dyDescent="0.25">
      <c r="A180" s="14" t="s">
        <v>2168</v>
      </c>
    </row>
    <row r="181" spans="1:1" x14ac:dyDescent="0.25">
      <c r="A181" s="14" t="s">
        <v>2173</v>
      </c>
    </row>
    <row r="182" spans="1:1" x14ac:dyDescent="0.25">
      <c r="A182" s="14" t="s">
        <v>2178</v>
      </c>
    </row>
    <row r="183" spans="1:1" x14ac:dyDescent="0.25">
      <c r="A183" s="14" t="s">
        <v>2182</v>
      </c>
    </row>
    <row r="184" spans="1:1" x14ac:dyDescent="0.25">
      <c r="A184" s="14" t="s">
        <v>2187</v>
      </c>
    </row>
    <row r="185" spans="1:1" x14ac:dyDescent="0.25">
      <c r="A185" s="14" t="s">
        <v>2192</v>
      </c>
    </row>
    <row r="186" spans="1:1" x14ac:dyDescent="0.25">
      <c r="A186" s="14" t="s">
        <v>2197</v>
      </c>
    </row>
    <row r="187" spans="1:1" x14ac:dyDescent="0.25">
      <c r="A187" s="14" t="s">
        <v>2201</v>
      </c>
    </row>
    <row r="188" spans="1:1" x14ac:dyDescent="0.25">
      <c r="A188" s="14" t="s">
        <v>2205</v>
      </c>
    </row>
    <row r="189" spans="1:1" x14ac:dyDescent="0.25">
      <c r="A189" s="14" t="s">
        <v>2209</v>
      </c>
    </row>
    <row r="190" spans="1:1" x14ac:dyDescent="0.25">
      <c r="A190" s="14" t="s">
        <v>2214</v>
      </c>
    </row>
    <row r="191" spans="1:1" x14ac:dyDescent="0.25">
      <c r="A191" s="14" t="s">
        <v>2219</v>
      </c>
    </row>
    <row r="192" spans="1:1" x14ac:dyDescent="0.25">
      <c r="A192" s="14" t="s">
        <v>2224</v>
      </c>
    </row>
    <row r="193" spans="1:1" x14ac:dyDescent="0.25">
      <c r="A193" s="14" t="s">
        <v>2229</v>
      </c>
    </row>
    <row r="194" spans="1:1" x14ac:dyDescent="0.25">
      <c r="A194" s="14" t="s">
        <v>2233</v>
      </c>
    </row>
    <row r="195" spans="1:1" x14ac:dyDescent="0.25">
      <c r="A195" s="14" t="s">
        <v>2238</v>
      </c>
    </row>
    <row r="196" spans="1:1" x14ac:dyDescent="0.25">
      <c r="A196" s="14" t="s">
        <v>2242</v>
      </c>
    </row>
    <row r="197" spans="1:1" x14ac:dyDescent="0.25">
      <c r="A197" s="14" t="s">
        <v>2246</v>
      </c>
    </row>
    <row r="198" spans="1:1" x14ac:dyDescent="0.25">
      <c r="A198" s="14" t="s">
        <v>2250</v>
      </c>
    </row>
    <row r="199" spans="1:1" x14ac:dyDescent="0.25">
      <c r="A199" s="14" t="s">
        <v>2254</v>
      </c>
    </row>
    <row r="200" spans="1:1" x14ac:dyDescent="0.25">
      <c r="A200" s="14" t="s">
        <v>2258</v>
      </c>
    </row>
    <row r="201" spans="1:1" x14ac:dyDescent="0.25">
      <c r="A201" s="14" t="s">
        <v>2263</v>
      </c>
    </row>
    <row r="202" spans="1:1" x14ac:dyDescent="0.25">
      <c r="A202" s="14" t="s">
        <v>2268</v>
      </c>
    </row>
    <row r="203" spans="1:1" x14ac:dyDescent="0.25">
      <c r="A203" s="14" t="s">
        <v>2273</v>
      </c>
    </row>
    <row r="204" spans="1:1" x14ac:dyDescent="0.25">
      <c r="A204" s="14" t="s">
        <v>2278</v>
      </c>
    </row>
    <row r="205" spans="1:1" x14ac:dyDescent="0.25">
      <c r="A205" s="14" t="s">
        <v>2282</v>
      </c>
    </row>
    <row r="206" spans="1:1" x14ac:dyDescent="0.25">
      <c r="A206" s="14" t="s">
        <v>2287</v>
      </c>
    </row>
    <row r="207" spans="1:1" x14ac:dyDescent="0.25">
      <c r="A207" s="14" t="s">
        <v>2292</v>
      </c>
    </row>
    <row r="208" spans="1:1" x14ac:dyDescent="0.25">
      <c r="A208" s="14" t="s">
        <v>2297</v>
      </c>
    </row>
    <row r="209" spans="1:1" x14ac:dyDescent="0.25">
      <c r="A209" s="14" t="s">
        <v>2301</v>
      </c>
    </row>
    <row r="210" spans="1:1" x14ac:dyDescent="0.25">
      <c r="A210" s="14" t="s">
        <v>2306</v>
      </c>
    </row>
    <row r="211" spans="1:1" x14ac:dyDescent="0.25">
      <c r="A211" s="14" t="s">
        <v>2312</v>
      </c>
    </row>
    <row r="212" spans="1:1" x14ac:dyDescent="0.25">
      <c r="A212" s="14" t="s">
        <v>2317</v>
      </c>
    </row>
    <row r="213" spans="1:1" x14ac:dyDescent="0.25">
      <c r="A213" s="14" t="s">
        <v>2322</v>
      </c>
    </row>
    <row r="214" spans="1:1" x14ac:dyDescent="0.25">
      <c r="A214" s="14" t="s">
        <v>2327</v>
      </c>
    </row>
    <row r="215" spans="1:1" x14ac:dyDescent="0.25">
      <c r="A215" s="14" t="s">
        <v>2332</v>
      </c>
    </row>
    <row r="216" spans="1:1" x14ac:dyDescent="0.25">
      <c r="A216" s="14" t="s">
        <v>2337</v>
      </c>
    </row>
    <row r="217" spans="1:1" x14ac:dyDescent="0.25">
      <c r="A217" s="14" t="s">
        <v>2342</v>
      </c>
    </row>
    <row r="218" spans="1:1" x14ac:dyDescent="0.25">
      <c r="A218" s="14" t="s">
        <v>2347</v>
      </c>
    </row>
    <row r="219" spans="1:1" x14ac:dyDescent="0.25">
      <c r="A219" s="14" t="s">
        <v>2352</v>
      </c>
    </row>
    <row r="220" spans="1:1" x14ac:dyDescent="0.25">
      <c r="A220" s="14" t="s">
        <v>2358</v>
      </c>
    </row>
    <row r="221" spans="1:1" x14ac:dyDescent="0.25">
      <c r="A221" s="14" t="s">
        <v>2364</v>
      </c>
    </row>
    <row r="222" spans="1:1" x14ac:dyDescent="0.25">
      <c r="A222" s="14" t="s">
        <v>2370</v>
      </c>
    </row>
    <row r="223" spans="1:1" x14ac:dyDescent="0.25">
      <c r="A223" s="14" t="s">
        <v>2376</v>
      </c>
    </row>
    <row r="224" spans="1:1" x14ac:dyDescent="0.25">
      <c r="A224" s="14" t="s">
        <v>2382</v>
      </c>
    </row>
    <row r="225" spans="1:1" x14ac:dyDescent="0.25">
      <c r="A225" s="14" t="s">
        <v>2388</v>
      </c>
    </row>
    <row r="226" spans="1:1" x14ac:dyDescent="0.25">
      <c r="A226" s="14" t="s">
        <v>2394</v>
      </c>
    </row>
    <row r="227" spans="1:1" x14ac:dyDescent="0.25">
      <c r="A227" s="14" t="s">
        <v>2400</v>
      </c>
    </row>
    <row r="228" spans="1:1" x14ac:dyDescent="0.25">
      <c r="A228" s="14" t="s">
        <v>2406</v>
      </c>
    </row>
    <row r="229" spans="1:1" x14ac:dyDescent="0.25">
      <c r="A229" s="14" t="s">
        <v>2412</v>
      </c>
    </row>
    <row r="230" spans="1:1" x14ac:dyDescent="0.25">
      <c r="A230" s="14" t="s">
        <v>2418</v>
      </c>
    </row>
    <row r="231" spans="1:1" x14ac:dyDescent="0.25">
      <c r="A231" s="14" t="s">
        <v>2424</v>
      </c>
    </row>
    <row r="232" spans="1:1" x14ac:dyDescent="0.25">
      <c r="A232" s="14" t="s">
        <v>2430</v>
      </c>
    </row>
    <row r="233" spans="1:1" x14ac:dyDescent="0.25">
      <c r="A233" s="14" t="s">
        <v>2436</v>
      </c>
    </row>
    <row r="234" spans="1:1" x14ac:dyDescent="0.25">
      <c r="A234" s="14" t="s">
        <v>2441</v>
      </c>
    </row>
    <row r="235" spans="1:1" x14ac:dyDescent="0.25">
      <c r="A235" s="14" t="s">
        <v>2447</v>
      </c>
    </row>
    <row r="236" spans="1:1" x14ac:dyDescent="0.25">
      <c r="A236" s="14" t="s">
        <v>2453</v>
      </c>
    </row>
    <row r="237" spans="1:1" x14ac:dyDescent="0.25">
      <c r="A237" s="14" t="s">
        <v>2459</v>
      </c>
    </row>
    <row r="238" spans="1:1" x14ac:dyDescent="0.25">
      <c r="A238" s="14" t="s">
        <v>2465</v>
      </c>
    </row>
    <row r="239" spans="1:1" x14ac:dyDescent="0.25">
      <c r="A239" s="14" t="s">
        <v>2471</v>
      </c>
    </row>
    <row r="240" spans="1:1" x14ac:dyDescent="0.25">
      <c r="A240" s="14" t="s">
        <v>2477</v>
      </c>
    </row>
    <row r="241" spans="1:1" x14ac:dyDescent="0.25">
      <c r="A241" s="14" t="s">
        <v>2482</v>
      </c>
    </row>
    <row r="242" spans="1:1" x14ac:dyDescent="0.25">
      <c r="A242" s="14" t="s">
        <v>350</v>
      </c>
    </row>
    <row r="243" spans="1:1" x14ac:dyDescent="0.25">
      <c r="A243" s="14" t="s">
        <v>2491</v>
      </c>
    </row>
    <row r="244" spans="1:1" x14ac:dyDescent="0.25">
      <c r="A244" s="14" t="s">
        <v>2496</v>
      </c>
    </row>
    <row r="245" spans="1:1" x14ac:dyDescent="0.25">
      <c r="A245" s="14" t="s">
        <v>382</v>
      </c>
    </row>
    <row r="246" spans="1:1" x14ac:dyDescent="0.25">
      <c r="A246" s="14" t="s">
        <v>2505</v>
      </c>
    </row>
    <row r="247" spans="1:1" x14ac:dyDescent="0.25">
      <c r="A247" s="14" t="s">
        <v>2509</v>
      </c>
    </row>
    <row r="248" spans="1:1" x14ac:dyDescent="0.25">
      <c r="A248" s="14" t="s">
        <v>2514</v>
      </c>
    </row>
    <row r="249" spans="1:1" x14ac:dyDescent="0.25">
      <c r="A249" s="14" t="s">
        <v>2519</v>
      </c>
    </row>
    <row r="250" spans="1:1" x14ac:dyDescent="0.25">
      <c r="A250" s="14" t="s">
        <v>2524</v>
      </c>
    </row>
    <row r="251" spans="1:1" x14ac:dyDescent="0.25">
      <c r="A251" s="14" t="s">
        <v>2529</v>
      </c>
    </row>
    <row r="252" spans="1:1" x14ac:dyDescent="0.25">
      <c r="A252" s="14" t="s">
        <v>2534</v>
      </c>
    </row>
    <row r="253" spans="1:1" x14ac:dyDescent="0.25">
      <c r="A253" s="14" t="s">
        <v>2539</v>
      </c>
    </row>
    <row r="254" spans="1:1" x14ac:dyDescent="0.25">
      <c r="A254" s="14" t="s">
        <v>2544</v>
      </c>
    </row>
    <row r="255" spans="1:1" x14ac:dyDescent="0.25">
      <c r="A255" s="14" t="s">
        <v>2549</v>
      </c>
    </row>
    <row r="256" spans="1:1" x14ac:dyDescent="0.25">
      <c r="A256" s="14" t="s">
        <v>2553</v>
      </c>
    </row>
    <row r="257" spans="1:1" x14ac:dyDescent="0.25">
      <c r="A257" s="14" t="s">
        <v>2558</v>
      </c>
    </row>
    <row r="258" spans="1:1" x14ac:dyDescent="0.25">
      <c r="A258" s="14" t="s">
        <v>2563</v>
      </c>
    </row>
    <row r="259" spans="1:1" x14ac:dyDescent="0.25">
      <c r="A259" s="14" t="s">
        <v>2568</v>
      </c>
    </row>
    <row r="260" spans="1:1" x14ac:dyDescent="0.25">
      <c r="A260" s="14" t="s">
        <v>2573</v>
      </c>
    </row>
    <row r="261" spans="1:1" x14ac:dyDescent="0.25">
      <c r="A261" s="14" t="s">
        <v>2578</v>
      </c>
    </row>
    <row r="262" spans="1:1" x14ac:dyDescent="0.25">
      <c r="A262" s="14" t="s">
        <v>2583</v>
      </c>
    </row>
    <row r="263" spans="1:1" x14ac:dyDescent="0.25">
      <c r="A263" s="14" t="s">
        <v>2588</v>
      </c>
    </row>
    <row r="264" spans="1:1" x14ac:dyDescent="0.25">
      <c r="A264" s="14" t="s">
        <v>2593</v>
      </c>
    </row>
    <row r="265" spans="1:1" x14ac:dyDescent="0.25">
      <c r="A265" s="14" t="s">
        <v>2598</v>
      </c>
    </row>
    <row r="266" spans="1:1" x14ac:dyDescent="0.25">
      <c r="A266" s="14" t="s">
        <v>2603</v>
      </c>
    </row>
    <row r="267" spans="1:1" x14ac:dyDescent="0.25">
      <c r="A267" s="14" t="s">
        <v>2607</v>
      </c>
    </row>
    <row r="268" spans="1:1" x14ac:dyDescent="0.25">
      <c r="A268" s="14" t="s">
        <v>2611</v>
      </c>
    </row>
    <row r="269" spans="1:1" x14ac:dyDescent="0.25">
      <c r="A269" s="14" t="s">
        <v>2616</v>
      </c>
    </row>
    <row r="270" spans="1:1" x14ac:dyDescent="0.25">
      <c r="A270" s="14" t="s">
        <v>2621</v>
      </c>
    </row>
    <row r="271" spans="1:1" x14ac:dyDescent="0.25">
      <c r="A271" s="14" t="s">
        <v>2625</v>
      </c>
    </row>
    <row r="272" spans="1:1" x14ac:dyDescent="0.25">
      <c r="A272" s="14" t="s">
        <v>2630</v>
      </c>
    </row>
    <row r="273" spans="1:1" x14ac:dyDescent="0.25">
      <c r="A273" s="14" t="s">
        <v>2635</v>
      </c>
    </row>
    <row r="274" spans="1:1" x14ac:dyDescent="0.25">
      <c r="A274" s="14" t="s">
        <v>2640</v>
      </c>
    </row>
    <row r="275" spans="1:1" x14ac:dyDescent="0.25">
      <c r="A275" s="14" t="s">
        <v>2645</v>
      </c>
    </row>
    <row r="276" spans="1:1" x14ac:dyDescent="0.25">
      <c r="A276" s="14" t="s">
        <v>2649</v>
      </c>
    </row>
    <row r="277" spans="1:1" x14ac:dyDescent="0.25">
      <c r="A277" s="14" t="s">
        <v>2654</v>
      </c>
    </row>
    <row r="278" spans="1:1" x14ac:dyDescent="0.25">
      <c r="A278" s="14" t="s">
        <v>2658</v>
      </c>
    </row>
    <row r="279" spans="1:1" x14ac:dyDescent="0.25">
      <c r="A279" s="14" t="s">
        <v>2663</v>
      </c>
    </row>
    <row r="280" spans="1:1" x14ac:dyDescent="0.25">
      <c r="A280" s="14" t="s">
        <v>2668</v>
      </c>
    </row>
    <row r="281" spans="1:1" x14ac:dyDescent="0.25">
      <c r="A281" s="14" t="s">
        <v>2672</v>
      </c>
    </row>
    <row r="282" spans="1:1" x14ac:dyDescent="0.25">
      <c r="A282" s="14" t="s">
        <v>2677</v>
      </c>
    </row>
    <row r="283" spans="1:1" x14ac:dyDescent="0.25">
      <c r="A283" s="14" t="s">
        <v>2682</v>
      </c>
    </row>
    <row r="284" spans="1:1" x14ac:dyDescent="0.25">
      <c r="A284" s="14" t="s">
        <v>2687</v>
      </c>
    </row>
    <row r="285" spans="1:1" x14ac:dyDescent="0.25">
      <c r="A285" s="14" t="s">
        <v>2692</v>
      </c>
    </row>
    <row r="286" spans="1:1" x14ac:dyDescent="0.25">
      <c r="A286" s="14" t="s">
        <v>2697</v>
      </c>
    </row>
    <row r="287" spans="1:1" x14ac:dyDescent="0.25">
      <c r="A287" s="14" t="s">
        <v>2701</v>
      </c>
    </row>
    <row r="288" spans="1:1" x14ac:dyDescent="0.25">
      <c r="A288" s="14" t="s">
        <v>2705</v>
      </c>
    </row>
    <row r="289" spans="1:1" x14ac:dyDescent="0.25">
      <c r="A289" s="14" t="s">
        <v>2710</v>
      </c>
    </row>
    <row r="290" spans="1:1" x14ac:dyDescent="0.25">
      <c r="A290" s="14" t="s">
        <v>2714</v>
      </c>
    </row>
    <row r="291" spans="1:1" x14ac:dyDescent="0.25">
      <c r="A291" s="14" t="s">
        <v>2719</v>
      </c>
    </row>
    <row r="292" spans="1:1" x14ac:dyDescent="0.25">
      <c r="A292" s="14" t="s">
        <v>2723</v>
      </c>
    </row>
    <row r="293" spans="1:1" x14ac:dyDescent="0.25">
      <c r="A293" s="14" t="s">
        <v>2728</v>
      </c>
    </row>
    <row r="294" spans="1:1" x14ac:dyDescent="0.25">
      <c r="A294" s="14" t="s">
        <v>2732</v>
      </c>
    </row>
    <row r="295" spans="1:1" x14ac:dyDescent="0.25">
      <c r="A295" s="14" t="s">
        <v>2737</v>
      </c>
    </row>
    <row r="296" spans="1:1" x14ac:dyDescent="0.25">
      <c r="A296" s="14" t="s">
        <v>2741</v>
      </c>
    </row>
    <row r="297" spans="1:1" x14ac:dyDescent="0.25">
      <c r="A297" s="14" t="s">
        <v>2746</v>
      </c>
    </row>
    <row r="298" spans="1:1" x14ac:dyDescent="0.25">
      <c r="A298" s="14" t="s">
        <v>2751</v>
      </c>
    </row>
    <row r="299" spans="1:1" x14ac:dyDescent="0.25">
      <c r="A299" s="14" t="s">
        <v>2756</v>
      </c>
    </row>
    <row r="300" spans="1:1" x14ac:dyDescent="0.25">
      <c r="A300" s="14" t="s">
        <v>2761</v>
      </c>
    </row>
    <row r="301" spans="1:1" x14ac:dyDescent="0.25">
      <c r="A301" s="14" t="s">
        <v>2766</v>
      </c>
    </row>
    <row r="302" spans="1:1" x14ac:dyDescent="0.25">
      <c r="A302" s="14" t="s">
        <v>2771</v>
      </c>
    </row>
    <row r="303" spans="1:1" x14ac:dyDescent="0.25">
      <c r="A303" s="14" t="s">
        <v>2776</v>
      </c>
    </row>
    <row r="304" spans="1:1" x14ac:dyDescent="0.25">
      <c r="A304" s="14" t="s">
        <v>2781</v>
      </c>
    </row>
    <row r="305" spans="1:1" x14ac:dyDescent="0.25">
      <c r="A305" s="14" t="s">
        <v>2786</v>
      </c>
    </row>
    <row r="306" spans="1:1" x14ac:dyDescent="0.25">
      <c r="A306" s="14" t="s">
        <v>2790</v>
      </c>
    </row>
    <row r="307" spans="1:1" x14ac:dyDescent="0.25">
      <c r="A307" s="14" t="s">
        <v>2795</v>
      </c>
    </row>
    <row r="308" spans="1:1" x14ac:dyDescent="0.25">
      <c r="A308" s="14" t="s">
        <v>2800</v>
      </c>
    </row>
    <row r="309" spans="1:1" x14ac:dyDescent="0.25">
      <c r="A309" s="14" t="s">
        <v>2805</v>
      </c>
    </row>
    <row r="310" spans="1:1" x14ac:dyDescent="0.25">
      <c r="A310" s="14" t="s">
        <v>2809</v>
      </c>
    </row>
    <row r="311" spans="1:1" x14ac:dyDescent="0.25">
      <c r="A311" s="14" t="s">
        <v>2814</v>
      </c>
    </row>
    <row r="312" spans="1:1" x14ac:dyDescent="0.25">
      <c r="A312" s="14" t="s">
        <v>2819</v>
      </c>
    </row>
    <row r="313" spans="1:1" x14ac:dyDescent="0.25">
      <c r="A313" s="14" t="s">
        <v>2824</v>
      </c>
    </row>
    <row r="314" spans="1:1" x14ac:dyDescent="0.25">
      <c r="A314" s="14" t="s">
        <v>2828</v>
      </c>
    </row>
    <row r="315" spans="1:1" x14ac:dyDescent="0.25">
      <c r="A315" s="14" t="s">
        <v>2832</v>
      </c>
    </row>
    <row r="316" spans="1:1" x14ac:dyDescent="0.25">
      <c r="A316" s="14" t="s">
        <v>2837</v>
      </c>
    </row>
    <row r="317" spans="1:1" x14ac:dyDescent="0.25">
      <c r="A317" s="14" t="s">
        <v>2841</v>
      </c>
    </row>
    <row r="318" spans="1:1" x14ac:dyDescent="0.25">
      <c r="A318" s="14" t="s">
        <v>2846</v>
      </c>
    </row>
    <row r="319" spans="1:1" x14ac:dyDescent="0.25">
      <c r="A319" s="14" t="s">
        <v>2851</v>
      </c>
    </row>
    <row r="320" spans="1:1" x14ac:dyDescent="0.25">
      <c r="A320" s="14" t="s">
        <v>2855</v>
      </c>
    </row>
    <row r="321" spans="1:1" x14ac:dyDescent="0.25">
      <c r="A321" s="14" t="s">
        <v>2860</v>
      </c>
    </row>
    <row r="322" spans="1:1" x14ac:dyDescent="0.25">
      <c r="A322" s="14" t="s">
        <v>2865</v>
      </c>
    </row>
    <row r="323" spans="1:1" x14ac:dyDescent="0.25">
      <c r="A323" s="14" t="s">
        <v>2870</v>
      </c>
    </row>
    <row r="324" spans="1:1" x14ac:dyDescent="0.25">
      <c r="A324" s="14" t="s">
        <v>2875</v>
      </c>
    </row>
    <row r="325" spans="1:1" x14ac:dyDescent="0.25">
      <c r="A325" s="14" t="s">
        <v>2880</v>
      </c>
    </row>
    <row r="326" spans="1:1" x14ac:dyDescent="0.25">
      <c r="A326" s="14" t="s">
        <v>2885</v>
      </c>
    </row>
    <row r="327" spans="1:1" x14ac:dyDescent="0.25">
      <c r="A327" s="14" t="s">
        <v>2890</v>
      </c>
    </row>
    <row r="328" spans="1:1" x14ac:dyDescent="0.25">
      <c r="A328" s="14" t="s">
        <v>2894</v>
      </c>
    </row>
    <row r="329" spans="1:1" x14ac:dyDescent="0.25">
      <c r="A329" s="14" t="s">
        <v>2899</v>
      </c>
    </row>
    <row r="330" spans="1:1" x14ac:dyDescent="0.25">
      <c r="A330" s="14" t="s">
        <v>2904</v>
      </c>
    </row>
    <row r="331" spans="1:1" x14ac:dyDescent="0.25">
      <c r="A331" s="14" t="s">
        <v>2908</v>
      </c>
    </row>
    <row r="332" spans="1:1" x14ac:dyDescent="0.25">
      <c r="A332" s="14" t="s">
        <v>2912</v>
      </c>
    </row>
    <row r="333" spans="1:1" x14ac:dyDescent="0.25">
      <c r="A333" s="14" t="s">
        <v>2917</v>
      </c>
    </row>
    <row r="334" spans="1:1" x14ac:dyDescent="0.25">
      <c r="A334" s="14" t="s">
        <v>2922</v>
      </c>
    </row>
    <row r="335" spans="1:1" x14ac:dyDescent="0.25">
      <c r="A335" s="14" t="s">
        <v>2927</v>
      </c>
    </row>
    <row r="336" spans="1:1" x14ac:dyDescent="0.25">
      <c r="A336" s="14" t="s">
        <v>2932</v>
      </c>
    </row>
    <row r="337" spans="1:1" x14ac:dyDescent="0.25">
      <c r="A337" s="14" t="s">
        <v>2937</v>
      </c>
    </row>
    <row r="338" spans="1:1" x14ac:dyDescent="0.25">
      <c r="A338" s="14" t="s">
        <v>2942</v>
      </c>
    </row>
    <row r="339" spans="1:1" x14ac:dyDescent="0.25">
      <c r="A339" s="14" t="s">
        <v>2946</v>
      </c>
    </row>
    <row r="340" spans="1:1" x14ac:dyDescent="0.25">
      <c r="A340" s="14" t="s">
        <v>2951</v>
      </c>
    </row>
    <row r="341" spans="1:1" x14ac:dyDescent="0.25">
      <c r="A341" s="14" t="s">
        <v>2956</v>
      </c>
    </row>
    <row r="342" spans="1:1" x14ac:dyDescent="0.25">
      <c r="A342" s="14" t="s">
        <v>2961</v>
      </c>
    </row>
    <row r="343" spans="1:1" x14ac:dyDescent="0.25">
      <c r="A343" s="14" t="s">
        <v>2966</v>
      </c>
    </row>
    <row r="344" spans="1:1" x14ac:dyDescent="0.25">
      <c r="A344" s="14" t="s">
        <v>2970</v>
      </c>
    </row>
    <row r="345" spans="1:1" x14ac:dyDescent="0.25">
      <c r="A345" s="14" t="s">
        <v>2974</v>
      </c>
    </row>
    <row r="346" spans="1:1" x14ac:dyDescent="0.25">
      <c r="A346" s="14" t="s">
        <v>2979</v>
      </c>
    </row>
    <row r="347" spans="1:1" x14ac:dyDescent="0.25">
      <c r="A347" s="14" t="s">
        <v>2984</v>
      </c>
    </row>
    <row r="348" spans="1:1" x14ac:dyDescent="0.25">
      <c r="A348" s="14" t="s">
        <v>2989</v>
      </c>
    </row>
    <row r="349" spans="1:1" x14ac:dyDescent="0.25">
      <c r="A349" s="14" t="s">
        <v>2993</v>
      </c>
    </row>
    <row r="350" spans="1:1" x14ac:dyDescent="0.25">
      <c r="A350" s="14" t="s">
        <v>2998</v>
      </c>
    </row>
    <row r="351" spans="1:1" x14ac:dyDescent="0.25">
      <c r="A351" s="14" t="s">
        <v>3002</v>
      </c>
    </row>
    <row r="352" spans="1:1" x14ac:dyDescent="0.25">
      <c r="A352" s="14" t="s">
        <v>3007</v>
      </c>
    </row>
    <row r="353" spans="1:3" x14ac:dyDescent="0.25">
      <c r="A353" s="14" t="s">
        <v>3012</v>
      </c>
    </row>
    <row r="354" spans="1:3" x14ac:dyDescent="0.25">
      <c r="A354" s="14" t="s">
        <v>3017</v>
      </c>
    </row>
    <row r="355" spans="1:3" x14ac:dyDescent="0.25">
      <c r="A355" s="14" t="s">
        <v>3022</v>
      </c>
    </row>
    <row r="356" spans="1:3" x14ac:dyDescent="0.25">
      <c r="A356" s="14" t="s">
        <v>3026</v>
      </c>
    </row>
    <row r="357" spans="1:3" x14ac:dyDescent="0.25">
      <c r="A357" s="14" t="s">
        <v>3030</v>
      </c>
    </row>
    <row r="358" spans="1:3" x14ac:dyDescent="0.25">
      <c r="A358" s="14" t="s">
        <v>3035</v>
      </c>
      <c r="C358" s="55"/>
    </row>
    <row r="359" spans="1:3" x14ac:dyDescent="0.25">
      <c r="A359" s="14" t="s">
        <v>3039</v>
      </c>
    </row>
    <row r="360" spans="1:3" x14ac:dyDescent="0.25">
      <c r="A360" s="14" t="s">
        <v>3043</v>
      </c>
    </row>
    <row r="361" spans="1:3" x14ac:dyDescent="0.25">
      <c r="A361" s="14" t="s">
        <v>3048</v>
      </c>
    </row>
    <row r="362" spans="1:3" x14ac:dyDescent="0.25">
      <c r="A362" s="14" t="s">
        <v>3052</v>
      </c>
    </row>
    <row r="363" spans="1:3" x14ac:dyDescent="0.25">
      <c r="A363" s="14" t="s">
        <v>3056</v>
      </c>
    </row>
    <row r="364" spans="1:3" x14ac:dyDescent="0.25">
      <c r="A364" s="14" t="s">
        <v>304</v>
      </c>
    </row>
    <row r="365" spans="1:3" x14ac:dyDescent="0.25">
      <c r="A365" s="14" t="s">
        <v>3064</v>
      </c>
    </row>
    <row r="366" spans="1:3" x14ac:dyDescent="0.25">
      <c r="A366" s="14" t="s">
        <v>3069</v>
      </c>
    </row>
    <row r="367" spans="1:3" x14ac:dyDescent="0.25">
      <c r="A367" s="14" t="s">
        <v>3073</v>
      </c>
    </row>
    <row r="368" spans="1:3" x14ac:dyDescent="0.25">
      <c r="A368" s="14" t="s">
        <v>3077</v>
      </c>
    </row>
    <row r="369" spans="1:1" x14ac:dyDescent="0.25">
      <c r="A369" s="14" t="s">
        <v>3082</v>
      </c>
    </row>
    <row r="370" spans="1:1" x14ac:dyDescent="0.25">
      <c r="A370" s="14" t="s">
        <v>3086</v>
      </c>
    </row>
    <row r="371" spans="1:1" x14ac:dyDescent="0.25">
      <c r="A371" s="14" t="s">
        <v>3091</v>
      </c>
    </row>
    <row r="372" spans="1:1" x14ac:dyDescent="0.25">
      <c r="A372" s="14" t="s">
        <v>3096</v>
      </c>
    </row>
    <row r="373" spans="1:1" x14ac:dyDescent="0.25">
      <c r="A373" s="14" t="s">
        <v>3101</v>
      </c>
    </row>
    <row r="374" spans="1:1" x14ac:dyDescent="0.25">
      <c r="A374" s="14" t="s">
        <v>3106</v>
      </c>
    </row>
    <row r="375" spans="1:1" x14ac:dyDescent="0.25">
      <c r="A375" s="14" t="s">
        <v>3110</v>
      </c>
    </row>
    <row r="376" spans="1:1" x14ac:dyDescent="0.25">
      <c r="A376" s="14" t="s">
        <v>3114</v>
      </c>
    </row>
    <row r="377" spans="1:1" x14ac:dyDescent="0.25">
      <c r="A377" s="14" t="s">
        <v>3119</v>
      </c>
    </row>
    <row r="378" spans="1:1" x14ac:dyDescent="0.25">
      <c r="A378" s="14" t="s">
        <v>3123</v>
      </c>
    </row>
    <row r="379" spans="1:1" x14ac:dyDescent="0.25">
      <c r="A379" s="14" t="s">
        <v>3128</v>
      </c>
    </row>
    <row r="380" spans="1:1" x14ac:dyDescent="0.25">
      <c r="A380" s="14" t="s">
        <v>3132</v>
      </c>
    </row>
    <row r="381" spans="1:1" x14ac:dyDescent="0.25">
      <c r="A381" s="14" t="s">
        <v>3137</v>
      </c>
    </row>
    <row r="382" spans="1:1" x14ac:dyDescent="0.25">
      <c r="A382" s="14" t="s">
        <v>3142</v>
      </c>
    </row>
    <row r="383" spans="1:1" x14ac:dyDescent="0.25">
      <c r="A383" s="14" t="s">
        <v>3146</v>
      </c>
    </row>
    <row r="384" spans="1:1" x14ac:dyDescent="0.25">
      <c r="A384" s="14" t="s">
        <v>3150</v>
      </c>
    </row>
    <row r="385" spans="1:1" x14ac:dyDescent="0.25">
      <c r="A385" s="14" t="s">
        <v>3154</v>
      </c>
    </row>
    <row r="386" spans="1:1" x14ac:dyDescent="0.25">
      <c r="A386" s="14" t="s">
        <v>3158</v>
      </c>
    </row>
    <row r="387" spans="1:1" x14ac:dyDescent="0.25">
      <c r="A387" s="14" t="s">
        <v>3163</v>
      </c>
    </row>
    <row r="388" spans="1:1" x14ac:dyDescent="0.25">
      <c r="A388" s="14" t="s">
        <v>3168</v>
      </c>
    </row>
    <row r="389" spans="1:1" x14ac:dyDescent="0.25">
      <c r="A389" s="14" t="s">
        <v>3172</v>
      </c>
    </row>
    <row r="390" spans="1:1" x14ac:dyDescent="0.25">
      <c r="A390" s="14" t="s">
        <v>3177</v>
      </c>
    </row>
    <row r="391" spans="1:1" x14ac:dyDescent="0.25">
      <c r="A391" s="14" t="s">
        <v>3182</v>
      </c>
    </row>
    <row r="392" spans="1:1" x14ac:dyDescent="0.25">
      <c r="A392" s="14" t="s">
        <v>3187</v>
      </c>
    </row>
    <row r="393" spans="1:1" x14ac:dyDescent="0.25">
      <c r="A393" s="14" t="s">
        <v>3192</v>
      </c>
    </row>
    <row r="394" spans="1:1" x14ac:dyDescent="0.25">
      <c r="A394" s="14" t="s">
        <v>3197</v>
      </c>
    </row>
    <row r="395" spans="1:1" x14ac:dyDescent="0.25">
      <c r="A395" s="14" t="s">
        <v>3201</v>
      </c>
    </row>
    <row r="396" spans="1:1" x14ac:dyDescent="0.25">
      <c r="A396" s="14" t="s">
        <v>3205</v>
      </c>
    </row>
    <row r="397" spans="1:1" x14ac:dyDescent="0.25">
      <c r="A397" s="14" t="s">
        <v>3210</v>
      </c>
    </row>
    <row r="398" spans="1:1" x14ac:dyDescent="0.25">
      <c r="A398" s="14" t="s">
        <v>3215</v>
      </c>
    </row>
    <row r="399" spans="1:1" x14ac:dyDescent="0.25">
      <c r="A399" s="14" t="s">
        <v>3220</v>
      </c>
    </row>
    <row r="400" spans="1:1" x14ac:dyDescent="0.25">
      <c r="A400" s="14" t="s">
        <v>3225</v>
      </c>
    </row>
    <row r="401" spans="1:3" x14ac:dyDescent="0.25">
      <c r="A401" s="14" t="s">
        <v>3229</v>
      </c>
    </row>
    <row r="402" spans="1:3" x14ac:dyDescent="0.25">
      <c r="A402" s="14" t="s">
        <v>3234</v>
      </c>
    </row>
    <row r="403" spans="1:3" x14ac:dyDescent="0.25">
      <c r="A403" s="14" t="s">
        <v>3240</v>
      </c>
    </row>
    <row r="404" spans="1:3" x14ac:dyDescent="0.25">
      <c r="A404" s="14" t="s">
        <v>3245</v>
      </c>
    </row>
    <row r="405" spans="1:3" x14ac:dyDescent="0.25">
      <c r="A405" s="14" t="s">
        <v>3250</v>
      </c>
    </row>
    <row r="406" spans="1:3" x14ac:dyDescent="0.25">
      <c r="A406" s="14" t="s">
        <v>3255</v>
      </c>
    </row>
    <row r="407" spans="1:3" x14ac:dyDescent="0.25">
      <c r="A407" s="14" t="s">
        <v>3260</v>
      </c>
    </row>
    <row r="408" spans="1:3" x14ac:dyDescent="0.25">
      <c r="A408" s="14" t="s">
        <v>3265</v>
      </c>
    </row>
    <row r="409" spans="1:3" x14ac:dyDescent="0.25">
      <c r="A409" s="14" t="s">
        <v>3270</v>
      </c>
    </row>
    <row r="410" spans="1:3" x14ac:dyDescent="0.25">
      <c r="A410" s="14" t="s">
        <v>3275</v>
      </c>
    </row>
    <row r="411" spans="1:3" x14ac:dyDescent="0.25">
      <c r="A411" s="14" t="s">
        <v>3285</v>
      </c>
    </row>
    <row r="412" spans="1:3" x14ac:dyDescent="0.25">
      <c r="A412" s="14" t="s">
        <v>3289</v>
      </c>
    </row>
    <row r="413" spans="1:3" x14ac:dyDescent="0.25">
      <c r="A413" s="14" t="s">
        <v>3294</v>
      </c>
    </row>
    <row r="414" spans="1:3" x14ac:dyDescent="0.25">
      <c r="A414" s="14" t="s">
        <v>3299</v>
      </c>
    </row>
    <row r="415" spans="1:3" x14ac:dyDescent="0.25">
      <c r="A415" s="14" t="s">
        <v>3304</v>
      </c>
      <c r="C415" s="55"/>
    </row>
    <row r="416" spans="1:3" x14ac:dyDescent="0.25">
      <c r="A416" s="14" t="s">
        <v>3309</v>
      </c>
    </row>
    <row r="417" spans="1:3" x14ac:dyDescent="0.25">
      <c r="A417" s="14" t="s">
        <v>3314</v>
      </c>
    </row>
    <row r="418" spans="1:3" x14ac:dyDescent="0.25">
      <c r="A418" s="14" t="s">
        <v>3319</v>
      </c>
    </row>
    <row r="419" spans="1:3" x14ac:dyDescent="0.25">
      <c r="A419" s="14" t="s">
        <v>3324</v>
      </c>
    </row>
    <row r="420" spans="1:3" x14ac:dyDescent="0.25">
      <c r="A420" s="14" t="s">
        <v>3329</v>
      </c>
    </row>
    <row r="421" spans="1:3" x14ac:dyDescent="0.25">
      <c r="A421" s="14" t="s">
        <v>3334</v>
      </c>
    </row>
    <row r="422" spans="1:3" x14ac:dyDescent="0.25">
      <c r="A422" s="14" t="s">
        <v>3339</v>
      </c>
    </row>
    <row r="423" spans="1:3" x14ac:dyDescent="0.25">
      <c r="A423" s="14" t="s">
        <v>3344</v>
      </c>
    </row>
    <row r="424" spans="1:3" x14ac:dyDescent="0.25">
      <c r="A424" s="14" t="s">
        <v>3349</v>
      </c>
    </row>
    <row r="425" spans="1:3" x14ac:dyDescent="0.25">
      <c r="A425" s="14" t="s">
        <v>3354</v>
      </c>
    </row>
    <row r="426" spans="1:3" x14ac:dyDescent="0.25">
      <c r="A426" s="14" t="s">
        <v>3359</v>
      </c>
    </row>
    <row r="427" spans="1:3" x14ac:dyDescent="0.25">
      <c r="A427" s="14" t="s">
        <v>3364</v>
      </c>
    </row>
    <row r="428" spans="1:3" x14ac:dyDescent="0.25">
      <c r="A428" s="14" t="s">
        <v>3369</v>
      </c>
      <c r="C428" s="55"/>
    </row>
    <row r="429" spans="1:3" x14ac:dyDescent="0.25">
      <c r="A429" s="14" t="s">
        <v>3374</v>
      </c>
    </row>
    <row r="430" spans="1:3" x14ac:dyDescent="0.25">
      <c r="A430" s="14" t="s">
        <v>3379</v>
      </c>
    </row>
    <row r="431" spans="1:3" x14ac:dyDescent="0.25">
      <c r="A431" s="14" t="s">
        <v>3384</v>
      </c>
    </row>
    <row r="432" spans="1:3" x14ac:dyDescent="0.25">
      <c r="A432" s="14" t="s">
        <v>3389</v>
      </c>
    </row>
    <row r="433" spans="1:1" x14ac:dyDescent="0.25">
      <c r="A433" s="14" t="s">
        <v>3394</v>
      </c>
    </row>
    <row r="434" spans="1:1" x14ac:dyDescent="0.25">
      <c r="A434" s="14" t="s">
        <v>3399</v>
      </c>
    </row>
    <row r="435" spans="1:1" x14ac:dyDescent="0.25">
      <c r="A435" s="14" t="s">
        <v>3404</v>
      </c>
    </row>
    <row r="436" spans="1:1" x14ac:dyDescent="0.25">
      <c r="A436" s="14" t="s">
        <v>3409</v>
      </c>
    </row>
    <row r="437" spans="1:1" x14ac:dyDescent="0.25">
      <c r="A437" s="14" t="s">
        <v>3414</v>
      </c>
    </row>
    <row r="438" spans="1:1" x14ac:dyDescent="0.25">
      <c r="A438" s="14" t="s">
        <v>3419</v>
      </c>
    </row>
    <row r="439" spans="1:1" x14ac:dyDescent="0.25">
      <c r="A439" s="14" t="s">
        <v>3424</v>
      </c>
    </row>
    <row r="440" spans="1:1" x14ac:dyDescent="0.25">
      <c r="A440" s="14" t="s">
        <v>3429</v>
      </c>
    </row>
    <row r="441" spans="1:1" x14ac:dyDescent="0.25">
      <c r="A441" s="14" t="s">
        <v>3434</v>
      </c>
    </row>
    <row r="442" spans="1:1" x14ac:dyDescent="0.25">
      <c r="A442" s="14" t="s">
        <v>3439</v>
      </c>
    </row>
    <row r="443" spans="1:1" x14ac:dyDescent="0.25">
      <c r="A443" s="14" t="s">
        <v>3444</v>
      </c>
    </row>
    <row r="444" spans="1:1" x14ac:dyDescent="0.25">
      <c r="A444" s="14" t="s">
        <v>348</v>
      </c>
    </row>
    <row r="445" spans="1:1" x14ac:dyDescent="0.25">
      <c r="A445" s="14" t="s">
        <v>3453</v>
      </c>
    </row>
    <row r="446" spans="1:1" x14ac:dyDescent="0.25">
      <c r="A446" s="14" t="s">
        <v>3458</v>
      </c>
    </row>
    <row r="447" spans="1:1" x14ac:dyDescent="0.25">
      <c r="A447" s="14" t="s">
        <v>3463</v>
      </c>
    </row>
    <row r="448" spans="1:1" x14ac:dyDescent="0.25">
      <c r="A448" s="14" t="s">
        <v>3468</v>
      </c>
    </row>
    <row r="449" spans="1:1" x14ac:dyDescent="0.25">
      <c r="A449" s="14" t="s">
        <v>3473</v>
      </c>
    </row>
    <row r="450" spans="1:1" x14ac:dyDescent="0.25">
      <c r="A450" s="14" t="s">
        <v>3478</v>
      </c>
    </row>
    <row r="451" spans="1:1" x14ac:dyDescent="0.25">
      <c r="A451" s="14" t="s">
        <v>3482</v>
      </c>
    </row>
    <row r="452" spans="1:1" x14ac:dyDescent="0.25">
      <c r="A452" s="14" t="s">
        <v>3487</v>
      </c>
    </row>
    <row r="453" spans="1:1" x14ac:dyDescent="0.25">
      <c r="A453" s="14" t="s">
        <v>3492</v>
      </c>
    </row>
    <row r="454" spans="1:1" x14ac:dyDescent="0.25">
      <c r="A454" s="14" t="s">
        <v>3497</v>
      </c>
    </row>
    <row r="455" spans="1:1" x14ac:dyDescent="0.25">
      <c r="A455" s="14" t="s">
        <v>3502</v>
      </c>
    </row>
    <row r="456" spans="1:1" x14ac:dyDescent="0.25">
      <c r="A456" s="14" t="s">
        <v>3507</v>
      </c>
    </row>
    <row r="457" spans="1:1" x14ac:dyDescent="0.25">
      <c r="A457" s="14" t="s">
        <v>3512</v>
      </c>
    </row>
    <row r="458" spans="1:1" x14ac:dyDescent="0.25">
      <c r="A458" s="14" t="s">
        <v>3517</v>
      </c>
    </row>
    <row r="459" spans="1:1" x14ac:dyDescent="0.25">
      <c r="A459" s="14" t="s">
        <v>3522</v>
      </c>
    </row>
    <row r="460" spans="1:1" x14ac:dyDescent="0.25">
      <c r="A460" s="14" t="s">
        <v>3527</v>
      </c>
    </row>
    <row r="461" spans="1:1" x14ac:dyDescent="0.25">
      <c r="A461" s="14" t="s">
        <v>3532</v>
      </c>
    </row>
    <row r="462" spans="1:1" x14ac:dyDescent="0.25">
      <c r="A462" s="14" t="s">
        <v>3536</v>
      </c>
    </row>
    <row r="463" spans="1:1" x14ac:dyDescent="0.25">
      <c r="A463" s="14" t="s">
        <v>3541</v>
      </c>
    </row>
    <row r="464" spans="1:1" x14ac:dyDescent="0.25">
      <c r="A464" s="14" t="s">
        <v>3546</v>
      </c>
    </row>
    <row r="465" spans="1:1" x14ac:dyDescent="0.25">
      <c r="A465" s="14" t="s">
        <v>3551</v>
      </c>
    </row>
    <row r="466" spans="1:1" x14ac:dyDescent="0.25">
      <c r="A466" s="14" t="s">
        <v>3555</v>
      </c>
    </row>
    <row r="467" spans="1:1" x14ac:dyDescent="0.25">
      <c r="A467" s="14" t="s">
        <v>3560</v>
      </c>
    </row>
    <row r="468" spans="1:1" x14ac:dyDescent="0.25">
      <c r="A468" s="14" t="s">
        <v>3565</v>
      </c>
    </row>
    <row r="469" spans="1:1" x14ac:dyDescent="0.25">
      <c r="A469" s="14" t="s">
        <v>3570</v>
      </c>
    </row>
    <row r="470" spans="1:1" x14ac:dyDescent="0.25">
      <c r="A470" s="14" t="s">
        <v>3574</v>
      </c>
    </row>
    <row r="471" spans="1:1" x14ac:dyDescent="0.25">
      <c r="A471" s="14" t="s">
        <v>3579</v>
      </c>
    </row>
    <row r="472" spans="1:1" x14ac:dyDescent="0.25">
      <c r="A472" s="14" t="s">
        <v>3584</v>
      </c>
    </row>
    <row r="473" spans="1:1" x14ac:dyDescent="0.25">
      <c r="A473" s="14" t="s">
        <v>351</v>
      </c>
    </row>
    <row r="474" spans="1:1" x14ac:dyDescent="0.25">
      <c r="A474" s="14" t="s">
        <v>3593</v>
      </c>
    </row>
    <row r="475" spans="1:1" x14ac:dyDescent="0.25">
      <c r="A475" s="14" t="s">
        <v>3597</v>
      </c>
    </row>
    <row r="476" spans="1:1" x14ac:dyDescent="0.25">
      <c r="A476" s="14" t="s">
        <v>3602</v>
      </c>
    </row>
    <row r="477" spans="1:1" x14ac:dyDescent="0.25">
      <c r="A477" s="14" t="s">
        <v>3607</v>
      </c>
    </row>
    <row r="478" spans="1:1" x14ac:dyDescent="0.25">
      <c r="A478" s="14" t="s">
        <v>3612</v>
      </c>
    </row>
    <row r="479" spans="1:1" x14ac:dyDescent="0.25">
      <c r="A479" s="14" t="s">
        <v>3617</v>
      </c>
    </row>
    <row r="480" spans="1:1" x14ac:dyDescent="0.25">
      <c r="A480" s="14" t="s">
        <v>3622</v>
      </c>
    </row>
    <row r="481" spans="1:1" x14ac:dyDescent="0.25">
      <c r="A481" s="14" t="s">
        <v>3627</v>
      </c>
    </row>
    <row r="482" spans="1:1" x14ac:dyDescent="0.25">
      <c r="A482" s="14" t="s">
        <v>3632</v>
      </c>
    </row>
    <row r="483" spans="1:1" x14ac:dyDescent="0.25">
      <c r="A483" s="14" t="s">
        <v>3636</v>
      </c>
    </row>
    <row r="484" spans="1:1" x14ac:dyDescent="0.25">
      <c r="A484" s="14" t="s">
        <v>3641</v>
      </c>
    </row>
    <row r="485" spans="1:1" x14ac:dyDescent="0.25">
      <c r="A485" s="14" t="s">
        <v>3645</v>
      </c>
    </row>
    <row r="486" spans="1:1" x14ac:dyDescent="0.25">
      <c r="A486" s="14" t="s">
        <v>3650</v>
      </c>
    </row>
    <row r="487" spans="1:1" x14ac:dyDescent="0.25">
      <c r="A487" s="14" t="s">
        <v>3654</v>
      </c>
    </row>
    <row r="488" spans="1:1" x14ac:dyDescent="0.25">
      <c r="A488" s="14" t="s">
        <v>3659</v>
      </c>
    </row>
    <row r="489" spans="1:1" x14ac:dyDescent="0.25">
      <c r="A489" s="14" t="s">
        <v>741</v>
      </c>
    </row>
    <row r="490" spans="1:1" x14ac:dyDescent="0.25">
      <c r="A490" s="14" t="s">
        <v>3668</v>
      </c>
    </row>
    <row r="491" spans="1:1" x14ac:dyDescent="0.25">
      <c r="A491" s="14" t="s">
        <v>3672</v>
      </c>
    </row>
    <row r="492" spans="1:1" x14ac:dyDescent="0.25">
      <c r="A492" s="14" t="s">
        <v>3677</v>
      </c>
    </row>
    <row r="493" spans="1:1" x14ac:dyDescent="0.25">
      <c r="A493" s="14" t="s">
        <v>3682</v>
      </c>
    </row>
    <row r="494" spans="1:1" x14ac:dyDescent="0.25">
      <c r="A494" s="14" t="s">
        <v>3687</v>
      </c>
    </row>
    <row r="495" spans="1:1" x14ac:dyDescent="0.25">
      <c r="A495" s="14" t="s">
        <v>3690</v>
      </c>
    </row>
    <row r="496" spans="1:1" x14ac:dyDescent="0.25">
      <c r="A496" s="14" t="s">
        <v>3695</v>
      </c>
    </row>
    <row r="497" spans="1:1" x14ac:dyDescent="0.25">
      <c r="A497" s="14" t="s">
        <v>3700</v>
      </c>
    </row>
    <row r="498" spans="1:1" x14ac:dyDescent="0.25">
      <c r="A498" s="14" t="s">
        <v>3704</v>
      </c>
    </row>
    <row r="499" spans="1:1" x14ac:dyDescent="0.25">
      <c r="A499" s="14" t="s">
        <v>3709</v>
      </c>
    </row>
    <row r="500" spans="1:1" x14ac:dyDescent="0.25">
      <c r="A500" s="14" t="s">
        <v>3714</v>
      </c>
    </row>
    <row r="501" spans="1:1" x14ac:dyDescent="0.25">
      <c r="A501" s="14" t="s">
        <v>3719</v>
      </c>
    </row>
    <row r="502" spans="1:1" x14ac:dyDescent="0.25">
      <c r="A502" s="14" t="s">
        <v>3724</v>
      </c>
    </row>
    <row r="503" spans="1:1" x14ac:dyDescent="0.25">
      <c r="A503" s="14" t="s">
        <v>3729</v>
      </c>
    </row>
    <row r="504" spans="1:1" x14ac:dyDescent="0.25">
      <c r="A504" s="14" t="s">
        <v>3733</v>
      </c>
    </row>
    <row r="505" spans="1:1" x14ac:dyDescent="0.25">
      <c r="A505" s="14" t="s">
        <v>3738</v>
      </c>
    </row>
    <row r="506" spans="1:1" x14ac:dyDescent="0.25">
      <c r="A506" s="14" t="s">
        <v>3742</v>
      </c>
    </row>
    <row r="507" spans="1:1" x14ac:dyDescent="0.25">
      <c r="A507" s="14" t="s">
        <v>3747</v>
      </c>
    </row>
    <row r="508" spans="1:1" x14ac:dyDescent="0.25">
      <c r="A508" s="14" t="s">
        <v>3752</v>
      </c>
    </row>
    <row r="509" spans="1:1" x14ac:dyDescent="0.25">
      <c r="A509" s="14" t="s">
        <v>3757</v>
      </c>
    </row>
    <row r="510" spans="1:1" x14ac:dyDescent="0.25">
      <c r="A510" s="14" t="s">
        <v>3762</v>
      </c>
    </row>
    <row r="511" spans="1:1" x14ac:dyDescent="0.25">
      <c r="A511" s="14" t="s">
        <v>3767</v>
      </c>
    </row>
    <row r="512" spans="1:1" x14ac:dyDescent="0.25">
      <c r="A512" s="14" t="s">
        <v>3772</v>
      </c>
    </row>
    <row r="513" spans="1:1" x14ac:dyDescent="0.25">
      <c r="A513" s="14" t="s">
        <v>3777</v>
      </c>
    </row>
    <row r="514" spans="1:1" x14ac:dyDescent="0.25">
      <c r="A514" s="14" t="s">
        <v>3781</v>
      </c>
    </row>
    <row r="515" spans="1:1" x14ac:dyDescent="0.25">
      <c r="A515" s="14" t="s">
        <v>3786</v>
      </c>
    </row>
    <row r="516" spans="1:1" x14ac:dyDescent="0.25">
      <c r="A516" s="14" t="s">
        <v>3791</v>
      </c>
    </row>
    <row r="517" spans="1:1" x14ac:dyDescent="0.25">
      <c r="A517" s="14" t="s">
        <v>3796</v>
      </c>
    </row>
    <row r="518" spans="1:1" x14ac:dyDescent="0.25">
      <c r="A518" s="14" t="s">
        <v>3800</v>
      </c>
    </row>
    <row r="519" spans="1:1" x14ac:dyDescent="0.25">
      <c r="A519" s="14" t="s">
        <v>3805</v>
      </c>
    </row>
    <row r="520" spans="1:1" x14ac:dyDescent="0.25">
      <c r="A520" s="14" t="s">
        <v>3810</v>
      </c>
    </row>
    <row r="521" spans="1:1" x14ac:dyDescent="0.25">
      <c r="A521" s="14" t="s">
        <v>3815</v>
      </c>
    </row>
    <row r="522" spans="1:1" x14ac:dyDescent="0.25">
      <c r="A522" s="14" t="s">
        <v>3819</v>
      </c>
    </row>
    <row r="523" spans="1:1" x14ac:dyDescent="0.25">
      <c r="A523" s="14" t="s">
        <v>3823</v>
      </c>
    </row>
    <row r="524" spans="1:1" x14ac:dyDescent="0.25">
      <c r="A524" s="14" t="s">
        <v>3828</v>
      </c>
    </row>
    <row r="525" spans="1:1" x14ac:dyDescent="0.25">
      <c r="A525" s="14" t="s">
        <v>3833</v>
      </c>
    </row>
    <row r="526" spans="1:1" x14ac:dyDescent="0.25">
      <c r="A526" s="14" t="s">
        <v>3838</v>
      </c>
    </row>
    <row r="527" spans="1:1" x14ac:dyDescent="0.25">
      <c r="A527" s="14" t="s">
        <v>3842</v>
      </c>
    </row>
    <row r="528" spans="1:1" x14ac:dyDescent="0.25">
      <c r="A528" s="14" t="s">
        <v>3847</v>
      </c>
    </row>
    <row r="529" spans="1:1" x14ac:dyDescent="0.25">
      <c r="A529" s="14" t="s">
        <v>3851</v>
      </c>
    </row>
    <row r="530" spans="1:1" x14ac:dyDescent="0.25">
      <c r="A530" s="14" t="s">
        <v>3856</v>
      </c>
    </row>
    <row r="531" spans="1:1" x14ac:dyDescent="0.25">
      <c r="A531" s="14" t="s">
        <v>3864</v>
      </c>
    </row>
    <row r="532" spans="1:1" x14ac:dyDescent="0.25">
      <c r="A532" s="14" t="s">
        <v>3869</v>
      </c>
    </row>
    <row r="533" spans="1:1" x14ac:dyDescent="0.25">
      <c r="A533" s="14" t="s">
        <v>3874</v>
      </c>
    </row>
    <row r="534" spans="1:1" x14ac:dyDescent="0.25">
      <c r="A534" s="14" t="s">
        <v>3879</v>
      </c>
    </row>
    <row r="535" spans="1:1" x14ac:dyDescent="0.25">
      <c r="A535" s="14" t="s">
        <v>3883</v>
      </c>
    </row>
    <row r="536" spans="1:1" x14ac:dyDescent="0.25">
      <c r="A536" s="14" t="s">
        <v>3888</v>
      </c>
    </row>
    <row r="537" spans="1:1" x14ac:dyDescent="0.25">
      <c r="A537" s="14" t="s">
        <v>3893</v>
      </c>
    </row>
    <row r="538" spans="1:1" x14ac:dyDescent="0.25">
      <c r="A538" s="14" t="s">
        <v>3898</v>
      </c>
    </row>
    <row r="539" spans="1:1" x14ac:dyDescent="0.25">
      <c r="A539" s="14" t="s">
        <v>3903</v>
      </c>
    </row>
    <row r="540" spans="1:1" x14ac:dyDescent="0.25">
      <c r="A540" s="14" t="s">
        <v>3908</v>
      </c>
    </row>
    <row r="541" spans="1:1" x14ac:dyDescent="0.25">
      <c r="A541" s="14" t="s">
        <v>3913</v>
      </c>
    </row>
    <row r="542" spans="1:1" x14ac:dyDescent="0.25">
      <c r="A542" s="14" t="s">
        <v>3917</v>
      </c>
    </row>
    <row r="543" spans="1:1" x14ac:dyDescent="0.25">
      <c r="A543" s="14" t="s">
        <v>3922</v>
      </c>
    </row>
    <row r="544" spans="1:1" x14ac:dyDescent="0.25">
      <c r="A544" s="14" t="s">
        <v>3926</v>
      </c>
    </row>
    <row r="545" spans="1:1" x14ac:dyDescent="0.25">
      <c r="A545" s="14" t="s">
        <v>3930</v>
      </c>
    </row>
    <row r="546" spans="1:1" x14ac:dyDescent="0.25">
      <c r="A546" s="14" t="s">
        <v>3935</v>
      </c>
    </row>
    <row r="547" spans="1:1" x14ac:dyDescent="0.25">
      <c r="A547" s="14" t="s">
        <v>3939</v>
      </c>
    </row>
    <row r="548" spans="1:1" x14ac:dyDescent="0.25">
      <c r="A548" s="14" t="s">
        <v>3944</v>
      </c>
    </row>
    <row r="549" spans="1:1" x14ac:dyDescent="0.25">
      <c r="A549" s="14" t="s">
        <v>3949</v>
      </c>
    </row>
    <row r="550" spans="1:1" x14ac:dyDescent="0.25">
      <c r="A550" s="14" t="s">
        <v>3954</v>
      </c>
    </row>
    <row r="551" spans="1:1" x14ac:dyDescent="0.25">
      <c r="A551" s="14" t="s">
        <v>3959</v>
      </c>
    </row>
    <row r="552" spans="1:1" x14ac:dyDescent="0.25">
      <c r="A552" s="14" t="s">
        <v>968</v>
      </c>
    </row>
    <row r="553" spans="1:1" x14ac:dyDescent="0.25">
      <c r="A553" s="14" t="s">
        <v>3967</v>
      </c>
    </row>
    <row r="554" spans="1:1" x14ac:dyDescent="0.25">
      <c r="A554" s="14" t="s">
        <v>3972</v>
      </c>
    </row>
    <row r="555" spans="1:1" x14ac:dyDescent="0.25">
      <c r="A555" s="14" t="s">
        <v>3976</v>
      </c>
    </row>
    <row r="556" spans="1:1" x14ac:dyDescent="0.25">
      <c r="A556" s="14" t="s">
        <v>3981</v>
      </c>
    </row>
    <row r="557" spans="1:1" x14ac:dyDescent="0.25">
      <c r="A557" s="14" t="s">
        <v>3986</v>
      </c>
    </row>
    <row r="558" spans="1:1" x14ac:dyDescent="0.25">
      <c r="A558" s="14" t="s">
        <v>3991</v>
      </c>
    </row>
    <row r="559" spans="1:1" x14ac:dyDescent="0.25">
      <c r="A559" s="14" t="s">
        <v>3995</v>
      </c>
    </row>
    <row r="560" spans="1:1" x14ac:dyDescent="0.25">
      <c r="A560" s="14" t="s">
        <v>3999</v>
      </c>
    </row>
    <row r="561" spans="1:1" x14ac:dyDescent="0.25">
      <c r="A561" s="14" t="s">
        <v>4004</v>
      </c>
    </row>
    <row r="562" spans="1:1" x14ac:dyDescent="0.25">
      <c r="A562" s="14" t="s">
        <v>4008</v>
      </c>
    </row>
    <row r="563" spans="1:1" x14ac:dyDescent="0.25">
      <c r="A563" s="14" t="s">
        <v>4013</v>
      </c>
    </row>
    <row r="564" spans="1:1" x14ac:dyDescent="0.25">
      <c r="A564" s="14" t="s">
        <v>4018</v>
      </c>
    </row>
    <row r="565" spans="1:1" x14ac:dyDescent="0.25">
      <c r="A565" s="14" t="s">
        <v>4022</v>
      </c>
    </row>
    <row r="566" spans="1:1" x14ac:dyDescent="0.25">
      <c r="A566" s="14" t="s">
        <v>4027</v>
      </c>
    </row>
    <row r="567" spans="1:1" x14ac:dyDescent="0.25">
      <c r="A567" s="14" t="s">
        <v>4032</v>
      </c>
    </row>
    <row r="568" spans="1:1" x14ac:dyDescent="0.25">
      <c r="A568" s="14" t="s">
        <v>4037</v>
      </c>
    </row>
    <row r="569" spans="1:1" x14ac:dyDescent="0.25">
      <c r="A569" s="14" t="s">
        <v>4042</v>
      </c>
    </row>
    <row r="570" spans="1:1" x14ac:dyDescent="0.25">
      <c r="A570" s="14" t="s">
        <v>4047</v>
      </c>
    </row>
    <row r="571" spans="1:1" x14ac:dyDescent="0.25">
      <c r="A571" s="14" t="s">
        <v>4052</v>
      </c>
    </row>
    <row r="572" spans="1:1" x14ac:dyDescent="0.25">
      <c r="A572" s="14" t="s">
        <v>4057</v>
      </c>
    </row>
    <row r="573" spans="1:1" x14ac:dyDescent="0.25">
      <c r="A573" s="14" t="s">
        <v>4061</v>
      </c>
    </row>
    <row r="574" spans="1:1" x14ac:dyDescent="0.25">
      <c r="A574" s="14" t="s">
        <v>4065</v>
      </c>
    </row>
    <row r="575" spans="1:1" x14ac:dyDescent="0.25">
      <c r="A575" s="14" t="s">
        <v>4069</v>
      </c>
    </row>
    <row r="576" spans="1:1" x14ac:dyDescent="0.25">
      <c r="A576" s="14" t="s">
        <v>4073</v>
      </c>
    </row>
    <row r="577" spans="1:1" x14ac:dyDescent="0.25">
      <c r="A577" s="14" t="s">
        <v>4076</v>
      </c>
    </row>
    <row r="578" spans="1:1" x14ac:dyDescent="0.25">
      <c r="A578" s="14" t="s">
        <v>4081</v>
      </c>
    </row>
    <row r="579" spans="1:1" x14ac:dyDescent="0.25">
      <c r="A579" s="14" t="s">
        <v>4085</v>
      </c>
    </row>
    <row r="580" spans="1:1" x14ac:dyDescent="0.25">
      <c r="A580" s="14" t="s">
        <v>4089</v>
      </c>
    </row>
    <row r="581" spans="1:1" x14ac:dyDescent="0.25">
      <c r="A581" s="14" t="s">
        <v>4095</v>
      </c>
    </row>
    <row r="582" spans="1:1" x14ac:dyDescent="0.25">
      <c r="A582" s="14" t="s">
        <v>4100</v>
      </c>
    </row>
    <row r="583" spans="1:1" x14ac:dyDescent="0.25">
      <c r="A583" s="14" t="s">
        <v>4105</v>
      </c>
    </row>
    <row r="584" spans="1:1" x14ac:dyDescent="0.25">
      <c r="A584" s="14" t="s">
        <v>4110</v>
      </c>
    </row>
    <row r="585" spans="1:1" x14ac:dyDescent="0.25">
      <c r="A585" s="14" t="s">
        <v>4115</v>
      </c>
    </row>
    <row r="586" spans="1:1" x14ac:dyDescent="0.25">
      <c r="A586" s="14" t="s">
        <v>4119</v>
      </c>
    </row>
    <row r="587" spans="1:1" x14ac:dyDescent="0.25">
      <c r="A587" s="14" t="s">
        <v>951</v>
      </c>
    </row>
    <row r="588" spans="1:1" x14ac:dyDescent="0.25">
      <c r="A588" s="14" t="s">
        <v>4127</v>
      </c>
    </row>
    <row r="589" spans="1:1" x14ac:dyDescent="0.25">
      <c r="A589" s="14" t="s">
        <v>4132</v>
      </c>
    </row>
    <row r="590" spans="1:1" x14ac:dyDescent="0.25">
      <c r="A590" s="14" t="s">
        <v>4137</v>
      </c>
    </row>
    <row r="591" spans="1:1" x14ac:dyDescent="0.25">
      <c r="A591" s="14" t="s">
        <v>4142</v>
      </c>
    </row>
    <row r="592" spans="1:1" x14ac:dyDescent="0.25">
      <c r="A592" s="14" t="s">
        <v>4147</v>
      </c>
    </row>
    <row r="593" spans="1:1" x14ac:dyDescent="0.25">
      <c r="A593" s="14" t="s">
        <v>4152</v>
      </c>
    </row>
    <row r="594" spans="1:1" x14ac:dyDescent="0.25">
      <c r="A594" s="14" t="s">
        <v>4157</v>
      </c>
    </row>
    <row r="595" spans="1:1" x14ac:dyDescent="0.25">
      <c r="A595" s="14" t="s">
        <v>4162</v>
      </c>
    </row>
    <row r="596" spans="1:1" x14ac:dyDescent="0.25">
      <c r="A596" s="14" t="s">
        <v>4167</v>
      </c>
    </row>
    <row r="597" spans="1:1" x14ac:dyDescent="0.25">
      <c r="A597" s="14" t="s">
        <v>4172</v>
      </c>
    </row>
    <row r="598" spans="1:1" x14ac:dyDescent="0.25">
      <c r="A598" s="14" t="s">
        <v>4177</v>
      </c>
    </row>
    <row r="599" spans="1:1" x14ac:dyDescent="0.25">
      <c r="A599" s="14" t="s">
        <v>4182</v>
      </c>
    </row>
    <row r="600" spans="1:1" x14ac:dyDescent="0.25">
      <c r="A600" s="14" t="s">
        <v>4187</v>
      </c>
    </row>
    <row r="601" spans="1:1" x14ac:dyDescent="0.25">
      <c r="A601" s="14" t="s">
        <v>4192</v>
      </c>
    </row>
    <row r="602" spans="1:1" x14ac:dyDescent="0.25">
      <c r="A602" s="14" t="s">
        <v>4197</v>
      </c>
    </row>
    <row r="603" spans="1:1" x14ac:dyDescent="0.25">
      <c r="A603" s="14" t="s">
        <v>4202</v>
      </c>
    </row>
    <row r="604" spans="1:1" x14ac:dyDescent="0.25">
      <c r="A604" s="14" t="s">
        <v>4207</v>
      </c>
    </row>
    <row r="605" spans="1:1" x14ac:dyDescent="0.25">
      <c r="A605" s="14" t="s">
        <v>4212</v>
      </c>
    </row>
    <row r="606" spans="1:1" x14ac:dyDescent="0.25">
      <c r="A606" s="14" t="s">
        <v>4217</v>
      </c>
    </row>
    <row r="607" spans="1:1" x14ac:dyDescent="0.25">
      <c r="A607" s="14" t="s">
        <v>4222</v>
      </c>
    </row>
    <row r="608" spans="1:1" x14ac:dyDescent="0.25">
      <c r="A608" s="14" t="s">
        <v>4227</v>
      </c>
    </row>
    <row r="609" spans="1:1" x14ac:dyDescent="0.25">
      <c r="A609" s="14" t="s">
        <v>4232</v>
      </c>
    </row>
    <row r="610" spans="1:1" x14ac:dyDescent="0.25">
      <c r="A610" s="14" t="s">
        <v>4237</v>
      </c>
    </row>
    <row r="611" spans="1:1" x14ac:dyDescent="0.25">
      <c r="A611" s="14" t="s">
        <v>4242</v>
      </c>
    </row>
    <row r="612" spans="1:1" x14ac:dyDescent="0.25">
      <c r="A612" s="14" t="s">
        <v>4247</v>
      </c>
    </row>
    <row r="613" spans="1:1" x14ac:dyDescent="0.25">
      <c r="A613" s="14" t="s">
        <v>4252</v>
      </c>
    </row>
    <row r="614" spans="1:1" x14ac:dyDescent="0.25">
      <c r="A614" s="14" t="s">
        <v>4256</v>
      </c>
    </row>
    <row r="615" spans="1:1" x14ac:dyDescent="0.25">
      <c r="A615" s="14" t="s">
        <v>4260</v>
      </c>
    </row>
    <row r="616" spans="1:1" x14ac:dyDescent="0.25">
      <c r="A616" s="14" t="s">
        <v>4265</v>
      </c>
    </row>
    <row r="617" spans="1:1" x14ac:dyDescent="0.25">
      <c r="A617" s="14" t="s">
        <v>4270</v>
      </c>
    </row>
    <row r="618" spans="1:1" x14ac:dyDescent="0.25">
      <c r="A618" s="14" t="s">
        <v>851</v>
      </c>
    </row>
    <row r="619" spans="1:1" x14ac:dyDescent="0.25">
      <c r="A619" s="14" t="s">
        <v>4279</v>
      </c>
    </row>
    <row r="620" spans="1:1" x14ac:dyDescent="0.25">
      <c r="A620" s="14" t="s">
        <v>4284</v>
      </c>
    </row>
    <row r="621" spans="1:1" x14ac:dyDescent="0.25">
      <c r="A621" s="14" t="s">
        <v>4289</v>
      </c>
    </row>
    <row r="622" spans="1:1" x14ac:dyDescent="0.25">
      <c r="A622" s="14" t="s">
        <v>4294</v>
      </c>
    </row>
    <row r="623" spans="1:1" x14ac:dyDescent="0.25">
      <c r="A623" s="14" t="s">
        <v>4299</v>
      </c>
    </row>
    <row r="624" spans="1:1" x14ac:dyDescent="0.25">
      <c r="A624" s="14" t="s">
        <v>4304</v>
      </c>
    </row>
    <row r="625" spans="1:1" x14ac:dyDescent="0.25">
      <c r="A625" s="14" t="s">
        <v>4308</v>
      </c>
    </row>
    <row r="626" spans="1:1" x14ac:dyDescent="0.25">
      <c r="A626" s="14" t="s">
        <v>4313</v>
      </c>
    </row>
    <row r="627" spans="1:1" x14ac:dyDescent="0.25">
      <c r="A627" s="14" t="s">
        <v>4317</v>
      </c>
    </row>
    <row r="628" spans="1:1" x14ac:dyDescent="0.25">
      <c r="A628" s="14" t="s">
        <v>4322</v>
      </c>
    </row>
    <row r="629" spans="1:1" x14ac:dyDescent="0.25">
      <c r="A629" s="14" t="s">
        <v>4327</v>
      </c>
    </row>
    <row r="630" spans="1:1" x14ac:dyDescent="0.25">
      <c r="A630" s="14" t="s">
        <v>4332</v>
      </c>
    </row>
    <row r="631" spans="1:1" x14ac:dyDescent="0.25">
      <c r="A631" s="14" t="s">
        <v>4337</v>
      </c>
    </row>
    <row r="632" spans="1:1" x14ac:dyDescent="0.25">
      <c r="A632" s="14" t="s">
        <v>792</v>
      </c>
    </row>
    <row r="633" spans="1:1" x14ac:dyDescent="0.25">
      <c r="A633" s="14" t="s">
        <v>4346</v>
      </c>
    </row>
    <row r="634" spans="1:1" x14ac:dyDescent="0.25">
      <c r="A634" s="14" t="s">
        <v>4350</v>
      </c>
    </row>
    <row r="635" spans="1:1" x14ac:dyDescent="0.25">
      <c r="A635" s="14" t="s">
        <v>4354</v>
      </c>
    </row>
    <row r="636" spans="1:1" x14ac:dyDescent="0.25">
      <c r="A636" s="14" t="s">
        <v>4358</v>
      </c>
    </row>
    <row r="637" spans="1:1" x14ac:dyDescent="0.25">
      <c r="A637" s="14" t="s">
        <v>4363</v>
      </c>
    </row>
    <row r="638" spans="1:1" x14ac:dyDescent="0.25">
      <c r="A638" s="14" t="s">
        <v>4368</v>
      </c>
    </row>
    <row r="639" spans="1:1" x14ac:dyDescent="0.25">
      <c r="A639" s="14" t="s">
        <v>4373</v>
      </c>
    </row>
    <row r="640" spans="1:1" x14ac:dyDescent="0.25">
      <c r="A640" s="14" t="s">
        <v>4378</v>
      </c>
    </row>
    <row r="641" spans="1:1" x14ac:dyDescent="0.25">
      <c r="A641" s="14" t="s">
        <v>4383</v>
      </c>
    </row>
    <row r="642" spans="1:1" x14ac:dyDescent="0.25">
      <c r="A642" s="14" t="s">
        <v>4388</v>
      </c>
    </row>
    <row r="643" spans="1:1" x14ac:dyDescent="0.25">
      <c r="A643" s="14" t="s">
        <v>4392</v>
      </c>
    </row>
    <row r="644" spans="1:1" x14ac:dyDescent="0.25">
      <c r="A644" s="14" t="s">
        <v>4397</v>
      </c>
    </row>
    <row r="645" spans="1:1" x14ac:dyDescent="0.25">
      <c r="A645" s="14" t="s">
        <v>4402</v>
      </c>
    </row>
    <row r="646" spans="1:1" x14ac:dyDescent="0.25">
      <c r="A646" s="14" t="s">
        <v>4407</v>
      </c>
    </row>
    <row r="647" spans="1:1" x14ac:dyDescent="0.25">
      <c r="A647" s="14" t="s">
        <v>4412</v>
      </c>
    </row>
    <row r="648" spans="1:1" x14ac:dyDescent="0.25">
      <c r="A648" s="14" t="s">
        <v>4417</v>
      </c>
    </row>
    <row r="649" spans="1:1" x14ac:dyDescent="0.25">
      <c r="A649" s="14" t="s">
        <v>4422</v>
      </c>
    </row>
    <row r="650" spans="1:1" x14ac:dyDescent="0.25">
      <c r="A650" s="14" t="s">
        <v>4427</v>
      </c>
    </row>
    <row r="651" spans="1:1" x14ac:dyDescent="0.25">
      <c r="A651" s="14" t="s">
        <v>4432</v>
      </c>
    </row>
    <row r="652" spans="1:1" x14ac:dyDescent="0.25">
      <c r="A652" s="14" t="s">
        <v>4442</v>
      </c>
    </row>
    <row r="653" spans="1:1" x14ac:dyDescent="0.25">
      <c r="A653" s="14" t="s">
        <v>4447</v>
      </c>
    </row>
    <row r="654" spans="1:1" x14ac:dyDescent="0.25">
      <c r="A654" s="14" t="s">
        <v>4452</v>
      </c>
    </row>
    <row r="655" spans="1:1" x14ac:dyDescent="0.25">
      <c r="A655" s="14" t="s">
        <v>4457</v>
      </c>
    </row>
    <row r="656" spans="1:1" x14ac:dyDescent="0.25">
      <c r="A656" s="14" t="s">
        <v>4460</v>
      </c>
    </row>
    <row r="657" spans="1:3" x14ac:dyDescent="0.25">
      <c r="A657" s="14" t="s">
        <v>4465</v>
      </c>
    </row>
    <row r="658" spans="1:3" x14ac:dyDescent="0.25">
      <c r="A658" s="14" t="s">
        <v>4470</v>
      </c>
    </row>
    <row r="659" spans="1:3" x14ac:dyDescent="0.25">
      <c r="A659" s="14" t="s">
        <v>4479</v>
      </c>
    </row>
    <row r="660" spans="1:3" x14ac:dyDescent="0.25">
      <c r="A660" s="14" t="s">
        <v>4484</v>
      </c>
    </row>
    <row r="661" spans="1:3" x14ac:dyDescent="0.25">
      <c r="A661" s="14" t="s">
        <v>4489</v>
      </c>
    </row>
    <row r="662" spans="1:3" x14ac:dyDescent="0.25">
      <c r="A662" s="14" t="s">
        <v>4493</v>
      </c>
    </row>
    <row r="663" spans="1:3" x14ac:dyDescent="0.25">
      <c r="A663" s="14" t="s">
        <v>4498</v>
      </c>
      <c r="C663" s="58"/>
    </row>
    <row r="664" spans="1:3" x14ac:dyDescent="0.25">
      <c r="A664" s="14" t="s">
        <v>4503</v>
      </c>
    </row>
    <row r="665" spans="1:3" x14ac:dyDescent="0.25">
      <c r="A665" s="14" t="s">
        <v>4508</v>
      </c>
    </row>
    <row r="666" spans="1:3" x14ac:dyDescent="0.25">
      <c r="A666" s="14" t="s">
        <v>4517</v>
      </c>
    </row>
    <row r="667" spans="1:3" x14ac:dyDescent="0.25">
      <c r="A667" s="14" t="s">
        <v>4522</v>
      </c>
    </row>
    <row r="668" spans="1:3" x14ac:dyDescent="0.25">
      <c r="A668" s="14" t="s">
        <v>4527</v>
      </c>
    </row>
    <row r="669" spans="1:3" x14ac:dyDescent="0.25">
      <c r="A669" s="14" t="s">
        <v>4532</v>
      </c>
    </row>
    <row r="670" spans="1:3" x14ac:dyDescent="0.25">
      <c r="A670" s="14" t="s">
        <v>4537</v>
      </c>
    </row>
    <row r="671" spans="1:3" x14ac:dyDescent="0.25">
      <c r="A671" s="14" t="s">
        <v>4541</v>
      </c>
    </row>
    <row r="672" spans="1:3" x14ac:dyDescent="0.25">
      <c r="A672" s="14" t="s">
        <v>4546</v>
      </c>
    </row>
    <row r="673" spans="1:1" x14ac:dyDescent="0.25">
      <c r="A673" s="14" t="s">
        <v>4551</v>
      </c>
    </row>
    <row r="674" spans="1:1" x14ac:dyDescent="0.25">
      <c r="A674" s="14" t="s">
        <v>4555</v>
      </c>
    </row>
    <row r="675" spans="1:1" x14ac:dyDescent="0.25">
      <c r="A675" s="14" t="s">
        <v>4560</v>
      </c>
    </row>
    <row r="676" spans="1:1" x14ac:dyDescent="0.25">
      <c r="A676" s="14" t="s">
        <v>4565</v>
      </c>
    </row>
    <row r="677" spans="1:1" x14ac:dyDescent="0.25">
      <c r="A677" s="14" t="s">
        <v>4570</v>
      </c>
    </row>
    <row r="678" spans="1:1" x14ac:dyDescent="0.25">
      <c r="A678" s="14" t="s">
        <v>4574</v>
      </c>
    </row>
    <row r="679" spans="1:1" x14ac:dyDescent="0.25">
      <c r="A679" s="14" t="s">
        <v>4579</v>
      </c>
    </row>
    <row r="680" spans="1:1" x14ac:dyDescent="0.25">
      <c r="A680" s="14" t="s">
        <v>4583</v>
      </c>
    </row>
    <row r="681" spans="1:1" x14ac:dyDescent="0.25">
      <c r="A681" s="14" t="s">
        <v>4588</v>
      </c>
    </row>
    <row r="682" spans="1:1" x14ac:dyDescent="0.25">
      <c r="A682" s="14" t="s">
        <v>4592</v>
      </c>
    </row>
    <row r="683" spans="1:1" x14ac:dyDescent="0.25">
      <c r="A683" s="14" t="s">
        <v>4597</v>
      </c>
    </row>
    <row r="684" spans="1:1" x14ac:dyDescent="0.25">
      <c r="A684" s="14" t="s">
        <v>4602</v>
      </c>
    </row>
    <row r="685" spans="1:1" x14ac:dyDescent="0.25">
      <c r="A685" s="14" t="s">
        <v>4607</v>
      </c>
    </row>
    <row r="686" spans="1:1" x14ac:dyDescent="0.25">
      <c r="A686" s="14" t="s">
        <v>4612</v>
      </c>
    </row>
    <row r="687" spans="1:1" x14ac:dyDescent="0.25">
      <c r="A687" s="14" t="s">
        <v>4617</v>
      </c>
    </row>
    <row r="688" spans="1:1" x14ac:dyDescent="0.25">
      <c r="A688" s="14" t="s">
        <v>4622</v>
      </c>
    </row>
    <row r="689" spans="1:3" x14ac:dyDescent="0.25">
      <c r="A689" s="14" t="s">
        <v>4627</v>
      </c>
    </row>
    <row r="690" spans="1:3" x14ac:dyDescent="0.25">
      <c r="A690" s="14" t="s">
        <v>4631</v>
      </c>
    </row>
    <row r="691" spans="1:3" x14ac:dyDescent="0.25">
      <c r="A691" s="14" t="s">
        <v>4636</v>
      </c>
    </row>
    <row r="692" spans="1:3" x14ac:dyDescent="0.25">
      <c r="A692" s="14" t="s">
        <v>4641</v>
      </c>
    </row>
    <row r="693" spans="1:3" x14ac:dyDescent="0.25">
      <c r="A693" s="14" t="s">
        <v>4646</v>
      </c>
    </row>
    <row r="694" spans="1:3" x14ac:dyDescent="0.25">
      <c r="A694" s="14" t="s">
        <v>4651</v>
      </c>
    </row>
    <row r="695" spans="1:3" x14ac:dyDescent="0.25">
      <c r="A695" s="14" t="s">
        <v>4656</v>
      </c>
    </row>
    <row r="696" spans="1:3" x14ac:dyDescent="0.25">
      <c r="A696" s="14" t="s">
        <v>4661</v>
      </c>
    </row>
    <row r="697" spans="1:3" x14ac:dyDescent="0.25">
      <c r="A697" s="14" t="s">
        <v>4665</v>
      </c>
    </row>
    <row r="698" spans="1:3" x14ac:dyDescent="0.25">
      <c r="A698" s="14" t="s">
        <v>4670</v>
      </c>
    </row>
    <row r="699" spans="1:3" x14ac:dyDescent="0.25">
      <c r="A699" s="14" t="s">
        <v>4675</v>
      </c>
    </row>
    <row r="700" spans="1:3" x14ac:dyDescent="0.25">
      <c r="A700" s="14" t="s">
        <v>4680</v>
      </c>
      <c r="C700" s="58"/>
    </row>
    <row r="701" spans="1:3" x14ac:dyDescent="0.25">
      <c r="A701" s="14" t="s">
        <v>4685</v>
      </c>
    </row>
    <row r="702" spans="1:3" x14ac:dyDescent="0.25">
      <c r="A702" s="14" t="s">
        <v>841</v>
      </c>
    </row>
    <row r="703" spans="1:3" x14ac:dyDescent="0.25">
      <c r="A703" s="14" t="s">
        <v>4694</v>
      </c>
    </row>
    <row r="704" spans="1:3" x14ac:dyDescent="0.25">
      <c r="A704" s="14" t="s">
        <v>4699</v>
      </c>
    </row>
    <row r="705" spans="1:3" x14ac:dyDescent="0.25">
      <c r="A705" s="14" t="s">
        <v>4704</v>
      </c>
    </row>
    <row r="706" spans="1:3" x14ac:dyDescent="0.25">
      <c r="A706" s="14" t="s">
        <v>4709</v>
      </c>
    </row>
    <row r="707" spans="1:3" x14ac:dyDescent="0.25">
      <c r="A707" s="14" t="s">
        <v>4714</v>
      </c>
    </row>
    <row r="708" spans="1:3" x14ac:dyDescent="0.25">
      <c r="A708" s="14" t="s">
        <v>4719</v>
      </c>
    </row>
    <row r="709" spans="1:3" x14ac:dyDescent="0.25">
      <c r="A709" s="14" t="s">
        <v>4724</v>
      </c>
    </row>
    <row r="710" spans="1:3" x14ac:dyDescent="0.25">
      <c r="A710" s="14" t="s">
        <v>4729</v>
      </c>
    </row>
    <row r="711" spans="1:3" x14ac:dyDescent="0.25">
      <c r="A711" s="14" t="s">
        <v>4734</v>
      </c>
    </row>
    <row r="712" spans="1:3" x14ac:dyDescent="0.25">
      <c r="A712" s="14" t="s">
        <v>4738</v>
      </c>
    </row>
    <row r="713" spans="1:3" x14ac:dyDescent="0.25">
      <c r="A713" s="14" t="s">
        <v>4743</v>
      </c>
    </row>
    <row r="714" spans="1:3" x14ac:dyDescent="0.25">
      <c r="A714" s="14" t="s">
        <v>4748</v>
      </c>
      <c r="C714" s="59"/>
    </row>
    <row r="715" spans="1:3" x14ac:dyDescent="0.25">
      <c r="A715" s="14" t="s">
        <v>4752</v>
      </c>
    </row>
    <row r="716" spans="1:3" x14ac:dyDescent="0.25">
      <c r="A716" s="14" t="s">
        <v>4757</v>
      </c>
    </row>
    <row r="717" spans="1:3" x14ac:dyDescent="0.25">
      <c r="A717" s="14" t="s">
        <v>4762</v>
      </c>
    </row>
    <row r="718" spans="1:3" x14ac:dyDescent="0.25">
      <c r="A718" s="14" t="s">
        <v>4767</v>
      </c>
    </row>
    <row r="719" spans="1:3" x14ac:dyDescent="0.25">
      <c r="A719" s="14" t="s">
        <v>4771</v>
      </c>
    </row>
    <row r="720" spans="1:3" x14ac:dyDescent="0.25">
      <c r="A720" s="14" t="s">
        <v>4776</v>
      </c>
    </row>
    <row r="721" spans="1:3" x14ac:dyDescent="0.25">
      <c r="A721" s="14" t="s">
        <v>4781</v>
      </c>
    </row>
    <row r="722" spans="1:3" x14ac:dyDescent="0.25">
      <c r="A722" s="14" t="s">
        <v>4786</v>
      </c>
    </row>
    <row r="723" spans="1:3" x14ac:dyDescent="0.25">
      <c r="A723" s="14" t="s">
        <v>4790</v>
      </c>
    </row>
    <row r="724" spans="1:3" x14ac:dyDescent="0.25">
      <c r="A724" s="14" t="s">
        <v>349</v>
      </c>
    </row>
    <row r="725" spans="1:3" x14ac:dyDescent="0.25">
      <c r="A725" s="14" t="s">
        <v>4798</v>
      </c>
    </row>
    <row r="726" spans="1:3" x14ac:dyDescent="0.25">
      <c r="A726" s="14" t="s">
        <v>4803</v>
      </c>
    </row>
    <row r="727" spans="1:3" x14ac:dyDescent="0.25">
      <c r="A727" s="14" t="s">
        <v>4807</v>
      </c>
    </row>
    <row r="728" spans="1:3" x14ac:dyDescent="0.25">
      <c r="A728" s="14" t="s">
        <v>4812</v>
      </c>
    </row>
    <row r="729" spans="1:3" x14ac:dyDescent="0.25">
      <c r="A729" s="14" t="s">
        <v>4816</v>
      </c>
    </row>
    <row r="730" spans="1:3" x14ac:dyDescent="0.25">
      <c r="A730" s="14" t="s">
        <v>4821</v>
      </c>
      <c r="C730" s="58"/>
    </row>
    <row r="731" spans="1:3" x14ac:dyDescent="0.25">
      <c r="A731" s="14" t="s">
        <v>4825</v>
      </c>
    </row>
    <row r="732" spans="1:3" x14ac:dyDescent="0.25">
      <c r="A732" s="14" t="s">
        <v>4829</v>
      </c>
    </row>
    <row r="733" spans="1:3" x14ac:dyDescent="0.25">
      <c r="A733" s="14" t="s">
        <v>4833</v>
      </c>
    </row>
    <row r="734" spans="1:3" x14ac:dyDescent="0.25">
      <c r="A734" s="14" t="s">
        <v>4838</v>
      </c>
    </row>
    <row r="735" spans="1:3" x14ac:dyDescent="0.25">
      <c r="A735" s="14" t="s">
        <v>4842</v>
      </c>
    </row>
    <row r="736" spans="1:3" x14ac:dyDescent="0.25">
      <c r="A736" s="14" t="s">
        <v>4847</v>
      </c>
    </row>
    <row r="737" spans="1:3" x14ac:dyDescent="0.25">
      <c r="A737" s="14" t="s">
        <v>4851</v>
      </c>
    </row>
    <row r="738" spans="1:3" x14ac:dyDescent="0.25">
      <c r="A738" s="14" t="s">
        <v>4856</v>
      </c>
    </row>
    <row r="739" spans="1:3" x14ac:dyDescent="0.25">
      <c r="A739" s="14" t="s">
        <v>4861</v>
      </c>
    </row>
    <row r="740" spans="1:3" x14ac:dyDescent="0.25">
      <c r="A740" s="14" t="s">
        <v>4866</v>
      </c>
    </row>
    <row r="741" spans="1:3" x14ac:dyDescent="0.25">
      <c r="A741" s="14" t="s">
        <v>4871</v>
      </c>
    </row>
    <row r="742" spans="1:3" x14ac:dyDescent="0.25">
      <c r="A742" s="14" t="s">
        <v>4876</v>
      </c>
    </row>
    <row r="743" spans="1:3" x14ac:dyDescent="0.25">
      <c r="A743" s="14" t="s">
        <v>4880</v>
      </c>
      <c r="C743" s="58"/>
    </row>
    <row r="744" spans="1:3" x14ac:dyDescent="0.25">
      <c r="A744" s="14" t="s">
        <v>4885</v>
      </c>
    </row>
    <row r="745" spans="1:3" x14ac:dyDescent="0.25">
      <c r="A745" s="14" t="s">
        <v>4889</v>
      </c>
    </row>
    <row r="746" spans="1:3" x14ac:dyDescent="0.25">
      <c r="A746" s="14" t="s">
        <v>4894</v>
      </c>
    </row>
    <row r="747" spans="1:3" x14ac:dyDescent="0.25">
      <c r="A747" s="14" t="s">
        <v>4898</v>
      </c>
    </row>
    <row r="748" spans="1:3" x14ac:dyDescent="0.25">
      <c r="A748" s="14" t="s">
        <v>4903</v>
      </c>
    </row>
    <row r="749" spans="1:3" x14ac:dyDescent="0.25">
      <c r="A749" s="14" t="s">
        <v>4908</v>
      </c>
    </row>
    <row r="750" spans="1:3" x14ac:dyDescent="0.25">
      <c r="A750" s="14" t="s">
        <v>4913</v>
      </c>
    </row>
    <row r="751" spans="1:3" x14ac:dyDescent="0.25">
      <c r="A751" s="14" t="s">
        <v>4918</v>
      </c>
    </row>
    <row r="752" spans="1:3" x14ac:dyDescent="0.25">
      <c r="A752" s="14" t="s">
        <v>852</v>
      </c>
    </row>
    <row r="753" spans="1:1" x14ac:dyDescent="0.25">
      <c r="A753" s="14" t="s">
        <v>4924</v>
      </c>
    </row>
    <row r="754" spans="1:1" x14ac:dyDescent="0.25">
      <c r="A754" s="14" t="s">
        <v>4929</v>
      </c>
    </row>
    <row r="755" spans="1:1" x14ac:dyDescent="0.25">
      <c r="A755" s="14" t="s">
        <v>4934</v>
      </c>
    </row>
    <row r="756" spans="1:1" x14ac:dyDescent="0.25">
      <c r="A756" s="14" t="s">
        <v>4941</v>
      </c>
    </row>
    <row r="757" spans="1:1" x14ac:dyDescent="0.25">
      <c r="A757" s="14" t="s">
        <v>862</v>
      </c>
    </row>
    <row r="758" spans="1:1" x14ac:dyDescent="0.25">
      <c r="A758" s="14" t="s">
        <v>4952</v>
      </c>
    </row>
    <row r="759" spans="1:1" x14ac:dyDescent="0.25">
      <c r="A759" s="14" t="s">
        <v>842</v>
      </c>
    </row>
    <row r="760" spans="1:1" x14ac:dyDescent="0.25">
      <c r="A760" s="14" t="s">
        <v>4961</v>
      </c>
    </row>
    <row r="761" spans="1:1" x14ac:dyDescent="0.25">
      <c r="A761" s="14" t="s">
        <v>4966</v>
      </c>
    </row>
    <row r="762" spans="1:1" x14ac:dyDescent="0.25">
      <c r="A762" s="14" t="s">
        <v>4972</v>
      </c>
    </row>
    <row r="763" spans="1:1" x14ac:dyDescent="0.25">
      <c r="A763" s="14" t="s">
        <v>4977</v>
      </c>
    </row>
    <row r="764" spans="1:1" x14ac:dyDescent="0.25">
      <c r="A764" s="14" t="s">
        <v>4982</v>
      </c>
    </row>
    <row r="765" spans="1:1" x14ac:dyDescent="0.25">
      <c r="A765" s="14" t="s">
        <v>4987</v>
      </c>
    </row>
    <row r="766" spans="1:1" x14ac:dyDescent="0.25">
      <c r="A766" s="14" t="s">
        <v>4992</v>
      </c>
    </row>
    <row r="767" spans="1:1" x14ac:dyDescent="0.25">
      <c r="A767" s="14" t="s">
        <v>4997</v>
      </c>
    </row>
    <row r="768" spans="1:1" x14ac:dyDescent="0.25">
      <c r="A768" s="14" t="s">
        <v>5002</v>
      </c>
    </row>
    <row r="769" spans="1:1" x14ac:dyDescent="0.25">
      <c r="A769" s="14" t="s">
        <v>5007</v>
      </c>
    </row>
    <row r="770" spans="1:1" x14ac:dyDescent="0.25">
      <c r="A770" s="14" t="s">
        <v>5012</v>
      </c>
    </row>
    <row r="771" spans="1:1" x14ac:dyDescent="0.25">
      <c r="A771" s="14" t="s">
        <v>5017</v>
      </c>
    </row>
    <row r="772" spans="1:1" x14ac:dyDescent="0.25">
      <c r="A772" s="14" t="s">
        <v>5022</v>
      </c>
    </row>
    <row r="773" spans="1:1" x14ac:dyDescent="0.25">
      <c r="A773" s="14" t="s">
        <v>5027</v>
      </c>
    </row>
    <row r="774" spans="1:1" x14ac:dyDescent="0.25">
      <c r="A774" s="14" t="s">
        <v>5032</v>
      </c>
    </row>
    <row r="775" spans="1:1" x14ac:dyDescent="0.25">
      <c r="A775" s="14" t="s">
        <v>5037</v>
      </c>
    </row>
    <row r="776" spans="1:1" x14ac:dyDescent="0.25">
      <c r="A776" s="14" t="s">
        <v>5042</v>
      </c>
    </row>
    <row r="777" spans="1:1" x14ac:dyDescent="0.25">
      <c r="A777" s="14" t="s">
        <v>5047</v>
      </c>
    </row>
    <row r="778" spans="1:1" x14ac:dyDescent="0.25">
      <c r="A778" s="14" t="s">
        <v>5053</v>
      </c>
    </row>
    <row r="779" spans="1:1" x14ac:dyDescent="0.25">
      <c r="A779" s="14" t="s">
        <v>5058</v>
      </c>
    </row>
    <row r="780" spans="1:1" x14ac:dyDescent="0.25">
      <c r="A780" s="14" t="s">
        <v>5063</v>
      </c>
    </row>
    <row r="781" spans="1:1" x14ac:dyDescent="0.25">
      <c r="A781" s="14" t="s">
        <v>5068</v>
      </c>
    </row>
    <row r="782" spans="1:1" x14ac:dyDescent="0.25">
      <c r="A782" s="14" t="s">
        <v>5073</v>
      </c>
    </row>
    <row r="783" spans="1:1" x14ac:dyDescent="0.25">
      <c r="A783" s="14" t="s">
        <v>5078</v>
      </c>
    </row>
    <row r="784" spans="1:1" x14ac:dyDescent="0.25">
      <c r="A784" s="14" t="s">
        <v>5083</v>
      </c>
    </row>
    <row r="785" spans="1:1" x14ac:dyDescent="0.25">
      <c r="A785" s="14" t="s">
        <v>5088</v>
      </c>
    </row>
    <row r="786" spans="1:1" x14ac:dyDescent="0.25">
      <c r="A786" s="14" t="s">
        <v>5093</v>
      </c>
    </row>
    <row r="787" spans="1:1" x14ac:dyDescent="0.25">
      <c r="A787" s="14" t="s">
        <v>5097</v>
      </c>
    </row>
    <row r="788" spans="1:1" x14ac:dyDescent="0.25">
      <c r="A788" s="14" t="s">
        <v>5102</v>
      </c>
    </row>
    <row r="789" spans="1:1" x14ac:dyDescent="0.25">
      <c r="A789" s="14" t="s">
        <v>5107</v>
      </c>
    </row>
    <row r="790" spans="1:1" x14ac:dyDescent="0.25">
      <c r="A790" s="14" t="s">
        <v>5112</v>
      </c>
    </row>
    <row r="791" spans="1:1" x14ac:dyDescent="0.25">
      <c r="A791" s="14" t="s">
        <v>5117</v>
      </c>
    </row>
    <row r="792" spans="1:1" x14ac:dyDescent="0.25">
      <c r="A792" s="14" t="s">
        <v>5122</v>
      </c>
    </row>
    <row r="793" spans="1:1" x14ac:dyDescent="0.25">
      <c r="A793" s="14" t="s">
        <v>5127</v>
      </c>
    </row>
    <row r="794" spans="1:1" x14ac:dyDescent="0.25">
      <c r="A794" s="14" t="s">
        <v>5132</v>
      </c>
    </row>
    <row r="795" spans="1:1" x14ac:dyDescent="0.25">
      <c r="A795" s="14" t="s">
        <v>5137</v>
      </c>
    </row>
    <row r="796" spans="1:1" x14ac:dyDescent="0.25">
      <c r="A796" s="14" t="s">
        <v>5142</v>
      </c>
    </row>
    <row r="797" spans="1:1" x14ac:dyDescent="0.25">
      <c r="A797" s="14" t="s">
        <v>5147</v>
      </c>
    </row>
    <row r="798" spans="1:1" x14ac:dyDescent="0.25">
      <c r="A798" s="14" t="s">
        <v>5152</v>
      </c>
    </row>
    <row r="799" spans="1:1" x14ac:dyDescent="0.25">
      <c r="A799" s="14" t="s">
        <v>5157</v>
      </c>
    </row>
    <row r="800" spans="1:1" x14ac:dyDescent="0.25">
      <c r="A800" s="14" t="s">
        <v>5162</v>
      </c>
    </row>
    <row r="801" spans="1:1" x14ac:dyDescent="0.25">
      <c r="A801" s="14" t="s">
        <v>5167</v>
      </c>
    </row>
    <row r="802" spans="1:1" x14ac:dyDescent="0.25">
      <c r="A802" s="14" t="s">
        <v>5172</v>
      </c>
    </row>
    <row r="803" spans="1:1" x14ac:dyDescent="0.25">
      <c r="A803" s="14" t="s">
        <v>5177</v>
      </c>
    </row>
    <row r="804" spans="1:1" x14ac:dyDescent="0.25">
      <c r="A804" s="14" t="s">
        <v>5182</v>
      </c>
    </row>
    <row r="805" spans="1:1" x14ac:dyDescent="0.25">
      <c r="A805" s="14" t="s">
        <v>5187</v>
      </c>
    </row>
    <row r="806" spans="1:1" x14ac:dyDescent="0.25">
      <c r="A806" s="14" t="s">
        <v>5192</v>
      </c>
    </row>
    <row r="807" spans="1:1" x14ac:dyDescent="0.25">
      <c r="A807" s="14" t="s">
        <v>5197</v>
      </c>
    </row>
    <row r="808" spans="1:1" x14ac:dyDescent="0.25">
      <c r="A808" s="14" t="s">
        <v>5202</v>
      </c>
    </row>
    <row r="809" spans="1:1" x14ac:dyDescent="0.25">
      <c r="A809" s="14" t="s">
        <v>5207</v>
      </c>
    </row>
    <row r="810" spans="1:1" x14ac:dyDescent="0.25">
      <c r="A810" s="14" t="s">
        <v>628</v>
      </c>
    </row>
    <row r="811" spans="1:1" x14ac:dyDescent="0.25">
      <c r="A811" s="14" t="s">
        <v>5216</v>
      </c>
    </row>
    <row r="812" spans="1:1" x14ac:dyDescent="0.25">
      <c r="A812" s="14" t="s">
        <v>5221</v>
      </c>
    </row>
    <row r="813" spans="1:1" x14ac:dyDescent="0.25">
      <c r="A813" s="14" t="s">
        <v>5226</v>
      </c>
    </row>
    <row r="814" spans="1:1" x14ac:dyDescent="0.25">
      <c r="A814" s="14" t="s">
        <v>5231</v>
      </c>
    </row>
    <row r="815" spans="1:1" x14ac:dyDescent="0.25">
      <c r="A815" s="14" t="s">
        <v>5236</v>
      </c>
    </row>
    <row r="816" spans="1:1" x14ac:dyDescent="0.25">
      <c r="A816" s="14" t="s">
        <v>5241</v>
      </c>
    </row>
    <row r="817" spans="1:1" x14ac:dyDescent="0.25">
      <c r="A817" s="14" t="s">
        <v>5246</v>
      </c>
    </row>
    <row r="818" spans="1:1" x14ac:dyDescent="0.25">
      <c r="A818" s="14" t="s">
        <v>5251</v>
      </c>
    </row>
    <row r="819" spans="1:1" x14ac:dyDescent="0.25">
      <c r="A819" s="14" t="s">
        <v>5256</v>
      </c>
    </row>
    <row r="820" spans="1:1" x14ac:dyDescent="0.25">
      <c r="A820" s="14" t="s">
        <v>5261</v>
      </c>
    </row>
    <row r="821" spans="1:1" x14ac:dyDescent="0.25">
      <c r="A821" s="14" t="s">
        <v>5266</v>
      </c>
    </row>
    <row r="822" spans="1:1" x14ac:dyDescent="0.25">
      <c r="A822" s="14" t="s">
        <v>5271</v>
      </c>
    </row>
    <row r="823" spans="1:1" x14ac:dyDescent="0.25">
      <c r="A823" s="14" t="s">
        <v>5275</v>
      </c>
    </row>
    <row r="824" spans="1:1" x14ac:dyDescent="0.25">
      <c r="A824" s="14" t="s">
        <v>5280</v>
      </c>
    </row>
    <row r="825" spans="1:1" x14ac:dyDescent="0.25">
      <c r="A825" s="14" t="s">
        <v>5285</v>
      </c>
    </row>
    <row r="826" spans="1:1" x14ac:dyDescent="0.25">
      <c r="A826" s="14" t="s">
        <v>5290</v>
      </c>
    </row>
    <row r="827" spans="1:1" x14ac:dyDescent="0.25">
      <c r="A827" s="14" t="s">
        <v>5295</v>
      </c>
    </row>
    <row r="828" spans="1:1" x14ac:dyDescent="0.25">
      <c r="A828" s="14" t="s">
        <v>5300</v>
      </c>
    </row>
    <row r="829" spans="1:1" x14ac:dyDescent="0.25">
      <c r="A829" s="14" t="s">
        <v>5304</v>
      </c>
    </row>
    <row r="830" spans="1:1" x14ac:dyDescent="0.25">
      <c r="A830" s="14" t="s">
        <v>5309</v>
      </c>
    </row>
    <row r="831" spans="1:1" x14ac:dyDescent="0.25">
      <c r="A831" s="14" t="s">
        <v>5314</v>
      </c>
    </row>
    <row r="832" spans="1:1" x14ac:dyDescent="0.25">
      <c r="A832" s="14" t="s">
        <v>5318</v>
      </c>
    </row>
    <row r="833" spans="1:1" x14ac:dyDescent="0.25">
      <c r="A833" s="14" t="s">
        <v>5322</v>
      </c>
    </row>
    <row r="834" spans="1:1" x14ac:dyDescent="0.25">
      <c r="A834" s="14" t="s">
        <v>5327</v>
      </c>
    </row>
    <row r="835" spans="1:1" x14ac:dyDescent="0.25">
      <c r="A835" s="14" t="s">
        <v>5332</v>
      </c>
    </row>
    <row r="836" spans="1:1" x14ac:dyDescent="0.25">
      <c r="A836" s="14" t="s">
        <v>5337</v>
      </c>
    </row>
    <row r="837" spans="1:1" x14ac:dyDescent="0.25">
      <c r="A837" s="14" t="s">
        <v>5342</v>
      </c>
    </row>
    <row r="838" spans="1:1" x14ac:dyDescent="0.25">
      <c r="A838" s="14" t="s">
        <v>5347</v>
      </c>
    </row>
    <row r="839" spans="1:1" x14ac:dyDescent="0.25">
      <c r="A839" s="14" t="s">
        <v>5352</v>
      </c>
    </row>
    <row r="840" spans="1:1" x14ac:dyDescent="0.25">
      <c r="A840" s="14" t="s">
        <v>5357</v>
      </c>
    </row>
    <row r="841" spans="1:1" x14ac:dyDescent="0.25">
      <c r="A841" s="14" t="s">
        <v>5362</v>
      </c>
    </row>
    <row r="842" spans="1:1" x14ac:dyDescent="0.25">
      <c r="A842" s="14" t="s">
        <v>5367</v>
      </c>
    </row>
    <row r="843" spans="1:1" x14ac:dyDescent="0.25">
      <c r="A843" s="14" t="s">
        <v>5372</v>
      </c>
    </row>
    <row r="844" spans="1:1" x14ac:dyDescent="0.25">
      <c r="A844" s="14" t="s">
        <v>5377</v>
      </c>
    </row>
    <row r="845" spans="1:1" x14ac:dyDescent="0.25">
      <c r="A845" s="14" t="s">
        <v>5382</v>
      </c>
    </row>
    <row r="846" spans="1:1" x14ac:dyDescent="0.25">
      <c r="A846" s="14" t="s">
        <v>5386</v>
      </c>
    </row>
    <row r="847" spans="1:1" x14ac:dyDescent="0.25">
      <c r="A847" s="14" t="s">
        <v>5391</v>
      </c>
    </row>
    <row r="848" spans="1:1" x14ac:dyDescent="0.25">
      <c r="A848" s="14" t="s">
        <v>5401</v>
      </c>
    </row>
    <row r="849" spans="1:1" x14ac:dyDescent="0.25">
      <c r="A849" s="14" t="s">
        <v>5406</v>
      </c>
    </row>
    <row r="850" spans="1:1" x14ac:dyDescent="0.25">
      <c r="A850" s="14" t="s">
        <v>5410</v>
      </c>
    </row>
    <row r="851" spans="1:1" x14ac:dyDescent="0.25">
      <c r="A851" s="14" t="s">
        <v>5416</v>
      </c>
    </row>
    <row r="852" spans="1:1" x14ac:dyDescent="0.25">
      <c r="A852" s="14" t="s">
        <v>5422</v>
      </c>
    </row>
    <row r="853" spans="1:1" x14ac:dyDescent="0.25">
      <c r="A853" s="14" t="s">
        <v>5426</v>
      </c>
    </row>
    <row r="854" spans="1:1" x14ac:dyDescent="0.25">
      <c r="A854" s="14" t="s">
        <v>5431</v>
      </c>
    </row>
    <row r="855" spans="1:1" x14ac:dyDescent="0.25">
      <c r="A855" s="14" t="s">
        <v>5436</v>
      </c>
    </row>
    <row r="856" spans="1:1" x14ac:dyDescent="0.25">
      <c r="A856" s="14" t="s">
        <v>5440</v>
      </c>
    </row>
    <row r="857" spans="1:1" x14ac:dyDescent="0.25">
      <c r="A857" s="14" t="s">
        <v>5444</v>
      </c>
    </row>
    <row r="858" spans="1:1" x14ac:dyDescent="0.25">
      <c r="A858" s="14" t="s">
        <v>5449</v>
      </c>
    </row>
    <row r="859" spans="1:1" x14ac:dyDescent="0.25">
      <c r="A859" s="14" t="s">
        <v>5454</v>
      </c>
    </row>
    <row r="860" spans="1:1" x14ac:dyDescent="0.25">
      <c r="A860" s="14" t="s">
        <v>787</v>
      </c>
    </row>
    <row r="861" spans="1:1" x14ac:dyDescent="0.25">
      <c r="A861" s="14" t="s">
        <v>5463</v>
      </c>
    </row>
    <row r="862" spans="1:1" x14ac:dyDescent="0.25">
      <c r="A862" s="14" t="s">
        <v>5468</v>
      </c>
    </row>
    <row r="863" spans="1:1" x14ac:dyDescent="0.25">
      <c r="A863" s="14" t="s">
        <v>5473</v>
      </c>
    </row>
    <row r="864" spans="1:1" x14ac:dyDescent="0.25">
      <c r="A864" s="14" t="s">
        <v>5478</v>
      </c>
    </row>
    <row r="865" spans="1:1" x14ac:dyDescent="0.25">
      <c r="A865" s="14" t="s">
        <v>5483</v>
      </c>
    </row>
    <row r="866" spans="1:1" x14ac:dyDescent="0.25">
      <c r="A866" s="14" t="s">
        <v>5488</v>
      </c>
    </row>
    <row r="867" spans="1:1" x14ac:dyDescent="0.25">
      <c r="A867" s="14" t="s">
        <v>5493</v>
      </c>
    </row>
    <row r="868" spans="1:1" x14ac:dyDescent="0.25">
      <c r="A868" s="14" t="s">
        <v>5498</v>
      </c>
    </row>
    <row r="869" spans="1:1" x14ac:dyDescent="0.25">
      <c r="A869" s="14" t="s">
        <v>5503</v>
      </c>
    </row>
    <row r="870" spans="1:1" x14ac:dyDescent="0.25">
      <c r="A870" s="14" t="s">
        <v>5508</v>
      </c>
    </row>
    <row r="871" spans="1:1" x14ac:dyDescent="0.25">
      <c r="A871" s="14" t="s">
        <v>5513</v>
      </c>
    </row>
    <row r="872" spans="1:1" x14ac:dyDescent="0.25">
      <c r="A872" s="14" t="s">
        <v>5518</v>
      </c>
    </row>
    <row r="873" spans="1:1" x14ac:dyDescent="0.25">
      <c r="A873" s="14" t="s">
        <v>5522</v>
      </c>
    </row>
    <row r="874" spans="1:1" x14ac:dyDescent="0.25">
      <c r="A874" s="14" t="s">
        <v>5526</v>
      </c>
    </row>
    <row r="875" spans="1:1" x14ac:dyDescent="0.25">
      <c r="A875" s="14" t="s">
        <v>5531</v>
      </c>
    </row>
    <row r="876" spans="1:1" x14ac:dyDescent="0.25">
      <c r="A876" s="14" t="s">
        <v>5536</v>
      </c>
    </row>
    <row r="877" spans="1:1" x14ac:dyDescent="0.25">
      <c r="A877" s="14" t="s">
        <v>5541</v>
      </c>
    </row>
    <row r="878" spans="1:1" x14ac:dyDescent="0.25">
      <c r="A878" s="14" t="s">
        <v>5546</v>
      </c>
    </row>
    <row r="879" spans="1:1" x14ac:dyDescent="0.25">
      <c r="A879" s="14" t="s">
        <v>5550</v>
      </c>
    </row>
    <row r="880" spans="1:1" x14ac:dyDescent="0.25">
      <c r="A880" s="14" t="s">
        <v>5555</v>
      </c>
    </row>
    <row r="881" spans="1:1" x14ac:dyDescent="0.25">
      <c r="A881" s="14" t="s">
        <v>5560</v>
      </c>
    </row>
    <row r="882" spans="1:1" x14ac:dyDescent="0.25">
      <c r="A882" s="14" t="s">
        <v>5565</v>
      </c>
    </row>
    <row r="883" spans="1:1" x14ac:dyDescent="0.25">
      <c r="A883" s="14" t="s">
        <v>5570</v>
      </c>
    </row>
    <row r="884" spans="1:1" x14ac:dyDescent="0.25">
      <c r="A884" s="14" t="s">
        <v>5575</v>
      </c>
    </row>
    <row r="885" spans="1:1" x14ac:dyDescent="0.25">
      <c r="A885" s="14" t="s">
        <v>5581</v>
      </c>
    </row>
    <row r="886" spans="1:1" x14ac:dyDescent="0.25">
      <c r="A886" s="14" t="s">
        <v>5586</v>
      </c>
    </row>
    <row r="887" spans="1:1" x14ac:dyDescent="0.25">
      <c r="A887" s="14" t="s">
        <v>5591</v>
      </c>
    </row>
    <row r="888" spans="1:1" x14ac:dyDescent="0.25">
      <c r="A888" s="14" t="s">
        <v>5596</v>
      </c>
    </row>
    <row r="889" spans="1:1" x14ac:dyDescent="0.25">
      <c r="A889" s="14" t="s">
        <v>5601</v>
      </c>
    </row>
    <row r="890" spans="1:1" x14ac:dyDescent="0.25">
      <c r="A890" s="14" t="s">
        <v>5606</v>
      </c>
    </row>
    <row r="891" spans="1:1" x14ac:dyDescent="0.25">
      <c r="A891" s="14" t="s">
        <v>5611</v>
      </c>
    </row>
    <row r="892" spans="1:1" x14ac:dyDescent="0.25">
      <c r="A892" s="14" t="s">
        <v>5616</v>
      </c>
    </row>
    <row r="893" spans="1:1" x14ac:dyDescent="0.25">
      <c r="A893" s="14" t="s">
        <v>5621</v>
      </c>
    </row>
    <row r="894" spans="1:1" x14ac:dyDescent="0.25">
      <c r="A894" s="14" t="s">
        <v>5626</v>
      </c>
    </row>
    <row r="895" spans="1:1" x14ac:dyDescent="0.25">
      <c r="A895" s="14" t="s">
        <v>5631</v>
      </c>
    </row>
    <row r="896" spans="1:1" x14ac:dyDescent="0.25">
      <c r="A896" s="14" t="s">
        <v>5636</v>
      </c>
    </row>
    <row r="897" spans="1:1" x14ac:dyDescent="0.25">
      <c r="A897" s="14" t="s">
        <v>5641</v>
      </c>
    </row>
    <row r="898" spans="1:1" x14ac:dyDescent="0.25">
      <c r="A898" s="14" t="s">
        <v>5645</v>
      </c>
    </row>
    <row r="899" spans="1:1" x14ac:dyDescent="0.25">
      <c r="A899" s="14" t="s">
        <v>5650</v>
      </c>
    </row>
    <row r="900" spans="1:1" x14ac:dyDescent="0.25">
      <c r="A900" s="14" t="s">
        <v>5655</v>
      </c>
    </row>
    <row r="901" spans="1:1" x14ac:dyDescent="0.25">
      <c r="A901" s="14" t="s">
        <v>5660</v>
      </c>
    </row>
    <row r="902" spans="1:1" x14ac:dyDescent="0.25">
      <c r="A902" s="14" t="s">
        <v>5665</v>
      </c>
    </row>
    <row r="903" spans="1:1" x14ac:dyDescent="0.25">
      <c r="A903" s="14" t="s">
        <v>5669</v>
      </c>
    </row>
    <row r="904" spans="1:1" x14ac:dyDescent="0.25">
      <c r="A904" s="14" t="s">
        <v>5674</v>
      </c>
    </row>
    <row r="905" spans="1:1" x14ac:dyDescent="0.25">
      <c r="A905" s="14" t="s">
        <v>5678</v>
      </c>
    </row>
    <row r="906" spans="1:1" x14ac:dyDescent="0.25">
      <c r="A906" s="14" t="s">
        <v>5683</v>
      </c>
    </row>
    <row r="907" spans="1:1" x14ac:dyDescent="0.25">
      <c r="A907" s="14" t="s">
        <v>5688</v>
      </c>
    </row>
    <row r="908" spans="1:1" x14ac:dyDescent="0.25">
      <c r="A908" s="14" t="s">
        <v>5693</v>
      </c>
    </row>
    <row r="909" spans="1:1" x14ac:dyDescent="0.25">
      <c r="A909" s="14" t="s">
        <v>5698</v>
      </c>
    </row>
    <row r="910" spans="1:1" x14ac:dyDescent="0.25">
      <c r="A910" s="14" t="s">
        <v>5703</v>
      </c>
    </row>
    <row r="911" spans="1:1" x14ac:dyDescent="0.25">
      <c r="A911" s="14" t="s">
        <v>5708</v>
      </c>
    </row>
    <row r="912" spans="1:1" x14ac:dyDescent="0.25">
      <c r="A912" s="14" t="s">
        <v>5713</v>
      </c>
    </row>
    <row r="913" spans="1:1" x14ac:dyDescent="0.25">
      <c r="A913" s="14" t="s">
        <v>5718</v>
      </c>
    </row>
    <row r="914" spans="1:1" x14ac:dyDescent="0.25">
      <c r="A914" s="14" t="s">
        <v>5723</v>
      </c>
    </row>
    <row r="915" spans="1:1" x14ac:dyDescent="0.25">
      <c r="A915" s="14" t="s">
        <v>5728</v>
      </c>
    </row>
    <row r="916" spans="1:1" x14ac:dyDescent="0.25">
      <c r="A916" s="14" t="s">
        <v>5733</v>
      </c>
    </row>
    <row r="917" spans="1:1" x14ac:dyDescent="0.25">
      <c r="A917" s="14" t="s">
        <v>5738</v>
      </c>
    </row>
    <row r="918" spans="1:1" x14ac:dyDescent="0.25">
      <c r="A918" s="14" t="s">
        <v>5744</v>
      </c>
    </row>
    <row r="919" spans="1:1" x14ac:dyDescent="0.25">
      <c r="A919" s="14" t="s">
        <v>5749</v>
      </c>
    </row>
    <row r="920" spans="1:1" x14ac:dyDescent="0.25">
      <c r="A920" s="14" t="s">
        <v>5754</v>
      </c>
    </row>
    <row r="921" spans="1:1" x14ac:dyDescent="0.25">
      <c r="A921" s="14" t="s">
        <v>5759</v>
      </c>
    </row>
    <row r="922" spans="1:1" x14ac:dyDescent="0.25">
      <c r="A922" s="14" t="s">
        <v>5768</v>
      </c>
    </row>
    <row r="923" spans="1:1" x14ac:dyDescent="0.25">
      <c r="A923" s="14" t="s">
        <v>5773</v>
      </c>
    </row>
    <row r="924" spans="1:1" x14ac:dyDescent="0.25">
      <c r="A924" s="14" t="s">
        <v>5778</v>
      </c>
    </row>
    <row r="925" spans="1:1" x14ac:dyDescent="0.25">
      <c r="A925" s="14" t="s">
        <v>5783</v>
      </c>
    </row>
    <row r="926" spans="1:1" x14ac:dyDescent="0.25">
      <c r="A926" s="14" t="s">
        <v>5787</v>
      </c>
    </row>
    <row r="927" spans="1:1" x14ac:dyDescent="0.25">
      <c r="A927" s="14" t="s">
        <v>5792</v>
      </c>
    </row>
    <row r="928" spans="1:1" x14ac:dyDescent="0.25">
      <c r="A928" s="14" t="s">
        <v>5797</v>
      </c>
    </row>
    <row r="929" spans="1:1" x14ac:dyDescent="0.25">
      <c r="A929" s="14" t="s">
        <v>5802</v>
      </c>
    </row>
    <row r="930" spans="1:1" x14ac:dyDescent="0.25">
      <c r="A930" s="14" t="s">
        <v>5807</v>
      </c>
    </row>
    <row r="931" spans="1:1" x14ac:dyDescent="0.25">
      <c r="A931" s="14" t="s">
        <v>5812</v>
      </c>
    </row>
    <row r="932" spans="1:1" x14ac:dyDescent="0.25">
      <c r="A932" s="14" t="s">
        <v>5817</v>
      </c>
    </row>
    <row r="933" spans="1:1" x14ac:dyDescent="0.25">
      <c r="A933" s="14" t="s">
        <v>5822</v>
      </c>
    </row>
    <row r="934" spans="1:1" x14ac:dyDescent="0.25">
      <c r="A934" s="14" t="s">
        <v>5827</v>
      </c>
    </row>
    <row r="935" spans="1:1" x14ac:dyDescent="0.25">
      <c r="A935" s="14" t="s">
        <v>5832</v>
      </c>
    </row>
    <row r="936" spans="1:1" x14ac:dyDescent="0.25">
      <c r="A936" s="14" t="s">
        <v>5837</v>
      </c>
    </row>
    <row r="937" spans="1:1" x14ac:dyDescent="0.25">
      <c r="A937" s="14" t="s">
        <v>5842</v>
      </c>
    </row>
    <row r="938" spans="1:1" x14ac:dyDescent="0.25">
      <c r="A938" s="14" t="s">
        <v>5847</v>
      </c>
    </row>
    <row r="939" spans="1:1" x14ac:dyDescent="0.25">
      <c r="A939" s="14" t="s">
        <v>853</v>
      </c>
    </row>
    <row r="940" spans="1:1" x14ac:dyDescent="0.25">
      <c r="A940" s="14" t="s">
        <v>5856</v>
      </c>
    </row>
    <row r="941" spans="1:1" x14ac:dyDescent="0.25">
      <c r="A941" s="14" t="s">
        <v>5861</v>
      </c>
    </row>
    <row r="942" spans="1:1" x14ac:dyDescent="0.25">
      <c r="A942" s="14" t="s">
        <v>5866</v>
      </c>
    </row>
    <row r="943" spans="1:1" x14ac:dyDescent="0.25">
      <c r="A943" s="14" t="s">
        <v>5870</v>
      </c>
    </row>
    <row r="944" spans="1:1" x14ac:dyDescent="0.25">
      <c r="A944" s="14" t="s">
        <v>5874</v>
      </c>
    </row>
    <row r="945" spans="1:1" x14ac:dyDescent="0.25">
      <c r="A945" s="14" t="s">
        <v>5879</v>
      </c>
    </row>
    <row r="946" spans="1:1" x14ac:dyDescent="0.25">
      <c r="A946" s="14" t="s">
        <v>5883</v>
      </c>
    </row>
    <row r="947" spans="1:1" x14ac:dyDescent="0.25">
      <c r="A947" s="14" t="s">
        <v>5888</v>
      </c>
    </row>
    <row r="948" spans="1:1" x14ac:dyDescent="0.25">
      <c r="A948" s="14" t="s">
        <v>5892</v>
      </c>
    </row>
    <row r="949" spans="1:1" x14ac:dyDescent="0.25">
      <c r="A949" s="14" t="s">
        <v>5897</v>
      </c>
    </row>
    <row r="950" spans="1:1" x14ac:dyDescent="0.25">
      <c r="A950" s="14" t="s">
        <v>5902</v>
      </c>
    </row>
    <row r="951" spans="1:1" x14ac:dyDescent="0.25">
      <c r="A951" s="14" t="s">
        <v>5907</v>
      </c>
    </row>
    <row r="952" spans="1:1" x14ac:dyDescent="0.25">
      <c r="A952" s="14" t="s">
        <v>5912</v>
      </c>
    </row>
    <row r="953" spans="1:1" x14ac:dyDescent="0.25">
      <c r="A953" s="14" t="s">
        <v>5917</v>
      </c>
    </row>
    <row r="954" spans="1:1" x14ac:dyDescent="0.25">
      <c r="A954" s="14" t="s">
        <v>5922</v>
      </c>
    </row>
    <row r="955" spans="1:1" x14ac:dyDescent="0.25">
      <c r="A955" s="14" t="s">
        <v>5927</v>
      </c>
    </row>
    <row r="956" spans="1:1" x14ac:dyDescent="0.25">
      <c r="A956" s="14" t="s">
        <v>5931</v>
      </c>
    </row>
    <row r="957" spans="1:1" x14ac:dyDescent="0.25">
      <c r="A957" s="14" t="s">
        <v>5936</v>
      </c>
    </row>
    <row r="958" spans="1:1" x14ac:dyDescent="0.25">
      <c r="A958" s="14" t="s">
        <v>5941</v>
      </c>
    </row>
    <row r="959" spans="1:1" x14ac:dyDescent="0.25">
      <c r="A959" s="14" t="s">
        <v>5946</v>
      </c>
    </row>
    <row r="960" spans="1:1" x14ac:dyDescent="0.25">
      <c r="A960" s="14" t="s">
        <v>5951</v>
      </c>
    </row>
    <row r="961" spans="1:1" x14ac:dyDescent="0.25">
      <c r="A961" s="14" t="s">
        <v>5956</v>
      </c>
    </row>
    <row r="962" spans="1:1" x14ac:dyDescent="0.25">
      <c r="A962" s="14" t="s">
        <v>5961</v>
      </c>
    </row>
    <row r="963" spans="1:1" x14ac:dyDescent="0.25">
      <c r="A963" s="14" t="s">
        <v>5970</v>
      </c>
    </row>
    <row r="964" spans="1:1" x14ac:dyDescent="0.25">
      <c r="A964" s="14" t="s">
        <v>843</v>
      </c>
    </row>
    <row r="965" spans="1:1" x14ac:dyDescent="0.25">
      <c r="A965" s="14" t="s">
        <v>5979</v>
      </c>
    </row>
    <row r="966" spans="1:1" x14ac:dyDescent="0.25">
      <c r="A966" s="14" t="s">
        <v>5984</v>
      </c>
    </row>
    <row r="967" spans="1:1" x14ac:dyDescent="0.25">
      <c r="A967" s="14" t="s">
        <v>5989</v>
      </c>
    </row>
    <row r="968" spans="1:1" x14ac:dyDescent="0.25">
      <c r="A968" s="14" t="s">
        <v>5994</v>
      </c>
    </row>
    <row r="969" spans="1:1" x14ac:dyDescent="0.25">
      <c r="A969" s="14" t="s">
        <v>5998</v>
      </c>
    </row>
    <row r="970" spans="1:1" x14ac:dyDescent="0.25">
      <c r="A970" s="14" t="s">
        <v>6003</v>
      </c>
    </row>
    <row r="971" spans="1:1" x14ac:dyDescent="0.25">
      <c r="A971" s="14" t="s">
        <v>6007</v>
      </c>
    </row>
    <row r="972" spans="1:1" x14ac:dyDescent="0.25">
      <c r="A972" s="14" t="s">
        <v>6012</v>
      </c>
    </row>
    <row r="973" spans="1:1" x14ac:dyDescent="0.25">
      <c r="A973" s="14" t="s">
        <v>6017</v>
      </c>
    </row>
    <row r="974" spans="1:1" x14ac:dyDescent="0.25">
      <c r="A974" s="14" t="s">
        <v>6022</v>
      </c>
    </row>
    <row r="975" spans="1:1" x14ac:dyDescent="0.25">
      <c r="A975" s="14" t="s">
        <v>6027</v>
      </c>
    </row>
    <row r="976" spans="1:1" x14ac:dyDescent="0.25">
      <c r="A976" s="14" t="s">
        <v>6031</v>
      </c>
    </row>
    <row r="977" spans="1:1" x14ac:dyDescent="0.25">
      <c r="A977" s="14" t="s">
        <v>6035</v>
      </c>
    </row>
    <row r="978" spans="1:1" x14ac:dyDescent="0.25">
      <c r="A978" s="14" t="s">
        <v>6040</v>
      </c>
    </row>
    <row r="979" spans="1:1" x14ac:dyDescent="0.25">
      <c r="A979" s="14" t="s">
        <v>6045</v>
      </c>
    </row>
    <row r="980" spans="1:1" x14ac:dyDescent="0.25">
      <c r="A980" s="14" t="s">
        <v>6053</v>
      </c>
    </row>
    <row r="981" spans="1:1" x14ac:dyDescent="0.25">
      <c r="A981" s="14" t="s">
        <v>6058</v>
      </c>
    </row>
    <row r="982" spans="1:1" x14ac:dyDescent="0.25">
      <c r="A982" s="14" t="s">
        <v>352</v>
      </c>
    </row>
    <row r="983" spans="1:1" x14ac:dyDescent="0.25">
      <c r="A983" s="14" t="s">
        <v>6067</v>
      </c>
    </row>
    <row r="984" spans="1:1" x14ac:dyDescent="0.25">
      <c r="A984" s="14" t="s">
        <v>6071</v>
      </c>
    </row>
    <row r="985" spans="1:1" x14ac:dyDescent="0.25">
      <c r="A985" s="14" t="s">
        <v>6076</v>
      </c>
    </row>
    <row r="986" spans="1:1" x14ac:dyDescent="0.25">
      <c r="A986" s="14" t="s">
        <v>6080</v>
      </c>
    </row>
    <row r="987" spans="1:1" x14ac:dyDescent="0.25">
      <c r="A987" s="14" t="s">
        <v>6085</v>
      </c>
    </row>
    <row r="988" spans="1:1" x14ac:dyDescent="0.25">
      <c r="A988" s="14" t="s">
        <v>6090</v>
      </c>
    </row>
    <row r="989" spans="1:1" x14ac:dyDescent="0.25">
      <c r="A989" s="14" t="s">
        <v>6095</v>
      </c>
    </row>
    <row r="990" spans="1:1" x14ac:dyDescent="0.25">
      <c r="A990" s="14" t="s">
        <v>6100</v>
      </c>
    </row>
    <row r="991" spans="1:1" x14ac:dyDescent="0.25">
      <c r="A991" s="14" t="s">
        <v>6104</v>
      </c>
    </row>
    <row r="992" spans="1:1" x14ac:dyDescent="0.25">
      <c r="A992" s="14" t="s">
        <v>6109</v>
      </c>
    </row>
    <row r="993" spans="1:1" x14ac:dyDescent="0.25">
      <c r="A993" s="14" t="s">
        <v>6114</v>
      </c>
    </row>
    <row r="994" spans="1:1" x14ac:dyDescent="0.25">
      <c r="A994" s="14" t="s">
        <v>6118</v>
      </c>
    </row>
    <row r="995" spans="1:1" x14ac:dyDescent="0.25">
      <c r="A995" s="14" t="s">
        <v>6123</v>
      </c>
    </row>
    <row r="996" spans="1:1" x14ac:dyDescent="0.25">
      <c r="A996" s="14" t="s">
        <v>6128</v>
      </c>
    </row>
    <row r="997" spans="1:1" x14ac:dyDescent="0.25">
      <c r="A997" s="14" t="s">
        <v>6133</v>
      </c>
    </row>
    <row r="998" spans="1:1" x14ac:dyDescent="0.25">
      <c r="A998" s="14" t="s">
        <v>6138</v>
      </c>
    </row>
    <row r="999" spans="1:1" x14ac:dyDescent="0.25">
      <c r="A999" s="14" t="s">
        <v>6142</v>
      </c>
    </row>
    <row r="1000" spans="1:1" x14ac:dyDescent="0.25">
      <c r="A1000" s="14" t="s">
        <v>6147</v>
      </c>
    </row>
    <row r="1001" spans="1:1" x14ac:dyDescent="0.25">
      <c r="A1001" s="14" t="s">
        <v>6152</v>
      </c>
    </row>
    <row r="1002" spans="1:1" x14ac:dyDescent="0.25">
      <c r="A1002" s="14" t="s">
        <v>377</v>
      </c>
    </row>
    <row r="1003" spans="1:1" x14ac:dyDescent="0.25">
      <c r="A1003" s="14" t="s">
        <v>6160</v>
      </c>
    </row>
    <row r="1004" spans="1:1" x14ac:dyDescent="0.25">
      <c r="A1004" s="14" t="s">
        <v>6165</v>
      </c>
    </row>
    <row r="1005" spans="1:1" x14ac:dyDescent="0.25">
      <c r="A1005" s="14" t="s">
        <v>6170</v>
      </c>
    </row>
    <row r="1006" spans="1:1" x14ac:dyDescent="0.25">
      <c r="A1006" s="14" t="s">
        <v>6175</v>
      </c>
    </row>
    <row r="1007" spans="1:1" x14ac:dyDescent="0.25">
      <c r="A1007" s="14" t="s">
        <v>6180</v>
      </c>
    </row>
    <row r="1008" spans="1:1" x14ac:dyDescent="0.25">
      <c r="A1008" s="14" t="s">
        <v>6185</v>
      </c>
    </row>
    <row r="1009" spans="1:1" x14ac:dyDescent="0.25">
      <c r="A1009" s="14" t="s">
        <v>6189</v>
      </c>
    </row>
    <row r="1010" spans="1:1" x14ac:dyDescent="0.25">
      <c r="A1010" s="14" t="s">
        <v>6193</v>
      </c>
    </row>
    <row r="1011" spans="1:1" x14ac:dyDescent="0.25">
      <c r="A1011" s="14" t="s">
        <v>6197</v>
      </c>
    </row>
    <row r="1012" spans="1:1" x14ac:dyDescent="0.25">
      <c r="A1012" s="14" t="s">
        <v>371</v>
      </c>
    </row>
    <row r="1013" spans="1:1" x14ac:dyDescent="0.25">
      <c r="A1013" s="14" t="s">
        <v>6205</v>
      </c>
    </row>
    <row r="1014" spans="1:1" x14ac:dyDescent="0.25">
      <c r="A1014" s="14" t="s">
        <v>6210</v>
      </c>
    </row>
    <row r="1015" spans="1:1" x14ac:dyDescent="0.25">
      <c r="A1015" s="14" t="s">
        <v>353</v>
      </c>
    </row>
    <row r="1016" spans="1:1" x14ac:dyDescent="0.25">
      <c r="A1016" s="14" t="s">
        <v>6218</v>
      </c>
    </row>
    <row r="1017" spans="1:1" x14ac:dyDescent="0.25">
      <c r="A1017" s="14" t="s">
        <v>6223</v>
      </c>
    </row>
    <row r="1018" spans="1:1" x14ac:dyDescent="0.25">
      <c r="A1018" s="14" t="s">
        <v>6228</v>
      </c>
    </row>
    <row r="1019" spans="1:1" x14ac:dyDescent="0.25">
      <c r="A1019" s="14" t="s">
        <v>6232</v>
      </c>
    </row>
    <row r="1020" spans="1:1" x14ac:dyDescent="0.25">
      <c r="A1020" s="14" t="s">
        <v>6237</v>
      </c>
    </row>
    <row r="1021" spans="1:1" x14ac:dyDescent="0.25">
      <c r="A1021" s="14" t="s">
        <v>6243</v>
      </c>
    </row>
    <row r="1022" spans="1:1" x14ac:dyDescent="0.25">
      <c r="A1022" s="14" t="s">
        <v>6248</v>
      </c>
    </row>
    <row r="1023" spans="1:1" x14ac:dyDescent="0.25">
      <c r="A1023" s="14" t="s">
        <v>6253</v>
      </c>
    </row>
    <row r="1024" spans="1:1" x14ac:dyDescent="0.25">
      <c r="A1024" s="14" t="s">
        <v>6258</v>
      </c>
    </row>
    <row r="1025" spans="1:1" x14ac:dyDescent="0.25">
      <c r="A1025" s="14" t="s">
        <v>6263</v>
      </c>
    </row>
    <row r="1026" spans="1:1" x14ac:dyDescent="0.25">
      <c r="A1026" s="14" t="s">
        <v>6268</v>
      </c>
    </row>
    <row r="1027" spans="1:1" x14ac:dyDescent="0.25">
      <c r="A1027" s="14" t="s">
        <v>6273</v>
      </c>
    </row>
    <row r="1028" spans="1:1" x14ac:dyDescent="0.25">
      <c r="A1028" s="14" t="s">
        <v>6278</v>
      </c>
    </row>
    <row r="1029" spans="1:1" x14ac:dyDescent="0.25">
      <c r="A1029" s="14" t="s">
        <v>6283</v>
      </c>
    </row>
    <row r="1030" spans="1:1" x14ac:dyDescent="0.25">
      <c r="A1030" s="14" t="s">
        <v>6288</v>
      </c>
    </row>
    <row r="1031" spans="1:1" x14ac:dyDescent="0.25">
      <c r="A1031" s="14" t="s">
        <v>6293</v>
      </c>
    </row>
    <row r="1032" spans="1:1" x14ac:dyDescent="0.25">
      <c r="A1032" s="14" t="s">
        <v>6298</v>
      </c>
    </row>
    <row r="1033" spans="1:1" x14ac:dyDescent="0.25">
      <c r="A1033" s="14" t="s">
        <v>6303</v>
      </c>
    </row>
    <row r="1034" spans="1:1" x14ac:dyDescent="0.25">
      <c r="A1034" s="14" t="s">
        <v>6308</v>
      </c>
    </row>
    <row r="1035" spans="1:1" x14ac:dyDescent="0.25">
      <c r="A1035" s="14" t="s">
        <v>6313</v>
      </c>
    </row>
    <row r="1036" spans="1:1" x14ac:dyDescent="0.25">
      <c r="A1036" s="14" t="s">
        <v>6318</v>
      </c>
    </row>
    <row r="1037" spans="1:1" x14ac:dyDescent="0.25">
      <c r="A1037" s="14" t="s">
        <v>6323</v>
      </c>
    </row>
    <row r="1038" spans="1:1" x14ac:dyDescent="0.25">
      <c r="A1038" s="14" t="s">
        <v>3597</v>
      </c>
    </row>
    <row r="1039" spans="1:1" x14ac:dyDescent="0.25">
      <c r="A1039" s="14" t="s">
        <v>473</v>
      </c>
    </row>
    <row r="1040" spans="1:1" x14ac:dyDescent="0.25">
      <c r="A1040" s="14" t="s">
        <v>6336</v>
      </c>
    </row>
    <row r="1041" spans="1:1" x14ac:dyDescent="0.25">
      <c r="A1041" s="14" t="s">
        <v>6341</v>
      </c>
    </row>
    <row r="1042" spans="1:1" x14ac:dyDescent="0.25">
      <c r="A1042" s="14" t="s">
        <v>6346</v>
      </c>
    </row>
    <row r="1043" spans="1:1" x14ac:dyDescent="0.25">
      <c r="A1043" s="14" t="s">
        <v>6350</v>
      </c>
    </row>
    <row r="1044" spans="1:1" x14ac:dyDescent="0.25">
      <c r="A1044" s="14" t="s">
        <v>6355</v>
      </c>
    </row>
    <row r="1045" spans="1:1" x14ac:dyDescent="0.25">
      <c r="A1045" s="14" t="s">
        <v>6360</v>
      </c>
    </row>
    <row r="1046" spans="1:1" x14ac:dyDescent="0.25">
      <c r="A1046" s="14" t="s">
        <v>6365</v>
      </c>
    </row>
    <row r="1047" spans="1:1" x14ac:dyDescent="0.25">
      <c r="A1047" s="14" t="s">
        <v>6370</v>
      </c>
    </row>
    <row r="1048" spans="1:1" x14ac:dyDescent="0.25">
      <c r="A1048" s="14" t="s">
        <v>6375</v>
      </c>
    </row>
    <row r="1049" spans="1:1" x14ac:dyDescent="0.25">
      <c r="A1049" s="14" t="s">
        <v>6380</v>
      </c>
    </row>
    <row r="1050" spans="1:1" x14ac:dyDescent="0.25">
      <c r="A1050" s="14" t="s">
        <v>6385</v>
      </c>
    </row>
    <row r="1051" spans="1:1" x14ac:dyDescent="0.25">
      <c r="A1051" s="14" t="s">
        <v>6390</v>
      </c>
    </row>
    <row r="1052" spans="1:1" x14ac:dyDescent="0.25">
      <c r="A1052" s="14" t="s">
        <v>6395</v>
      </c>
    </row>
    <row r="1053" spans="1:1" x14ac:dyDescent="0.25">
      <c r="A1053" s="14" t="s">
        <v>6400</v>
      </c>
    </row>
    <row r="1054" spans="1:1" x14ac:dyDescent="0.25">
      <c r="A1054" s="14" t="s">
        <v>6405</v>
      </c>
    </row>
    <row r="1055" spans="1:1" x14ac:dyDescent="0.25">
      <c r="A1055" s="14" t="s">
        <v>6410</v>
      </c>
    </row>
    <row r="1056" spans="1:1" x14ac:dyDescent="0.25">
      <c r="A1056" s="14" t="s">
        <v>6416</v>
      </c>
    </row>
    <row r="1057" spans="1:1" x14ac:dyDescent="0.25">
      <c r="A1057" s="14" t="s">
        <v>1042</v>
      </c>
    </row>
    <row r="1058" spans="1:1" x14ac:dyDescent="0.25">
      <c r="A1058" s="14" t="s">
        <v>6427</v>
      </c>
    </row>
    <row r="1059" spans="1:1" x14ac:dyDescent="0.25">
      <c r="A1059" s="14" t="s">
        <v>6432</v>
      </c>
    </row>
    <row r="1060" spans="1:1" x14ac:dyDescent="0.25">
      <c r="A1060" s="14" t="s">
        <v>6437</v>
      </c>
    </row>
    <row r="1061" spans="1:1" x14ac:dyDescent="0.25">
      <c r="A1061" s="14" t="s">
        <v>6442</v>
      </c>
    </row>
    <row r="1062" spans="1:1" x14ac:dyDescent="0.25">
      <c r="A1062" s="14" t="s">
        <v>6447</v>
      </c>
    </row>
    <row r="1063" spans="1:1" x14ac:dyDescent="0.25">
      <c r="A1063" s="14" t="s">
        <v>6452</v>
      </c>
    </row>
    <row r="1064" spans="1:1" x14ac:dyDescent="0.25">
      <c r="A1064" s="14" t="s">
        <v>6457</v>
      </c>
    </row>
    <row r="1065" spans="1:1" x14ac:dyDescent="0.25">
      <c r="A1065" s="14" t="s">
        <v>6462</v>
      </c>
    </row>
    <row r="1066" spans="1:1" x14ac:dyDescent="0.25">
      <c r="A1066" s="14" t="s">
        <v>6466</v>
      </c>
    </row>
    <row r="1067" spans="1:1" x14ac:dyDescent="0.25">
      <c r="A1067" s="14" t="s">
        <v>6471</v>
      </c>
    </row>
    <row r="1068" spans="1:1" x14ac:dyDescent="0.25">
      <c r="A1068" s="14" t="s">
        <v>6476</v>
      </c>
    </row>
    <row r="1069" spans="1:1" x14ac:dyDescent="0.25">
      <c r="A1069" s="14" t="s">
        <v>6481</v>
      </c>
    </row>
    <row r="1070" spans="1:1" x14ac:dyDescent="0.25">
      <c r="A1070" s="14" t="s">
        <v>6486</v>
      </c>
    </row>
    <row r="1071" spans="1:1" x14ac:dyDescent="0.25">
      <c r="A1071" s="14" t="s">
        <v>6491</v>
      </c>
    </row>
    <row r="1072" spans="1:1" x14ac:dyDescent="0.25">
      <c r="A1072" s="14" t="s">
        <v>6496</v>
      </c>
    </row>
    <row r="1073" spans="1:1" x14ac:dyDescent="0.25">
      <c r="A1073" s="14" t="s">
        <v>6501</v>
      </c>
    </row>
    <row r="1074" spans="1:1" x14ac:dyDescent="0.25">
      <c r="A1074" s="14" t="s">
        <v>6506</v>
      </c>
    </row>
    <row r="1075" spans="1:1" x14ac:dyDescent="0.25">
      <c r="A1075" s="14" t="s">
        <v>6511</v>
      </c>
    </row>
    <row r="1076" spans="1:1" x14ac:dyDescent="0.25">
      <c r="A1076" s="14" t="s">
        <v>6516</v>
      </c>
    </row>
    <row r="1077" spans="1:1" x14ac:dyDescent="0.25">
      <c r="A1077" s="14" t="s">
        <v>6521</v>
      </c>
    </row>
    <row r="1078" spans="1:1" x14ac:dyDescent="0.25">
      <c r="A1078" s="14" t="s">
        <v>6526</v>
      </c>
    </row>
    <row r="1079" spans="1:1" x14ac:dyDescent="0.25">
      <c r="A1079" s="14" t="s">
        <v>6531</v>
      </c>
    </row>
    <row r="1080" spans="1:1" x14ac:dyDescent="0.25">
      <c r="A1080" s="14" t="s">
        <v>6536</v>
      </c>
    </row>
    <row r="1081" spans="1:1" x14ac:dyDescent="0.25">
      <c r="A1081" s="14" t="s">
        <v>6541</v>
      </c>
    </row>
    <row r="1082" spans="1:1" x14ac:dyDescent="0.25">
      <c r="A1082" s="14" t="s">
        <v>6546</v>
      </c>
    </row>
    <row r="1083" spans="1:1" x14ac:dyDescent="0.25">
      <c r="A1083" s="14" t="s">
        <v>6551</v>
      </c>
    </row>
    <row r="1084" spans="1:1" x14ac:dyDescent="0.25">
      <c r="A1084" s="14" t="s">
        <v>6555</v>
      </c>
    </row>
    <row r="1085" spans="1:1" x14ac:dyDescent="0.25">
      <c r="A1085" s="14" t="s">
        <v>6560</v>
      </c>
    </row>
    <row r="1086" spans="1:1" x14ac:dyDescent="0.25">
      <c r="A1086" s="14" t="s">
        <v>6565</v>
      </c>
    </row>
    <row r="1087" spans="1:1" x14ac:dyDescent="0.25">
      <c r="A1087" s="14" t="s">
        <v>6575</v>
      </c>
    </row>
    <row r="1088" spans="1:1" x14ac:dyDescent="0.25">
      <c r="A1088" s="14" t="s">
        <v>6580</v>
      </c>
    </row>
    <row r="1089" spans="1:1" x14ac:dyDescent="0.25">
      <c r="A1089" s="14" t="s">
        <v>6585</v>
      </c>
    </row>
    <row r="1090" spans="1:1" x14ac:dyDescent="0.25">
      <c r="A1090" s="14" t="s">
        <v>6591</v>
      </c>
    </row>
    <row r="1091" spans="1:1" x14ac:dyDescent="0.25">
      <c r="A1091" s="14" t="s">
        <v>6597</v>
      </c>
    </row>
    <row r="1092" spans="1:1" x14ac:dyDescent="0.25">
      <c r="A1092" s="14" t="s">
        <v>6603</v>
      </c>
    </row>
    <row r="1093" spans="1:1" x14ac:dyDescent="0.25">
      <c r="A1093" s="14" t="s">
        <v>1088</v>
      </c>
    </row>
    <row r="1094" spans="1:1" x14ac:dyDescent="0.25">
      <c r="A1094" s="14" t="s">
        <v>6612</v>
      </c>
    </row>
    <row r="1095" spans="1:1" x14ac:dyDescent="0.25">
      <c r="A1095" s="14" t="s">
        <v>6617</v>
      </c>
    </row>
    <row r="1096" spans="1:1" x14ac:dyDescent="0.25">
      <c r="A1096" s="14" t="s">
        <v>6622</v>
      </c>
    </row>
    <row r="1097" spans="1:1" x14ac:dyDescent="0.25">
      <c r="A1097" s="14" t="s">
        <v>6627</v>
      </c>
    </row>
    <row r="1098" spans="1:1" x14ac:dyDescent="0.25">
      <c r="A1098" s="14" t="s">
        <v>6632</v>
      </c>
    </row>
    <row r="1099" spans="1:1" x14ac:dyDescent="0.25">
      <c r="A1099" s="14" t="s">
        <v>6637</v>
      </c>
    </row>
    <row r="1100" spans="1:1" x14ac:dyDescent="0.25">
      <c r="A1100" s="14" t="s">
        <v>6642</v>
      </c>
    </row>
    <row r="1101" spans="1:1" x14ac:dyDescent="0.25">
      <c r="A1101" s="14" t="s">
        <v>6646</v>
      </c>
    </row>
    <row r="1102" spans="1:1" x14ac:dyDescent="0.25">
      <c r="A1102" s="14" t="s">
        <v>6651</v>
      </c>
    </row>
    <row r="1103" spans="1:1" x14ac:dyDescent="0.25">
      <c r="A1103" s="14" t="s">
        <v>6656</v>
      </c>
    </row>
    <row r="1104" spans="1:1" x14ac:dyDescent="0.25">
      <c r="A1104" s="14" t="s">
        <v>6660</v>
      </c>
    </row>
    <row r="1105" spans="1:1" x14ac:dyDescent="0.25">
      <c r="A1105" s="14" t="s">
        <v>6665</v>
      </c>
    </row>
    <row r="1106" spans="1:1" x14ac:dyDescent="0.25">
      <c r="A1106" s="14" t="s">
        <v>6669</v>
      </c>
    </row>
    <row r="1107" spans="1:1" x14ac:dyDescent="0.25">
      <c r="A1107" s="14" t="s">
        <v>6674</v>
      </c>
    </row>
    <row r="1108" spans="1:1" x14ac:dyDescent="0.25">
      <c r="A1108" s="14" t="s">
        <v>6679</v>
      </c>
    </row>
    <row r="1109" spans="1:1" x14ac:dyDescent="0.25">
      <c r="A1109" s="14" t="s">
        <v>6684</v>
      </c>
    </row>
    <row r="1110" spans="1:1" x14ac:dyDescent="0.25">
      <c r="A1110" s="14" t="s">
        <v>6689</v>
      </c>
    </row>
    <row r="1111" spans="1:1" x14ac:dyDescent="0.25">
      <c r="A1111" s="14" t="s">
        <v>6694</v>
      </c>
    </row>
    <row r="1112" spans="1:1" x14ac:dyDescent="0.25">
      <c r="A1112" s="14" t="s">
        <v>6699</v>
      </c>
    </row>
    <row r="1113" spans="1:1" x14ac:dyDescent="0.25">
      <c r="A1113" s="14" t="s">
        <v>6704</v>
      </c>
    </row>
    <row r="1114" spans="1:1" x14ac:dyDescent="0.25">
      <c r="A1114" s="14" t="s">
        <v>6709</v>
      </c>
    </row>
    <row r="1115" spans="1:1" x14ac:dyDescent="0.25">
      <c r="A1115" s="14" t="s">
        <v>6714</v>
      </c>
    </row>
    <row r="1116" spans="1:1" x14ac:dyDescent="0.25">
      <c r="A1116" s="14" t="s">
        <v>6718</v>
      </c>
    </row>
    <row r="1117" spans="1:1" x14ac:dyDescent="0.25">
      <c r="A1117" s="14" t="s">
        <v>6723</v>
      </c>
    </row>
    <row r="1118" spans="1:1" x14ac:dyDescent="0.25">
      <c r="A1118" s="14" t="s">
        <v>6728</v>
      </c>
    </row>
    <row r="1119" spans="1:1" x14ac:dyDescent="0.25">
      <c r="A1119" s="14" t="s">
        <v>6733</v>
      </c>
    </row>
    <row r="1120" spans="1:1" x14ac:dyDescent="0.25">
      <c r="A1120" s="14" t="s">
        <v>6738</v>
      </c>
    </row>
    <row r="1121" spans="1:1" x14ac:dyDescent="0.25">
      <c r="A1121" s="14" t="s">
        <v>6742</v>
      </c>
    </row>
    <row r="1122" spans="1:1" x14ac:dyDescent="0.25">
      <c r="A1122" s="14" t="s">
        <v>6747</v>
      </c>
    </row>
    <row r="1123" spans="1:1" x14ac:dyDescent="0.25">
      <c r="A1123" s="14" t="s">
        <v>6752</v>
      </c>
    </row>
    <row r="1124" spans="1:1" x14ac:dyDescent="0.25">
      <c r="A1124" s="14" t="s">
        <v>6757</v>
      </c>
    </row>
    <row r="1125" spans="1:1" x14ac:dyDescent="0.25">
      <c r="A1125" s="14" t="s">
        <v>6761</v>
      </c>
    </row>
    <row r="1126" spans="1:1" x14ac:dyDescent="0.25">
      <c r="A1126" s="14" t="s">
        <v>281</v>
      </c>
    </row>
    <row r="1127" spans="1:1" x14ac:dyDescent="0.25">
      <c r="A1127" s="14" t="s">
        <v>6769</v>
      </c>
    </row>
    <row r="1128" spans="1:1" x14ac:dyDescent="0.25">
      <c r="A1128" s="14" t="s">
        <v>1161</v>
      </c>
    </row>
    <row r="1129" spans="1:1" x14ac:dyDescent="0.25">
      <c r="A1129" s="14" t="s">
        <v>6778</v>
      </c>
    </row>
    <row r="1130" spans="1:1" x14ac:dyDescent="0.25">
      <c r="A1130" s="14" t="s">
        <v>6782</v>
      </c>
    </row>
    <row r="1131" spans="1:1" x14ac:dyDescent="0.25">
      <c r="A1131" s="14" t="s">
        <v>1160</v>
      </c>
    </row>
    <row r="1132" spans="1:1" x14ac:dyDescent="0.25">
      <c r="A1132" s="14" t="s">
        <v>6790</v>
      </c>
    </row>
    <row r="1133" spans="1:1" x14ac:dyDescent="0.25">
      <c r="A1133" s="14" t="s">
        <v>6795</v>
      </c>
    </row>
    <row r="1134" spans="1:1" x14ac:dyDescent="0.25">
      <c r="A1134" s="14" t="s">
        <v>6800</v>
      </c>
    </row>
    <row r="1135" spans="1:1" x14ac:dyDescent="0.25">
      <c r="A1135" s="14" t="s">
        <v>6805</v>
      </c>
    </row>
    <row r="1136" spans="1:1" x14ac:dyDescent="0.25">
      <c r="A1136" s="14" t="s">
        <v>2164</v>
      </c>
    </row>
    <row r="1137" spans="1:1" x14ac:dyDescent="0.25">
      <c r="A1137" s="14" t="s">
        <v>6812</v>
      </c>
    </row>
    <row r="1138" spans="1:1" x14ac:dyDescent="0.25">
      <c r="A1138" s="14" t="s">
        <v>6817</v>
      </c>
    </row>
    <row r="1139" spans="1:1" x14ac:dyDescent="0.25">
      <c r="A1139" s="14" t="s">
        <v>1203</v>
      </c>
    </row>
    <row r="1140" spans="1:1" x14ac:dyDescent="0.25">
      <c r="A1140" s="14" t="s">
        <v>6825</v>
      </c>
    </row>
    <row r="1141" spans="1:1" x14ac:dyDescent="0.25">
      <c r="A1141" s="14" t="s">
        <v>6830</v>
      </c>
    </row>
    <row r="1142" spans="1:1" x14ac:dyDescent="0.25">
      <c r="A1142" s="14" t="s">
        <v>156</v>
      </c>
    </row>
    <row r="1143" spans="1:1" x14ac:dyDescent="0.25">
      <c r="A1143" s="14" t="s">
        <v>6838</v>
      </c>
    </row>
    <row r="1144" spans="1:1" x14ac:dyDescent="0.25">
      <c r="A1144" s="14" t="s">
        <v>6843</v>
      </c>
    </row>
    <row r="1145" spans="1:1" x14ac:dyDescent="0.25">
      <c r="A1145" s="14" t="s">
        <v>6848</v>
      </c>
    </row>
    <row r="1146" spans="1:1" x14ac:dyDescent="0.25">
      <c r="A1146" s="14" t="s">
        <v>6853</v>
      </c>
    </row>
    <row r="1147" spans="1:1" x14ac:dyDescent="0.25">
      <c r="A1147" s="14" t="s">
        <v>6857</v>
      </c>
    </row>
    <row r="1148" spans="1:1" x14ac:dyDescent="0.25">
      <c r="A1148" s="14" t="s">
        <v>6861</v>
      </c>
    </row>
    <row r="1149" spans="1:1" x14ac:dyDescent="0.25">
      <c r="A1149" s="14" t="s">
        <v>6866</v>
      </c>
    </row>
    <row r="1150" spans="1:1" x14ac:dyDescent="0.25">
      <c r="A1150" s="14" t="s">
        <v>6870</v>
      </c>
    </row>
    <row r="1151" spans="1:1" x14ac:dyDescent="0.25">
      <c r="A1151" s="14" t="s">
        <v>6874</v>
      </c>
    </row>
    <row r="1152" spans="1:1" x14ac:dyDescent="0.25">
      <c r="A1152" s="14" t="s">
        <v>6879</v>
      </c>
    </row>
    <row r="1153" spans="1:1" x14ac:dyDescent="0.25">
      <c r="A1153" s="14" t="s">
        <v>6883</v>
      </c>
    </row>
    <row r="1154" spans="1:1" x14ac:dyDescent="0.25">
      <c r="A1154" s="14" t="s">
        <v>6887</v>
      </c>
    </row>
    <row r="1155" spans="1:1" x14ac:dyDescent="0.25">
      <c r="A1155" s="14" t="s">
        <v>1204</v>
      </c>
    </row>
    <row r="1156" spans="1:1" x14ac:dyDescent="0.25">
      <c r="A1156" s="14" t="s">
        <v>6896</v>
      </c>
    </row>
    <row r="1157" spans="1:1" x14ac:dyDescent="0.25">
      <c r="A1157" s="14" t="s">
        <v>6901</v>
      </c>
    </row>
    <row r="1158" spans="1:1" x14ac:dyDescent="0.25">
      <c r="A1158" s="14" t="s">
        <v>6906</v>
      </c>
    </row>
    <row r="1159" spans="1:1" x14ac:dyDescent="0.25">
      <c r="A1159" s="14" t="s">
        <v>6911</v>
      </c>
    </row>
    <row r="1160" spans="1:1" x14ac:dyDescent="0.25">
      <c r="A1160" s="14" t="s">
        <v>6916</v>
      </c>
    </row>
    <row r="1161" spans="1:1" x14ac:dyDescent="0.25">
      <c r="A1161" s="14" t="s">
        <v>6920</v>
      </c>
    </row>
    <row r="1162" spans="1:1" x14ac:dyDescent="0.25">
      <c r="A1162" s="14" t="s">
        <v>6925</v>
      </c>
    </row>
    <row r="1163" spans="1:1" x14ac:dyDescent="0.25">
      <c r="A1163" s="14" t="s">
        <v>3672</v>
      </c>
    </row>
    <row r="1164" spans="1:1" x14ac:dyDescent="0.25">
      <c r="A1164" s="14" t="s">
        <v>6932</v>
      </c>
    </row>
    <row r="1165" spans="1:1" x14ac:dyDescent="0.25">
      <c r="A1165" s="14" t="s">
        <v>6937</v>
      </c>
    </row>
    <row r="1166" spans="1:1" x14ac:dyDescent="0.25">
      <c r="A1166" s="14" t="s">
        <v>6941</v>
      </c>
    </row>
    <row r="1167" spans="1:1" x14ac:dyDescent="0.25">
      <c r="A1167" s="14" t="s">
        <v>6946</v>
      </c>
    </row>
    <row r="1168" spans="1:1" x14ac:dyDescent="0.25">
      <c r="A1168" s="14" t="s">
        <v>6951</v>
      </c>
    </row>
    <row r="1169" spans="1:1" x14ac:dyDescent="0.25">
      <c r="A1169" s="14" t="s">
        <v>6956</v>
      </c>
    </row>
    <row r="1170" spans="1:1" x14ac:dyDescent="0.25">
      <c r="A1170" s="14" t="s">
        <v>6962</v>
      </c>
    </row>
    <row r="1171" spans="1:1" x14ac:dyDescent="0.25">
      <c r="A1171" s="14" t="s">
        <v>6967</v>
      </c>
    </row>
    <row r="1172" spans="1:1" x14ac:dyDescent="0.25">
      <c r="A1172" s="14" t="s">
        <v>6972</v>
      </c>
    </row>
    <row r="1173" spans="1:1" x14ac:dyDescent="0.25">
      <c r="A1173" s="14" t="s">
        <v>6976</v>
      </c>
    </row>
    <row r="1174" spans="1:1" x14ac:dyDescent="0.25">
      <c r="A1174" s="14" t="s">
        <v>6981</v>
      </c>
    </row>
    <row r="1175" spans="1:1" x14ac:dyDescent="0.25">
      <c r="A1175" s="14" t="s">
        <v>1043</v>
      </c>
    </row>
    <row r="1176" spans="1:1" x14ac:dyDescent="0.25">
      <c r="A1176" s="14" t="s">
        <v>6990</v>
      </c>
    </row>
    <row r="1177" spans="1:1" x14ac:dyDescent="0.25">
      <c r="A1177" s="14" t="s">
        <v>6995</v>
      </c>
    </row>
    <row r="1178" spans="1:1" x14ac:dyDescent="0.25">
      <c r="A1178" s="14" t="s">
        <v>474</v>
      </c>
    </row>
    <row r="1179" spans="1:1" x14ac:dyDescent="0.25">
      <c r="A1179" s="14" t="s">
        <v>7004</v>
      </c>
    </row>
    <row r="1180" spans="1:1" x14ac:dyDescent="0.25">
      <c r="A1180" s="14" t="s">
        <v>7009</v>
      </c>
    </row>
    <row r="1181" spans="1:1" x14ac:dyDescent="0.25">
      <c r="A1181" s="14" t="s">
        <v>7014</v>
      </c>
    </row>
    <row r="1182" spans="1:1" x14ac:dyDescent="0.25">
      <c r="A1182" s="14" t="s">
        <v>7019</v>
      </c>
    </row>
    <row r="1183" spans="1:1" x14ac:dyDescent="0.25">
      <c r="A1183" s="14" t="s">
        <v>7024</v>
      </c>
    </row>
    <row r="1184" spans="1:1" x14ac:dyDescent="0.25">
      <c r="A1184" s="14" t="s">
        <v>7028</v>
      </c>
    </row>
    <row r="1185" spans="1:1" x14ac:dyDescent="0.25">
      <c r="A1185" s="14" t="s">
        <v>7033</v>
      </c>
    </row>
    <row r="1186" spans="1:1" x14ac:dyDescent="0.25">
      <c r="A1186" s="14" t="s">
        <v>7038</v>
      </c>
    </row>
    <row r="1187" spans="1:1" x14ac:dyDescent="0.25">
      <c r="A1187" s="14" t="s">
        <v>7043</v>
      </c>
    </row>
    <row r="1188" spans="1:1" x14ac:dyDescent="0.25">
      <c r="A1188" s="14" t="s">
        <v>7048</v>
      </c>
    </row>
    <row r="1189" spans="1:1" x14ac:dyDescent="0.25">
      <c r="A1189" s="14" t="s">
        <v>7053</v>
      </c>
    </row>
    <row r="1190" spans="1:1" x14ac:dyDescent="0.25">
      <c r="A1190" s="14" t="s">
        <v>7057</v>
      </c>
    </row>
    <row r="1191" spans="1:1" x14ac:dyDescent="0.25">
      <c r="A1191" s="14" t="s">
        <v>7062</v>
      </c>
    </row>
    <row r="1192" spans="1:1" x14ac:dyDescent="0.25">
      <c r="A1192" s="14" t="s">
        <v>7067</v>
      </c>
    </row>
    <row r="1193" spans="1:1" x14ac:dyDescent="0.25">
      <c r="A1193" s="14" t="s">
        <v>7072</v>
      </c>
    </row>
    <row r="1194" spans="1:1" x14ac:dyDescent="0.25">
      <c r="A1194" s="14" t="s">
        <v>7077</v>
      </c>
    </row>
    <row r="1195" spans="1:1" x14ac:dyDescent="0.25">
      <c r="A1195" s="14" t="s">
        <v>7082</v>
      </c>
    </row>
    <row r="1196" spans="1:1" x14ac:dyDescent="0.25">
      <c r="A1196" s="14" t="s">
        <v>7087</v>
      </c>
    </row>
    <row r="1197" spans="1:1" x14ac:dyDescent="0.25">
      <c r="A1197" s="14" t="s">
        <v>7092</v>
      </c>
    </row>
    <row r="1198" spans="1:1" x14ac:dyDescent="0.25">
      <c r="A1198" s="14" t="s">
        <v>7097</v>
      </c>
    </row>
    <row r="1199" spans="1:1" x14ac:dyDescent="0.25">
      <c r="A1199" s="14" t="s">
        <v>7102</v>
      </c>
    </row>
    <row r="1200" spans="1:1" x14ac:dyDescent="0.25">
      <c r="A1200" s="14" t="s">
        <v>7106</v>
      </c>
    </row>
    <row r="1201" spans="1:1" x14ac:dyDescent="0.25">
      <c r="A1201" s="14" t="s">
        <v>7111</v>
      </c>
    </row>
    <row r="1202" spans="1:1" x14ac:dyDescent="0.25">
      <c r="A1202" s="14" t="s">
        <v>7116</v>
      </c>
    </row>
    <row r="1203" spans="1:1" x14ac:dyDescent="0.25">
      <c r="A1203" s="14" t="s">
        <v>475</v>
      </c>
    </row>
    <row r="1204" spans="1:1" x14ac:dyDescent="0.25">
      <c r="A1204" s="14" t="s">
        <v>7125</v>
      </c>
    </row>
    <row r="1205" spans="1:1" x14ac:dyDescent="0.25">
      <c r="A1205" s="14" t="s">
        <v>7130</v>
      </c>
    </row>
    <row r="1206" spans="1:1" x14ac:dyDescent="0.25">
      <c r="A1206" s="14" t="s">
        <v>7135</v>
      </c>
    </row>
    <row r="1207" spans="1:1" x14ac:dyDescent="0.25">
      <c r="A1207" s="14" t="s">
        <v>7140</v>
      </c>
    </row>
    <row r="1208" spans="1:1" x14ac:dyDescent="0.25">
      <c r="A1208" s="14" t="s">
        <v>7145</v>
      </c>
    </row>
    <row r="1209" spans="1:1" x14ac:dyDescent="0.25">
      <c r="A1209" s="14" t="s">
        <v>7150</v>
      </c>
    </row>
    <row r="1210" spans="1:1" x14ac:dyDescent="0.25">
      <c r="A1210" s="14" t="s">
        <v>7155</v>
      </c>
    </row>
    <row r="1211" spans="1:1" x14ac:dyDescent="0.25">
      <c r="A1211" s="14" t="s">
        <v>7160</v>
      </c>
    </row>
    <row r="1212" spans="1:1" x14ac:dyDescent="0.25">
      <c r="A1212" s="14" t="s">
        <v>2358</v>
      </c>
    </row>
    <row r="1213" spans="1:1" x14ac:dyDescent="0.25">
      <c r="A1213" s="14" t="s">
        <v>7169</v>
      </c>
    </row>
    <row r="1214" spans="1:1" x14ac:dyDescent="0.25">
      <c r="A1214" s="14" t="s">
        <v>7174</v>
      </c>
    </row>
    <row r="1215" spans="1:1" x14ac:dyDescent="0.25">
      <c r="A1215" s="14" t="s">
        <v>7179</v>
      </c>
    </row>
    <row r="1216" spans="1:1" x14ac:dyDescent="0.25">
      <c r="A1216" s="14" t="s">
        <v>7183</v>
      </c>
    </row>
    <row r="1217" spans="1:1" x14ac:dyDescent="0.25">
      <c r="A1217" s="14" t="s">
        <v>7188</v>
      </c>
    </row>
    <row r="1218" spans="1:1" x14ac:dyDescent="0.25">
      <c r="A1218" s="14" t="s">
        <v>7193</v>
      </c>
    </row>
    <row r="1219" spans="1:1" x14ac:dyDescent="0.25">
      <c r="A1219" s="14" t="s">
        <v>7197</v>
      </c>
    </row>
    <row r="1220" spans="1:1" x14ac:dyDescent="0.25">
      <c r="A1220" s="14" t="s">
        <v>7201</v>
      </c>
    </row>
    <row r="1221" spans="1:1" x14ac:dyDescent="0.25">
      <c r="A1221" s="14" t="s">
        <v>7206</v>
      </c>
    </row>
    <row r="1222" spans="1:1" x14ac:dyDescent="0.25">
      <c r="A1222" s="14" t="s">
        <v>7211</v>
      </c>
    </row>
    <row r="1223" spans="1:1" x14ac:dyDescent="0.25">
      <c r="A1223" s="14" t="s">
        <v>7216</v>
      </c>
    </row>
    <row r="1224" spans="1:1" x14ac:dyDescent="0.25">
      <c r="A1224" s="14" t="s">
        <v>7221</v>
      </c>
    </row>
    <row r="1225" spans="1:1" x14ac:dyDescent="0.25">
      <c r="A1225" s="14" t="s">
        <v>7226</v>
      </c>
    </row>
    <row r="1226" spans="1:1" x14ac:dyDescent="0.25">
      <c r="A1226" s="14" t="s">
        <v>7230</v>
      </c>
    </row>
    <row r="1227" spans="1:1" x14ac:dyDescent="0.25">
      <c r="A1227" s="14" t="s">
        <v>7235</v>
      </c>
    </row>
    <row r="1228" spans="1:1" x14ac:dyDescent="0.25">
      <c r="A1228" s="14" t="s">
        <v>7240</v>
      </c>
    </row>
    <row r="1229" spans="1:1" x14ac:dyDescent="0.25">
      <c r="A1229" s="14" t="s">
        <v>7245</v>
      </c>
    </row>
    <row r="1230" spans="1:1" x14ac:dyDescent="0.25">
      <c r="A1230" s="14" t="s">
        <v>7250</v>
      </c>
    </row>
    <row r="1231" spans="1:1" x14ac:dyDescent="0.25">
      <c r="A1231" s="14" t="s">
        <v>7255</v>
      </c>
    </row>
    <row r="1232" spans="1:1" x14ac:dyDescent="0.25">
      <c r="A1232" s="14" t="s">
        <v>7260</v>
      </c>
    </row>
    <row r="1233" spans="1:1" x14ac:dyDescent="0.25">
      <c r="A1233" s="14" t="s">
        <v>7265</v>
      </c>
    </row>
    <row r="1234" spans="1:1" x14ac:dyDescent="0.25">
      <c r="A1234" s="14" t="s">
        <v>7270</v>
      </c>
    </row>
    <row r="1235" spans="1:1" x14ac:dyDescent="0.25">
      <c r="A1235" s="14" t="s">
        <v>7275</v>
      </c>
    </row>
    <row r="1236" spans="1:1" x14ac:dyDescent="0.25">
      <c r="A1236" s="14" t="s">
        <v>7280</v>
      </c>
    </row>
    <row r="1237" spans="1:1" x14ac:dyDescent="0.25">
      <c r="A1237" s="14" t="s">
        <v>7284</v>
      </c>
    </row>
    <row r="1238" spans="1:1" x14ac:dyDescent="0.25">
      <c r="A1238" s="14" t="s">
        <v>7289</v>
      </c>
    </row>
    <row r="1239" spans="1:1" x14ac:dyDescent="0.25">
      <c r="A1239" s="14" t="s">
        <v>7294</v>
      </c>
    </row>
    <row r="1240" spans="1:1" x14ac:dyDescent="0.25">
      <c r="A1240" s="14" t="s">
        <v>7299</v>
      </c>
    </row>
    <row r="1241" spans="1:1" x14ac:dyDescent="0.25">
      <c r="A1241" s="14" t="s">
        <v>7304</v>
      </c>
    </row>
    <row r="1242" spans="1:1" x14ac:dyDescent="0.25">
      <c r="A1242" s="14" t="s">
        <v>7309</v>
      </c>
    </row>
    <row r="1243" spans="1:1" x14ac:dyDescent="0.25">
      <c r="A1243" s="14" t="s">
        <v>277</v>
      </c>
    </row>
    <row r="1244" spans="1:1" x14ac:dyDescent="0.25">
      <c r="A1244" s="14" t="s">
        <v>7317</v>
      </c>
    </row>
    <row r="1245" spans="1:1" x14ac:dyDescent="0.25">
      <c r="A1245" s="14" t="s">
        <v>7322</v>
      </c>
    </row>
    <row r="1246" spans="1:1" x14ac:dyDescent="0.25">
      <c r="A1246" s="14" t="s">
        <v>7326</v>
      </c>
    </row>
    <row r="1247" spans="1:1" x14ac:dyDescent="0.25">
      <c r="A1247" s="14" t="s">
        <v>7331</v>
      </c>
    </row>
    <row r="1248" spans="1:1" x14ac:dyDescent="0.25">
      <c r="A1248" s="14" t="s">
        <v>7335</v>
      </c>
    </row>
    <row r="1249" spans="1:1" x14ac:dyDescent="0.25">
      <c r="A1249" s="14" t="s">
        <v>7340</v>
      </c>
    </row>
    <row r="1250" spans="1:1" x14ac:dyDescent="0.25">
      <c r="A1250" s="14" t="s">
        <v>7344</v>
      </c>
    </row>
    <row r="1251" spans="1:1" x14ac:dyDescent="0.25">
      <c r="A1251" s="14" t="s">
        <v>7349</v>
      </c>
    </row>
    <row r="1252" spans="1:1" x14ac:dyDescent="0.25">
      <c r="A1252" s="14" t="s">
        <v>7354</v>
      </c>
    </row>
    <row r="1253" spans="1:1" x14ac:dyDescent="0.25">
      <c r="A1253" s="14" t="s">
        <v>276</v>
      </c>
    </row>
    <row r="1254" spans="1:1" x14ac:dyDescent="0.25">
      <c r="A1254" s="14" t="s">
        <v>7363</v>
      </c>
    </row>
    <row r="1255" spans="1:1" x14ac:dyDescent="0.25">
      <c r="A1255" s="14" t="s">
        <v>7368</v>
      </c>
    </row>
    <row r="1256" spans="1:1" x14ac:dyDescent="0.25">
      <c r="A1256" s="14" t="s">
        <v>7373</v>
      </c>
    </row>
    <row r="1257" spans="1:1" x14ac:dyDescent="0.25">
      <c r="A1257" s="14" t="s">
        <v>7378</v>
      </c>
    </row>
    <row r="1258" spans="1:1" x14ac:dyDescent="0.25">
      <c r="A1258" s="14" t="s">
        <v>7383</v>
      </c>
    </row>
    <row r="1259" spans="1:1" x14ac:dyDescent="0.25">
      <c r="A1259" s="14" t="s">
        <v>7388</v>
      </c>
    </row>
    <row r="1260" spans="1:1" x14ac:dyDescent="0.25">
      <c r="A1260" s="14" t="s">
        <v>1166</v>
      </c>
    </row>
    <row r="1261" spans="1:1" x14ac:dyDescent="0.25">
      <c r="A1261" s="14" t="s">
        <v>7397</v>
      </c>
    </row>
    <row r="1262" spans="1:1" x14ac:dyDescent="0.25">
      <c r="A1262" s="14" t="s">
        <v>7402</v>
      </c>
    </row>
    <row r="1263" spans="1:1" x14ac:dyDescent="0.25">
      <c r="A1263" s="14" t="s">
        <v>1173</v>
      </c>
    </row>
    <row r="1264" spans="1:1" x14ac:dyDescent="0.25">
      <c r="A1264" s="14" t="s">
        <v>7410</v>
      </c>
    </row>
    <row r="1265" spans="1:1" x14ac:dyDescent="0.25">
      <c r="A1265" s="14" t="s">
        <v>5318</v>
      </c>
    </row>
    <row r="1266" spans="1:1" x14ac:dyDescent="0.25">
      <c r="A1266" s="14" t="s">
        <v>7419</v>
      </c>
    </row>
    <row r="1267" spans="1:1" x14ac:dyDescent="0.25">
      <c r="A1267" s="14" t="s">
        <v>7424</v>
      </c>
    </row>
    <row r="1268" spans="1:1" x14ac:dyDescent="0.25">
      <c r="A1268" s="14" t="s">
        <v>7429</v>
      </c>
    </row>
    <row r="1269" spans="1:1" x14ac:dyDescent="0.25">
      <c r="A1269" s="14" t="s">
        <v>7433</v>
      </c>
    </row>
    <row r="1270" spans="1:1" x14ac:dyDescent="0.25">
      <c r="A1270" s="14" t="s">
        <v>7438</v>
      </c>
    </row>
    <row r="1271" spans="1:1" x14ac:dyDescent="0.25">
      <c r="A1271" s="14" t="s">
        <v>7443</v>
      </c>
    </row>
    <row r="1272" spans="1:1" x14ac:dyDescent="0.25">
      <c r="A1272" s="14" t="s">
        <v>7447</v>
      </c>
    </row>
    <row r="1273" spans="1:1" x14ac:dyDescent="0.25">
      <c r="A1273" s="14" t="s">
        <v>7452</v>
      </c>
    </row>
    <row r="1274" spans="1:1" x14ac:dyDescent="0.25">
      <c r="A1274" s="14" t="s">
        <v>7456</v>
      </c>
    </row>
    <row r="1275" spans="1:1" x14ac:dyDescent="0.25">
      <c r="A1275" s="14" t="s">
        <v>7461</v>
      </c>
    </row>
    <row r="1276" spans="1:1" x14ac:dyDescent="0.25">
      <c r="A1276" s="14" t="s">
        <v>7466</v>
      </c>
    </row>
    <row r="1277" spans="1:1" x14ac:dyDescent="0.25">
      <c r="A1277" s="14" t="s">
        <v>7471</v>
      </c>
    </row>
    <row r="1278" spans="1:1" x14ac:dyDescent="0.25">
      <c r="A1278" s="14" t="s">
        <v>1175</v>
      </c>
    </row>
    <row r="1279" spans="1:1" x14ac:dyDescent="0.25">
      <c r="A1279" s="14" t="s">
        <v>7480</v>
      </c>
    </row>
    <row r="1280" spans="1:1" x14ac:dyDescent="0.25">
      <c r="A1280" s="14" t="s">
        <v>7485</v>
      </c>
    </row>
    <row r="1281" spans="1:1" x14ac:dyDescent="0.25">
      <c r="A1281" s="14" t="s">
        <v>7490</v>
      </c>
    </row>
    <row r="1282" spans="1:1" x14ac:dyDescent="0.25">
      <c r="A1282" s="14" t="s">
        <v>7495</v>
      </c>
    </row>
    <row r="1283" spans="1:1" x14ac:dyDescent="0.25">
      <c r="A1283" s="14" t="s">
        <v>7500</v>
      </c>
    </row>
    <row r="1284" spans="1:1" x14ac:dyDescent="0.25">
      <c r="A1284" s="14" t="s">
        <v>7505</v>
      </c>
    </row>
    <row r="1285" spans="1:1" x14ac:dyDescent="0.25">
      <c r="A1285" s="14" t="s">
        <v>7510</v>
      </c>
    </row>
    <row r="1286" spans="1:1" x14ac:dyDescent="0.25">
      <c r="A1286" s="14" t="s">
        <v>7514</v>
      </c>
    </row>
    <row r="1287" spans="1:1" x14ac:dyDescent="0.25">
      <c r="A1287" s="14" t="s">
        <v>7518</v>
      </c>
    </row>
    <row r="1288" spans="1:1" x14ac:dyDescent="0.25">
      <c r="A1288" s="14" t="s">
        <v>7523</v>
      </c>
    </row>
    <row r="1289" spans="1:1" x14ac:dyDescent="0.25">
      <c r="A1289" s="14" t="s">
        <v>7528</v>
      </c>
    </row>
    <row r="1290" spans="1:1" x14ac:dyDescent="0.25">
      <c r="A1290" s="14" t="s">
        <v>7532</v>
      </c>
    </row>
    <row r="1291" spans="1:1" x14ac:dyDescent="0.25">
      <c r="A1291" s="14" t="s">
        <v>7537</v>
      </c>
    </row>
    <row r="1292" spans="1:1" x14ac:dyDescent="0.25">
      <c r="A1292" s="14" t="s">
        <v>7542</v>
      </c>
    </row>
    <row r="1293" spans="1:1" x14ac:dyDescent="0.25">
      <c r="A1293" s="14" t="s">
        <v>7547</v>
      </c>
    </row>
    <row r="1294" spans="1:1" x14ac:dyDescent="0.25">
      <c r="A1294" s="14" t="s">
        <v>7552</v>
      </c>
    </row>
    <row r="1295" spans="1:1" x14ac:dyDescent="0.25">
      <c r="A1295" s="14" t="s">
        <v>7556</v>
      </c>
    </row>
    <row r="1296" spans="1:1" x14ac:dyDescent="0.25">
      <c r="A1296" s="14" t="s">
        <v>7561</v>
      </c>
    </row>
    <row r="1297" spans="1:1" x14ac:dyDescent="0.25">
      <c r="A1297" s="14" t="s">
        <v>7566</v>
      </c>
    </row>
    <row r="1298" spans="1:1" x14ac:dyDescent="0.25">
      <c r="A1298" s="14" t="s">
        <v>7570</v>
      </c>
    </row>
    <row r="1299" spans="1:1" x14ac:dyDescent="0.25">
      <c r="A1299" s="14" t="s">
        <v>7574</v>
      </c>
    </row>
    <row r="1300" spans="1:1" x14ac:dyDescent="0.25">
      <c r="A1300" s="14" t="s">
        <v>7579</v>
      </c>
    </row>
    <row r="1301" spans="1:1" x14ac:dyDescent="0.25">
      <c r="A1301" s="14" t="s">
        <v>7584</v>
      </c>
    </row>
    <row r="1302" spans="1:1" x14ac:dyDescent="0.25">
      <c r="A1302" s="14" t="s">
        <v>7589</v>
      </c>
    </row>
    <row r="1303" spans="1:1" x14ac:dyDescent="0.25">
      <c r="A1303" s="14" t="s">
        <v>7593</v>
      </c>
    </row>
    <row r="1304" spans="1:1" x14ac:dyDescent="0.25">
      <c r="A1304" s="14" t="s">
        <v>7598</v>
      </c>
    </row>
    <row r="1305" spans="1:1" x14ac:dyDescent="0.25">
      <c r="A1305" s="14" t="s">
        <v>7603</v>
      </c>
    </row>
    <row r="1306" spans="1:1" x14ac:dyDescent="0.25">
      <c r="A1306" s="14" t="s">
        <v>7608</v>
      </c>
    </row>
    <row r="1307" spans="1:1" x14ac:dyDescent="0.25">
      <c r="A1307" s="14" t="s">
        <v>7612</v>
      </c>
    </row>
    <row r="1308" spans="1:1" x14ac:dyDescent="0.25">
      <c r="A1308" s="14" t="s">
        <v>7617</v>
      </c>
    </row>
    <row r="1309" spans="1:1" x14ac:dyDescent="0.25">
      <c r="A1309" s="14" t="s">
        <v>1182</v>
      </c>
    </row>
    <row r="1310" spans="1:1" x14ac:dyDescent="0.25">
      <c r="A1310" s="14" t="s">
        <v>7627</v>
      </c>
    </row>
    <row r="1311" spans="1:1" x14ac:dyDescent="0.25">
      <c r="A1311" s="14" t="s">
        <v>7632</v>
      </c>
    </row>
    <row r="1312" spans="1:1" x14ac:dyDescent="0.25">
      <c r="A1312" s="14" t="s">
        <v>599</v>
      </c>
    </row>
    <row r="1313" spans="1:1" x14ac:dyDescent="0.25">
      <c r="A1313" s="14" t="s">
        <v>7641</v>
      </c>
    </row>
    <row r="1314" spans="1:1" x14ac:dyDescent="0.25">
      <c r="A1314" s="14" t="s">
        <v>7646</v>
      </c>
    </row>
    <row r="1315" spans="1:1" x14ac:dyDescent="0.25">
      <c r="A1315" s="14" t="s">
        <v>7651</v>
      </c>
    </row>
    <row r="1316" spans="1:1" x14ac:dyDescent="0.25">
      <c r="A1316" s="14" t="s">
        <v>7656</v>
      </c>
    </row>
    <row r="1317" spans="1:1" x14ac:dyDescent="0.25">
      <c r="A1317" s="14" t="s">
        <v>1174</v>
      </c>
    </row>
    <row r="1318" spans="1:1" x14ac:dyDescent="0.25">
      <c r="A1318" s="14" t="s">
        <v>168</v>
      </c>
    </row>
    <row r="1319" spans="1:1" x14ac:dyDescent="0.25">
      <c r="A1319" s="14" t="s">
        <v>7669</v>
      </c>
    </row>
    <row r="1320" spans="1:1" x14ac:dyDescent="0.25">
      <c r="A1320" s="14" t="s">
        <v>7674</v>
      </c>
    </row>
    <row r="1321" spans="1:1" x14ac:dyDescent="0.25">
      <c r="A1321" s="14" t="s">
        <v>1188</v>
      </c>
    </row>
    <row r="1322" spans="1:1" x14ac:dyDescent="0.25">
      <c r="A1322" s="14" t="s">
        <v>7683</v>
      </c>
    </row>
    <row r="1323" spans="1:1" x14ac:dyDescent="0.25">
      <c r="A1323" s="14" t="s">
        <v>1172</v>
      </c>
    </row>
    <row r="1324" spans="1:1" x14ac:dyDescent="0.25">
      <c r="A1324" s="14" t="s">
        <v>7692</v>
      </c>
    </row>
    <row r="1325" spans="1:1" x14ac:dyDescent="0.25">
      <c r="A1325" s="14" t="s">
        <v>7697</v>
      </c>
    </row>
    <row r="1326" spans="1:1" x14ac:dyDescent="0.25">
      <c r="A1326" s="14" t="s">
        <v>7702</v>
      </c>
    </row>
    <row r="1327" spans="1:1" x14ac:dyDescent="0.25">
      <c r="A1327" s="14" t="s">
        <v>951</v>
      </c>
    </row>
    <row r="1328" spans="1:1" x14ac:dyDescent="0.25">
      <c r="A1328" s="14" t="s">
        <v>7711</v>
      </c>
    </row>
    <row r="1329" spans="1:1" x14ac:dyDescent="0.25">
      <c r="A1329" s="14" t="s">
        <v>7716</v>
      </c>
    </row>
    <row r="1330" spans="1:1" x14ac:dyDescent="0.25">
      <c r="A1330" s="14" t="s">
        <v>7721</v>
      </c>
    </row>
    <row r="1331" spans="1:1" x14ac:dyDescent="0.25">
      <c r="A1331" s="14" t="s">
        <v>954</v>
      </c>
    </row>
    <row r="1332" spans="1:1" x14ac:dyDescent="0.25">
      <c r="A1332" s="14" t="s">
        <v>7730</v>
      </c>
    </row>
    <row r="1333" spans="1:1" x14ac:dyDescent="0.25">
      <c r="A1333" s="14" t="s">
        <v>7735</v>
      </c>
    </row>
    <row r="1334" spans="1:1" x14ac:dyDescent="0.25">
      <c r="A1334" s="14" t="s">
        <v>7740</v>
      </c>
    </row>
    <row r="1335" spans="1:1" x14ac:dyDescent="0.25">
      <c r="A1335" s="14" t="s">
        <v>7745</v>
      </c>
    </row>
    <row r="1336" spans="1:1" x14ac:dyDescent="0.25">
      <c r="A1336" s="14" t="s">
        <v>7750</v>
      </c>
    </row>
    <row r="1337" spans="1:1" x14ac:dyDescent="0.25">
      <c r="A1337" s="14" t="s">
        <v>7755</v>
      </c>
    </row>
    <row r="1338" spans="1:1" x14ac:dyDescent="0.25">
      <c r="A1338" s="14" t="s">
        <v>7759</v>
      </c>
    </row>
    <row r="1339" spans="1:1" x14ac:dyDescent="0.25">
      <c r="A1339" s="14" t="s">
        <v>600</v>
      </c>
    </row>
    <row r="1340" spans="1:1" x14ac:dyDescent="0.25">
      <c r="A1340" s="14" t="s">
        <v>7768</v>
      </c>
    </row>
    <row r="1341" spans="1:1" x14ac:dyDescent="0.25">
      <c r="A1341" s="14" t="s">
        <v>7773</v>
      </c>
    </row>
    <row r="1342" spans="1:1" x14ac:dyDescent="0.25">
      <c r="A1342" s="14" t="s">
        <v>7778</v>
      </c>
    </row>
    <row r="1343" spans="1:1" x14ac:dyDescent="0.25">
      <c r="A1343" s="14" t="s">
        <v>947</v>
      </c>
    </row>
    <row r="1344" spans="1:1" x14ac:dyDescent="0.25">
      <c r="A1344" s="14" t="s">
        <v>952</v>
      </c>
    </row>
    <row r="1345" spans="1:1" x14ac:dyDescent="0.25">
      <c r="A1345" s="14" t="s">
        <v>7791</v>
      </c>
    </row>
    <row r="1346" spans="1:1" x14ac:dyDescent="0.25">
      <c r="A1346" s="14" t="s">
        <v>948</v>
      </c>
    </row>
    <row r="1347" spans="1:1" x14ac:dyDescent="0.25">
      <c r="A1347" s="14" t="s">
        <v>7799</v>
      </c>
    </row>
    <row r="1348" spans="1:1" x14ac:dyDescent="0.25">
      <c r="A1348" s="14" t="s">
        <v>7804</v>
      </c>
    </row>
    <row r="1349" spans="1:1" x14ac:dyDescent="0.25">
      <c r="A1349" s="14" t="s">
        <v>7809</v>
      </c>
    </row>
    <row r="1350" spans="1:1" x14ac:dyDescent="0.25">
      <c r="A1350" s="14" t="s">
        <v>7814</v>
      </c>
    </row>
    <row r="1351" spans="1:1" x14ac:dyDescent="0.25">
      <c r="A1351" s="14" t="s">
        <v>7819</v>
      </c>
    </row>
    <row r="1352" spans="1:1" x14ac:dyDescent="0.25">
      <c r="A1352" s="14" t="s">
        <v>944</v>
      </c>
    </row>
    <row r="1353" spans="1:1" x14ac:dyDescent="0.25">
      <c r="A1353" s="14" t="s">
        <v>7828</v>
      </c>
    </row>
    <row r="1354" spans="1:1" x14ac:dyDescent="0.25">
      <c r="A1354" s="14" t="s">
        <v>1189</v>
      </c>
    </row>
    <row r="1355" spans="1:1" x14ac:dyDescent="0.25">
      <c r="A1355" s="14" t="s">
        <v>7837</v>
      </c>
    </row>
    <row r="1356" spans="1:1" x14ac:dyDescent="0.25">
      <c r="A1356" s="14" t="s">
        <v>7842</v>
      </c>
    </row>
    <row r="1357" spans="1:1" x14ac:dyDescent="0.25">
      <c r="A1357" s="14" t="s">
        <v>7847</v>
      </c>
    </row>
    <row r="1358" spans="1:1" x14ac:dyDescent="0.25">
      <c r="A1358" s="14" t="s">
        <v>601</v>
      </c>
    </row>
    <row r="1359" spans="1:1" x14ac:dyDescent="0.25">
      <c r="A1359" s="14" t="s">
        <v>7856</v>
      </c>
    </row>
    <row r="1360" spans="1:1" x14ac:dyDescent="0.25">
      <c r="A1360" s="14" t="s">
        <v>7860</v>
      </c>
    </row>
    <row r="1361" spans="1:1" x14ac:dyDescent="0.25">
      <c r="A1361" s="14" t="s">
        <v>7865</v>
      </c>
    </row>
    <row r="1362" spans="1:1" x14ac:dyDescent="0.25">
      <c r="A1362" s="55" t="s">
        <v>7870</v>
      </c>
    </row>
    <row r="1363" spans="1:1" x14ac:dyDescent="0.25">
      <c r="A1363" s="14" t="s">
        <v>7875</v>
      </c>
    </row>
    <row r="1364" spans="1:1" x14ac:dyDescent="0.25">
      <c r="A1364" s="14" t="s">
        <v>1162</v>
      </c>
    </row>
    <row r="1365" spans="1:1" x14ac:dyDescent="0.25">
      <c r="A1365" s="14" t="s">
        <v>7884</v>
      </c>
    </row>
    <row r="1366" spans="1:1" x14ac:dyDescent="0.25">
      <c r="A1366" s="14" t="s">
        <v>7889</v>
      </c>
    </row>
    <row r="1367" spans="1:1" x14ac:dyDescent="0.25">
      <c r="A1367" s="14" t="s">
        <v>7894</v>
      </c>
    </row>
    <row r="1368" spans="1:1" x14ac:dyDescent="0.25">
      <c r="A1368" s="14" t="s">
        <v>949</v>
      </c>
    </row>
    <row r="1369" spans="1:1" x14ac:dyDescent="0.25">
      <c r="A1369" s="14" t="s">
        <v>134</v>
      </c>
    </row>
    <row r="1370" spans="1:1" x14ac:dyDescent="0.25">
      <c r="A1370" s="14" t="s">
        <v>1190</v>
      </c>
    </row>
    <row r="1371" spans="1:1" x14ac:dyDescent="0.25">
      <c r="A1371" s="14" t="s">
        <v>950</v>
      </c>
    </row>
    <row r="1372" spans="1:1" x14ac:dyDescent="0.25">
      <c r="A1372" s="14" t="s">
        <v>7915</v>
      </c>
    </row>
    <row r="1373" spans="1:1" x14ac:dyDescent="0.25">
      <c r="A1373" s="14" t="s">
        <v>945</v>
      </c>
    </row>
    <row r="1374" spans="1:1" x14ac:dyDescent="0.25">
      <c r="A1374" s="14" t="s">
        <v>7923</v>
      </c>
    </row>
    <row r="1375" spans="1:1" x14ac:dyDescent="0.25">
      <c r="A1375" s="14" t="s">
        <v>946</v>
      </c>
    </row>
    <row r="1376" spans="1:1" x14ac:dyDescent="0.25">
      <c r="A1376" s="14" t="s">
        <v>7932</v>
      </c>
    </row>
    <row r="1377" spans="1:1" x14ac:dyDescent="0.25">
      <c r="A1377" s="14" t="s">
        <v>7937</v>
      </c>
    </row>
    <row r="1378" spans="1:1" x14ac:dyDescent="0.25">
      <c r="A1378" s="14" t="s">
        <v>7941</v>
      </c>
    </row>
    <row r="1379" spans="1:1" x14ac:dyDescent="0.25">
      <c r="A1379" s="14" t="s">
        <v>7946</v>
      </c>
    </row>
    <row r="1380" spans="1:1" x14ac:dyDescent="0.25">
      <c r="A1380" s="14" t="s">
        <v>7951</v>
      </c>
    </row>
    <row r="1381" spans="1:1" x14ac:dyDescent="0.25">
      <c r="A1381" s="14" t="s">
        <v>7956</v>
      </c>
    </row>
    <row r="1382" spans="1:1" x14ac:dyDescent="0.25">
      <c r="A1382" s="14" t="s">
        <v>7961</v>
      </c>
    </row>
    <row r="1383" spans="1:1" x14ac:dyDescent="0.25">
      <c r="A1383" s="14" t="s">
        <v>7966</v>
      </c>
    </row>
    <row r="1384" spans="1:1" x14ac:dyDescent="0.25">
      <c r="A1384" s="14" t="s">
        <v>7970</v>
      </c>
    </row>
    <row r="1385" spans="1:1" x14ac:dyDescent="0.25">
      <c r="A1385" s="14" t="s">
        <v>7975</v>
      </c>
    </row>
    <row r="1386" spans="1:1" x14ac:dyDescent="0.25">
      <c r="A1386" s="14" t="s">
        <v>7980</v>
      </c>
    </row>
    <row r="1387" spans="1:1" x14ac:dyDescent="0.25">
      <c r="A1387" s="14" t="s">
        <v>7985</v>
      </c>
    </row>
    <row r="1388" spans="1:1" x14ac:dyDescent="0.25">
      <c r="A1388" s="14" t="s">
        <v>7990</v>
      </c>
    </row>
    <row r="1389" spans="1:1" x14ac:dyDescent="0.25">
      <c r="A1389" s="14" t="s">
        <v>7995</v>
      </c>
    </row>
    <row r="1390" spans="1:1" x14ac:dyDescent="0.25">
      <c r="A1390" s="14" t="s">
        <v>8000</v>
      </c>
    </row>
    <row r="1391" spans="1:1" x14ac:dyDescent="0.25">
      <c r="A1391" s="14" t="s">
        <v>8005</v>
      </c>
    </row>
    <row r="1392" spans="1:1" x14ac:dyDescent="0.25">
      <c r="A1392" s="14" t="s">
        <v>8010</v>
      </c>
    </row>
    <row r="1393" spans="1:1" x14ac:dyDescent="0.25">
      <c r="A1393" s="14" t="s">
        <v>8015</v>
      </c>
    </row>
    <row r="1394" spans="1:1" x14ac:dyDescent="0.25">
      <c r="A1394" s="14" t="s">
        <v>8020</v>
      </c>
    </row>
    <row r="1395" spans="1:1" x14ac:dyDescent="0.25">
      <c r="A1395" s="14" t="s">
        <v>8025</v>
      </c>
    </row>
    <row r="1396" spans="1:1" x14ac:dyDescent="0.25">
      <c r="A1396" s="14" t="s">
        <v>8030</v>
      </c>
    </row>
    <row r="1397" spans="1:1" x14ac:dyDescent="0.25">
      <c r="A1397" s="14" t="s">
        <v>8035</v>
      </c>
    </row>
    <row r="1398" spans="1:1" x14ac:dyDescent="0.25">
      <c r="A1398" s="14" t="s">
        <v>8040</v>
      </c>
    </row>
    <row r="1399" spans="1:1" x14ac:dyDescent="0.25">
      <c r="A1399" s="14" t="s">
        <v>8045</v>
      </c>
    </row>
    <row r="1400" spans="1:1" x14ac:dyDescent="0.25">
      <c r="A1400" s="14" t="s">
        <v>8049</v>
      </c>
    </row>
    <row r="1401" spans="1:1" x14ac:dyDescent="0.25">
      <c r="A1401" s="14" t="s">
        <v>8054</v>
      </c>
    </row>
    <row r="1402" spans="1:1" x14ac:dyDescent="0.25">
      <c r="A1402" s="14" t="s">
        <v>8059</v>
      </c>
    </row>
    <row r="1403" spans="1:1" x14ac:dyDescent="0.25">
      <c r="A1403" s="14" t="s">
        <v>8064</v>
      </c>
    </row>
    <row r="1404" spans="1:1" x14ac:dyDescent="0.25">
      <c r="A1404" s="14" t="s">
        <v>8069</v>
      </c>
    </row>
    <row r="1405" spans="1:1" x14ac:dyDescent="0.25">
      <c r="A1405" s="14" t="s">
        <v>8074</v>
      </c>
    </row>
    <row r="1406" spans="1:1" x14ac:dyDescent="0.25">
      <c r="A1406" s="14" t="s">
        <v>8079</v>
      </c>
    </row>
    <row r="1407" spans="1:1" x14ac:dyDescent="0.25">
      <c r="A1407" s="14" t="s">
        <v>8084</v>
      </c>
    </row>
    <row r="1408" spans="1:1" x14ac:dyDescent="0.25">
      <c r="A1408" s="14" t="s">
        <v>8089</v>
      </c>
    </row>
    <row r="1409" spans="1:1" x14ac:dyDescent="0.25">
      <c r="A1409" s="14" t="s">
        <v>1012</v>
      </c>
    </row>
    <row r="1410" spans="1:1" x14ac:dyDescent="0.25">
      <c r="A1410" s="14" t="s">
        <v>1163</v>
      </c>
    </row>
    <row r="1411" spans="1:1" x14ac:dyDescent="0.25">
      <c r="A1411" s="14" t="s">
        <v>973</v>
      </c>
    </row>
    <row r="1412" spans="1:1" x14ac:dyDescent="0.25">
      <c r="A1412" s="14" t="s">
        <v>8105</v>
      </c>
    </row>
    <row r="1413" spans="1:1" x14ac:dyDescent="0.25">
      <c r="A1413" s="14" t="s">
        <v>8110</v>
      </c>
    </row>
    <row r="1414" spans="1:1" x14ac:dyDescent="0.25">
      <c r="A1414" s="14" t="s">
        <v>8114</v>
      </c>
    </row>
    <row r="1415" spans="1:1" x14ac:dyDescent="0.25">
      <c r="A1415" s="14" t="s">
        <v>8119</v>
      </c>
    </row>
    <row r="1416" spans="1:1" x14ac:dyDescent="0.25">
      <c r="A1416" s="14" t="s">
        <v>1044</v>
      </c>
    </row>
    <row r="1417" spans="1:1" x14ac:dyDescent="0.25">
      <c r="A1417" s="14" t="s">
        <v>8127</v>
      </c>
    </row>
    <row r="1418" spans="1:1" x14ac:dyDescent="0.25">
      <c r="A1418" s="14" t="s">
        <v>8132</v>
      </c>
    </row>
    <row r="1419" spans="1:1" x14ac:dyDescent="0.25">
      <c r="A1419" s="14" t="s">
        <v>8137</v>
      </c>
    </row>
    <row r="1420" spans="1:1" x14ac:dyDescent="0.25">
      <c r="A1420" s="55" t="s">
        <v>8142</v>
      </c>
    </row>
    <row r="1421" spans="1:1" x14ac:dyDescent="0.25">
      <c r="A1421" s="14" t="s">
        <v>8147</v>
      </c>
    </row>
    <row r="1422" spans="1:1" x14ac:dyDescent="0.25">
      <c r="A1422" s="14" t="s">
        <v>8152</v>
      </c>
    </row>
    <row r="1423" spans="1:1" x14ac:dyDescent="0.25">
      <c r="A1423" s="14" t="s">
        <v>8156</v>
      </c>
    </row>
    <row r="1424" spans="1:1" x14ac:dyDescent="0.25">
      <c r="A1424" s="14" t="s">
        <v>8160</v>
      </c>
    </row>
    <row r="1425" spans="1:1" x14ac:dyDescent="0.25">
      <c r="A1425" s="14" t="s">
        <v>8164</v>
      </c>
    </row>
    <row r="1426" spans="1:1" x14ac:dyDescent="0.25">
      <c r="A1426" s="14" t="s">
        <v>8169</v>
      </c>
    </row>
    <row r="1427" spans="1:1" x14ac:dyDescent="0.25">
      <c r="A1427" s="14" t="s">
        <v>974</v>
      </c>
    </row>
    <row r="1428" spans="1:1" x14ac:dyDescent="0.25">
      <c r="A1428" s="14" t="s">
        <v>8178</v>
      </c>
    </row>
    <row r="1429" spans="1:1" x14ac:dyDescent="0.25">
      <c r="A1429" s="14" t="s">
        <v>602</v>
      </c>
    </row>
    <row r="1430" spans="1:1" x14ac:dyDescent="0.25">
      <c r="A1430" s="14" t="s">
        <v>8186</v>
      </c>
    </row>
    <row r="1431" spans="1:1" x14ac:dyDescent="0.25">
      <c r="A1431" s="14" t="s">
        <v>8191</v>
      </c>
    </row>
    <row r="1432" spans="1:1" x14ac:dyDescent="0.25">
      <c r="A1432" s="14" t="s">
        <v>8196</v>
      </c>
    </row>
    <row r="1433" spans="1:1" x14ac:dyDescent="0.25">
      <c r="A1433" s="55" t="s">
        <v>8201</v>
      </c>
    </row>
    <row r="1434" spans="1:1" x14ac:dyDescent="0.25">
      <c r="A1434" s="14" t="s">
        <v>953</v>
      </c>
    </row>
    <row r="1435" spans="1:1" x14ac:dyDescent="0.25">
      <c r="A1435" s="14" t="s">
        <v>8209</v>
      </c>
    </row>
    <row r="1436" spans="1:1" x14ac:dyDescent="0.25">
      <c r="A1436" s="14" t="s">
        <v>8214</v>
      </c>
    </row>
    <row r="1437" spans="1:1" x14ac:dyDescent="0.25">
      <c r="A1437" s="14" t="s">
        <v>8219</v>
      </c>
    </row>
    <row r="1438" spans="1:1" x14ac:dyDescent="0.25">
      <c r="A1438" s="14" t="s">
        <v>8224</v>
      </c>
    </row>
    <row r="1439" spans="1:1" x14ac:dyDescent="0.25">
      <c r="A1439" s="14" t="s">
        <v>8228</v>
      </c>
    </row>
    <row r="1440" spans="1:1" x14ac:dyDescent="0.25">
      <c r="A1440" s="14" t="s">
        <v>8232</v>
      </c>
    </row>
    <row r="1441" spans="1:1" x14ac:dyDescent="0.25">
      <c r="A1441" s="14" t="s">
        <v>8237</v>
      </c>
    </row>
    <row r="1442" spans="1:1" x14ac:dyDescent="0.25">
      <c r="A1442" s="14" t="s">
        <v>8242</v>
      </c>
    </row>
    <row r="1443" spans="1:1" x14ac:dyDescent="0.25">
      <c r="A1443" s="14" t="s">
        <v>8247</v>
      </c>
    </row>
    <row r="1444" spans="1:1" x14ac:dyDescent="0.25">
      <c r="A1444" s="14" t="s">
        <v>1104</v>
      </c>
    </row>
    <row r="1445" spans="1:1" x14ac:dyDescent="0.25">
      <c r="A1445" s="14" t="s">
        <v>8255</v>
      </c>
    </row>
    <row r="1446" spans="1:1" x14ac:dyDescent="0.25">
      <c r="A1446" s="14" t="s">
        <v>8261</v>
      </c>
    </row>
    <row r="1447" spans="1:1" x14ac:dyDescent="0.25">
      <c r="A1447" s="14" t="s">
        <v>8265</v>
      </c>
    </row>
    <row r="1448" spans="1:1" x14ac:dyDescent="0.25">
      <c r="A1448" s="14" t="s">
        <v>8270</v>
      </c>
    </row>
    <row r="1449" spans="1:1" x14ac:dyDescent="0.25">
      <c r="A1449" s="14" t="s">
        <v>8275</v>
      </c>
    </row>
    <row r="1450" spans="1:1" x14ac:dyDescent="0.25">
      <c r="A1450" s="14" t="s">
        <v>924</v>
      </c>
    </row>
    <row r="1451" spans="1:1" x14ac:dyDescent="0.25">
      <c r="A1451" s="14" t="s">
        <v>8284</v>
      </c>
    </row>
    <row r="1452" spans="1:1" x14ac:dyDescent="0.25">
      <c r="A1452" s="14" t="s">
        <v>8289</v>
      </c>
    </row>
    <row r="1453" spans="1:1" x14ac:dyDescent="0.25">
      <c r="A1453" s="14" t="s">
        <v>8294</v>
      </c>
    </row>
    <row r="1454" spans="1:1" x14ac:dyDescent="0.25">
      <c r="A1454" s="14" t="s">
        <v>8298</v>
      </c>
    </row>
    <row r="1455" spans="1:1" x14ac:dyDescent="0.25">
      <c r="A1455" s="14" t="s">
        <v>8303</v>
      </c>
    </row>
    <row r="1456" spans="1:1" x14ac:dyDescent="0.25">
      <c r="A1456" s="14" t="s">
        <v>8308</v>
      </c>
    </row>
    <row r="1457" spans="1:1" x14ac:dyDescent="0.25">
      <c r="A1457" s="14" t="s">
        <v>8312</v>
      </c>
    </row>
    <row r="1458" spans="1:1" x14ac:dyDescent="0.25">
      <c r="A1458" s="14" t="s">
        <v>8317</v>
      </c>
    </row>
    <row r="1459" spans="1:1" x14ac:dyDescent="0.25">
      <c r="A1459" s="14" t="s">
        <v>8322</v>
      </c>
    </row>
    <row r="1460" spans="1:1" x14ac:dyDescent="0.25">
      <c r="A1460" s="14" t="s">
        <v>8327</v>
      </c>
    </row>
    <row r="1461" spans="1:1" x14ac:dyDescent="0.25">
      <c r="A1461" s="14" t="s">
        <v>8332</v>
      </c>
    </row>
    <row r="1462" spans="1:1" x14ac:dyDescent="0.25">
      <c r="A1462" s="14" t="s">
        <v>8337</v>
      </c>
    </row>
    <row r="1463" spans="1:1" x14ac:dyDescent="0.25">
      <c r="A1463" s="14" t="s">
        <v>8342</v>
      </c>
    </row>
    <row r="1464" spans="1:1" x14ac:dyDescent="0.25">
      <c r="A1464" s="14" t="s">
        <v>8347</v>
      </c>
    </row>
    <row r="1465" spans="1:1" x14ac:dyDescent="0.25">
      <c r="A1465" s="14" t="s">
        <v>8352</v>
      </c>
    </row>
    <row r="1466" spans="1:1" x14ac:dyDescent="0.25">
      <c r="A1466" s="14" t="s">
        <v>8357</v>
      </c>
    </row>
    <row r="1467" spans="1:1" x14ac:dyDescent="0.25">
      <c r="A1467" s="14" t="s">
        <v>8362</v>
      </c>
    </row>
    <row r="1468" spans="1:1" x14ac:dyDescent="0.25">
      <c r="A1468" s="14" t="s">
        <v>8367</v>
      </c>
    </row>
    <row r="1469" spans="1:1" x14ac:dyDescent="0.25">
      <c r="A1469" s="14" t="s">
        <v>8372</v>
      </c>
    </row>
    <row r="1470" spans="1:1" x14ac:dyDescent="0.25">
      <c r="A1470" s="14" t="s">
        <v>8377</v>
      </c>
    </row>
    <row r="1471" spans="1:1" x14ac:dyDescent="0.25">
      <c r="A1471" s="14" t="s">
        <v>8382</v>
      </c>
    </row>
    <row r="1472" spans="1:1" x14ac:dyDescent="0.25">
      <c r="A1472" s="14" t="s">
        <v>8386</v>
      </c>
    </row>
    <row r="1473" spans="1:1" x14ac:dyDescent="0.25">
      <c r="A1473" s="14" t="s">
        <v>8391</v>
      </c>
    </row>
    <row r="1474" spans="1:1" x14ac:dyDescent="0.25">
      <c r="A1474" s="14" t="s">
        <v>8396</v>
      </c>
    </row>
    <row r="1475" spans="1:1" x14ac:dyDescent="0.25">
      <c r="A1475" s="14" t="s">
        <v>925</v>
      </c>
    </row>
    <row r="1476" spans="1:1" x14ac:dyDescent="0.25">
      <c r="A1476" s="14" t="s">
        <v>8404</v>
      </c>
    </row>
    <row r="1477" spans="1:1" x14ac:dyDescent="0.25">
      <c r="A1477" s="14" t="s">
        <v>8409</v>
      </c>
    </row>
    <row r="1478" spans="1:1" x14ac:dyDescent="0.25">
      <c r="A1478" s="14" t="s">
        <v>8414</v>
      </c>
    </row>
    <row r="1479" spans="1:1" x14ac:dyDescent="0.25">
      <c r="A1479" s="14" t="s">
        <v>8417</v>
      </c>
    </row>
    <row r="1480" spans="1:1" x14ac:dyDescent="0.25">
      <c r="A1480" s="14" t="s">
        <v>824</v>
      </c>
    </row>
    <row r="1481" spans="1:1" x14ac:dyDescent="0.25">
      <c r="A1481" s="14" t="s">
        <v>8426</v>
      </c>
    </row>
    <row r="1482" spans="1:1" x14ac:dyDescent="0.25">
      <c r="A1482" s="14" t="s">
        <v>8431</v>
      </c>
    </row>
    <row r="1483" spans="1:1" x14ac:dyDescent="0.25">
      <c r="A1483" s="14" t="s">
        <v>8436</v>
      </c>
    </row>
    <row r="1484" spans="1:1" x14ac:dyDescent="0.25">
      <c r="A1484" s="14" t="s">
        <v>8441</v>
      </c>
    </row>
    <row r="1485" spans="1:1" x14ac:dyDescent="0.25">
      <c r="A1485" s="14" t="s">
        <v>8446</v>
      </c>
    </row>
    <row r="1486" spans="1:1" x14ac:dyDescent="0.25">
      <c r="A1486" s="14" t="s">
        <v>8451</v>
      </c>
    </row>
    <row r="1487" spans="1:1" x14ac:dyDescent="0.25">
      <c r="A1487" s="14" t="s">
        <v>8456</v>
      </c>
    </row>
    <row r="1488" spans="1:1" x14ac:dyDescent="0.25">
      <c r="A1488" s="14" t="s">
        <v>8461</v>
      </c>
    </row>
    <row r="1489" spans="1:1" x14ac:dyDescent="0.25">
      <c r="A1489" s="14" t="s">
        <v>8465</v>
      </c>
    </row>
    <row r="1490" spans="1:1" x14ac:dyDescent="0.25">
      <c r="A1490" s="14" t="s">
        <v>3879</v>
      </c>
    </row>
    <row r="1491" spans="1:1" x14ac:dyDescent="0.25">
      <c r="A1491" s="14" t="s">
        <v>8474</v>
      </c>
    </row>
    <row r="1492" spans="1:1" x14ac:dyDescent="0.25">
      <c r="A1492" s="14" t="s">
        <v>8479</v>
      </c>
    </row>
    <row r="1493" spans="1:1" x14ac:dyDescent="0.25">
      <c r="A1493" s="14" t="s">
        <v>8484</v>
      </c>
    </row>
    <row r="1494" spans="1:1" x14ac:dyDescent="0.25">
      <c r="A1494" s="14" t="s">
        <v>8489</v>
      </c>
    </row>
    <row r="1495" spans="1:1" x14ac:dyDescent="0.25">
      <c r="A1495" s="14" t="s">
        <v>8494</v>
      </c>
    </row>
    <row r="1496" spans="1:1" x14ac:dyDescent="0.25">
      <c r="A1496" s="14" t="s">
        <v>8499</v>
      </c>
    </row>
    <row r="1497" spans="1:1" x14ac:dyDescent="0.25">
      <c r="A1497" s="14" t="s">
        <v>8504</v>
      </c>
    </row>
    <row r="1498" spans="1:1" x14ac:dyDescent="0.25">
      <c r="A1498" s="14" t="s">
        <v>8509</v>
      </c>
    </row>
    <row r="1499" spans="1:1" x14ac:dyDescent="0.25">
      <c r="A1499" s="14" t="s">
        <v>8514</v>
      </c>
    </row>
    <row r="1500" spans="1:1" x14ac:dyDescent="0.25">
      <c r="A1500" s="14" t="s">
        <v>8518</v>
      </c>
    </row>
    <row r="1501" spans="1:1" x14ac:dyDescent="0.25">
      <c r="A1501" s="14" t="s">
        <v>8522</v>
      </c>
    </row>
    <row r="1502" spans="1:1" x14ac:dyDescent="0.25">
      <c r="A1502" s="14" t="s">
        <v>8526</v>
      </c>
    </row>
    <row r="1503" spans="1:1" x14ac:dyDescent="0.25">
      <c r="A1503" s="14" t="s">
        <v>8531</v>
      </c>
    </row>
    <row r="1504" spans="1:1" x14ac:dyDescent="0.25">
      <c r="A1504" s="14" t="s">
        <v>8536</v>
      </c>
    </row>
    <row r="1505" spans="1:1" x14ac:dyDescent="0.25">
      <c r="A1505" s="14" t="s">
        <v>8541</v>
      </c>
    </row>
    <row r="1506" spans="1:1" x14ac:dyDescent="0.25">
      <c r="A1506" s="14" t="s">
        <v>8546</v>
      </c>
    </row>
    <row r="1507" spans="1:1" x14ac:dyDescent="0.25">
      <c r="A1507" s="14" t="s">
        <v>926</v>
      </c>
    </row>
    <row r="1508" spans="1:1" x14ac:dyDescent="0.25">
      <c r="A1508" s="14" t="s">
        <v>8555</v>
      </c>
    </row>
    <row r="1509" spans="1:1" x14ac:dyDescent="0.25">
      <c r="A1509" s="14" t="s">
        <v>8560</v>
      </c>
    </row>
    <row r="1510" spans="1:1" x14ac:dyDescent="0.25">
      <c r="A1510" s="14" t="s">
        <v>8565</v>
      </c>
    </row>
    <row r="1511" spans="1:1" x14ac:dyDescent="0.25">
      <c r="A1511" s="14" t="s">
        <v>8570</v>
      </c>
    </row>
    <row r="1512" spans="1:1" x14ac:dyDescent="0.25">
      <c r="A1512" s="14" t="s">
        <v>8575</v>
      </c>
    </row>
    <row r="1513" spans="1:1" x14ac:dyDescent="0.25">
      <c r="A1513" s="14" t="s">
        <v>8579</v>
      </c>
    </row>
    <row r="1514" spans="1:1" x14ac:dyDescent="0.25">
      <c r="A1514" s="14" t="s">
        <v>8584</v>
      </c>
    </row>
    <row r="1515" spans="1:1" x14ac:dyDescent="0.25">
      <c r="A1515" s="14" t="s">
        <v>8590</v>
      </c>
    </row>
    <row r="1516" spans="1:1" x14ac:dyDescent="0.25">
      <c r="A1516" s="14" t="s">
        <v>8595</v>
      </c>
    </row>
    <row r="1517" spans="1:1" x14ac:dyDescent="0.25">
      <c r="A1517" s="14" t="s">
        <v>114</v>
      </c>
    </row>
    <row r="1518" spans="1:1" x14ac:dyDescent="0.25">
      <c r="A1518" s="14" t="s">
        <v>8604</v>
      </c>
    </row>
    <row r="1519" spans="1:1" x14ac:dyDescent="0.25">
      <c r="A1519" s="14" t="s">
        <v>8609</v>
      </c>
    </row>
    <row r="1520" spans="1:1" x14ac:dyDescent="0.25">
      <c r="A1520" s="14" t="s">
        <v>908</v>
      </c>
    </row>
    <row r="1521" spans="1:1" x14ac:dyDescent="0.25">
      <c r="A1521" s="14" t="s">
        <v>8618</v>
      </c>
    </row>
    <row r="1522" spans="1:1" x14ac:dyDescent="0.25">
      <c r="A1522" s="14" t="s">
        <v>8623</v>
      </c>
    </row>
    <row r="1523" spans="1:1" x14ac:dyDescent="0.25">
      <c r="A1523" s="14" t="s">
        <v>8628</v>
      </c>
    </row>
    <row r="1524" spans="1:1" x14ac:dyDescent="0.25">
      <c r="A1524" s="14" t="s">
        <v>8633</v>
      </c>
    </row>
    <row r="1525" spans="1:1" x14ac:dyDescent="0.25">
      <c r="A1525" s="14" t="s">
        <v>8637</v>
      </c>
    </row>
    <row r="1526" spans="1:1" x14ac:dyDescent="0.25">
      <c r="A1526" s="14" t="s">
        <v>8642</v>
      </c>
    </row>
    <row r="1527" spans="1:1" x14ac:dyDescent="0.25">
      <c r="A1527" s="14" t="s">
        <v>8647</v>
      </c>
    </row>
    <row r="1528" spans="1:1" x14ac:dyDescent="0.25">
      <c r="A1528" s="14" t="s">
        <v>8652</v>
      </c>
    </row>
    <row r="1529" spans="1:1" x14ac:dyDescent="0.25">
      <c r="A1529" s="14" t="s">
        <v>8657</v>
      </c>
    </row>
    <row r="1530" spans="1:1" x14ac:dyDescent="0.25">
      <c r="A1530" s="14" t="s">
        <v>8662</v>
      </c>
    </row>
    <row r="1531" spans="1:1" x14ac:dyDescent="0.25">
      <c r="A1531" s="14" t="s">
        <v>8666</v>
      </c>
    </row>
    <row r="1532" spans="1:1" x14ac:dyDescent="0.25">
      <c r="A1532" s="14" t="s">
        <v>8671</v>
      </c>
    </row>
    <row r="1533" spans="1:1" x14ac:dyDescent="0.25">
      <c r="A1533" s="14" t="s">
        <v>101</v>
      </c>
    </row>
    <row r="1534" spans="1:1" x14ac:dyDescent="0.25">
      <c r="A1534" s="14" t="s">
        <v>8680</v>
      </c>
    </row>
    <row r="1535" spans="1:1" x14ac:dyDescent="0.25">
      <c r="A1535" s="14" t="s">
        <v>8685</v>
      </c>
    </row>
    <row r="1536" spans="1:1" x14ac:dyDescent="0.25">
      <c r="A1536" s="14" t="s">
        <v>8690</v>
      </c>
    </row>
    <row r="1537" spans="1:1" x14ac:dyDescent="0.25">
      <c r="A1537" s="14" t="s">
        <v>8695</v>
      </c>
    </row>
    <row r="1538" spans="1:1" x14ac:dyDescent="0.25">
      <c r="A1538" s="14" t="s">
        <v>8700</v>
      </c>
    </row>
    <row r="1539" spans="1:1" x14ac:dyDescent="0.25">
      <c r="A1539" s="14" t="s">
        <v>8705</v>
      </c>
    </row>
    <row r="1540" spans="1:1" x14ac:dyDescent="0.25">
      <c r="A1540" s="14" t="s">
        <v>8710</v>
      </c>
    </row>
    <row r="1541" spans="1:1" x14ac:dyDescent="0.25">
      <c r="A1541" s="14" t="s">
        <v>8715</v>
      </c>
    </row>
    <row r="1542" spans="1:1" x14ac:dyDescent="0.25">
      <c r="A1542" s="14" t="s">
        <v>115</v>
      </c>
    </row>
    <row r="1543" spans="1:1" x14ac:dyDescent="0.25">
      <c r="A1543" s="14" t="s">
        <v>8723</v>
      </c>
    </row>
    <row r="1544" spans="1:1" x14ac:dyDescent="0.25">
      <c r="A1544" s="14" t="s">
        <v>8727</v>
      </c>
    </row>
    <row r="1545" spans="1:1" x14ac:dyDescent="0.25">
      <c r="A1545" s="14" t="s">
        <v>8732</v>
      </c>
    </row>
    <row r="1546" spans="1:1" x14ac:dyDescent="0.25">
      <c r="A1546" s="14" t="s">
        <v>8737</v>
      </c>
    </row>
    <row r="1547" spans="1:1" x14ac:dyDescent="0.25">
      <c r="A1547" s="14" t="s">
        <v>8742</v>
      </c>
    </row>
    <row r="1548" spans="1:1" x14ac:dyDescent="0.25">
      <c r="A1548" s="14" t="s">
        <v>8747</v>
      </c>
    </row>
    <row r="1549" spans="1:1" x14ac:dyDescent="0.25">
      <c r="A1549" s="14" t="s">
        <v>8751</v>
      </c>
    </row>
    <row r="1550" spans="1:1" x14ac:dyDescent="0.25">
      <c r="A1550" s="14" t="s">
        <v>8756</v>
      </c>
    </row>
    <row r="1551" spans="1:1" x14ac:dyDescent="0.25">
      <c r="A1551" s="14" t="s">
        <v>825</v>
      </c>
    </row>
    <row r="1552" spans="1:1" x14ac:dyDescent="0.25">
      <c r="A1552" s="14" t="s">
        <v>909</v>
      </c>
    </row>
    <row r="1553" spans="1:1" x14ac:dyDescent="0.25">
      <c r="A1553" s="14" t="s">
        <v>8768</v>
      </c>
    </row>
    <row r="1554" spans="1:1" x14ac:dyDescent="0.25">
      <c r="A1554" s="14" t="s">
        <v>8772</v>
      </c>
    </row>
    <row r="1555" spans="1:1" x14ac:dyDescent="0.25">
      <c r="A1555" s="14" t="s">
        <v>8776</v>
      </c>
    </row>
    <row r="1556" spans="1:1" x14ac:dyDescent="0.25">
      <c r="A1556" s="14" t="s">
        <v>8781</v>
      </c>
    </row>
    <row r="1557" spans="1:1" x14ac:dyDescent="0.25">
      <c r="A1557" s="14" t="s">
        <v>8785</v>
      </c>
    </row>
    <row r="1558" spans="1:1" x14ac:dyDescent="0.25">
      <c r="A1558" s="14" t="s">
        <v>116</v>
      </c>
    </row>
    <row r="1559" spans="1:1" x14ac:dyDescent="0.25">
      <c r="A1559" s="14" t="s">
        <v>8793</v>
      </c>
    </row>
    <row r="1560" spans="1:1" x14ac:dyDescent="0.25">
      <c r="A1560" s="14" t="s">
        <v>8798</v>
      </c>
    </row>
    <row r="1561" spans="1:1" x14ac:dyDescent="0.25">
      <c r="A1561" s="14" t="s">
        <v>1165</v>
      </c>
    </row>
    <row r="1562" spans="1:1" x14ac:dyDescent="0.25">
      <c r="A1562" s="14" t="s">
        <v>8806</v>
      </c>
    </row>
    <row r="1563" spans="1:1" x14ac:dyDescent="0.25">
      <c r="A1563" s="14" t="s">
        <v>819</v>
      </c>
    </row>
    <row r="1564" spans="1:1" x14ac:dyDescent="0.25">
      <c r="A1564" s="14" t="s">
        <v>8816</v>
      </c>
    </row>
    <row r="1565" spans="1:1" x14ac:dyDescent="0.25">
      <c r="A1565" s="14" t="s">
        <v>8821</v>
      </c>
    </row>
    <row r="1566" spans="1:1" x14ac:dyDescent="0.25">
      <c r="A1566" s="14" t="s">
        <v>907</v>
      </c>
    </row>
    <row r="1567" spans="1:1" x14ac:dyDescent="0.25">
      <c r="A1567" s="14" t="s">
        <v>8830</v>
      </c>
    </row>
    <row r="1568" spans="1:1" x14ac:dyDescent="0.25">
      <c r="A1568" s="14" t="s">
        <v>603</v>
      </c>
    </row>
    <row r="1569" spans="1:1" x14ac:dyDescent="0.25">
      <c r="A1569" s="14" t="s">
        <v>8838</v>
      </c>
    </row>
    <row r="1570" spans="1:1" x14ac:dyDescent="0.25">
      <c r="A1570" s="14" t="s">
        <v>8843</v>
      </c>
    </row>
    <row r="1571" spans="1:1" x14ac:dyDescent="0.25">
      <c r="A1571" s="14" t="s">
        <v>604</v>
      </c>
    </row>
    <row r="1572" spans="1:1" x14ac:dyDescent="0.25">
      <c r="A1572" s="14" t="s">
        <v>8852</v>
      </c>
    </row>
    <row r="1573" spans="1:1" x14ac:dyDescent="0.25">
      <c r="A1573" s="14" t="s">
        <v>605</v>
      </c>
    </row>
    <row r="1574" spans="1:1" x14ac:dyDescent="0.25">
      <c r="A1574" s="14" t="s">
        <v>8860</v>
      </c>
    </row>
    <row r="1575" spans="1:1" x14ac:dyDescent="0.25">
      <c r="A1575" s="14" t="s">
        <v>8865</v>
      </c>
    </row>
    <row r="1576" spans="1:1" x14ac:dyDescent="0.25">
      <c r="A1576" s="14" t="s">
        <v>927</v>
      </c>
    </row>
    <row r="1577" spans="1:1" x14ac:dyDescent="0.25">
      <c r="A1577" s="14" t="s">
        <v>8874</v>
      </c>
    </row>
    <row r="1578" spans="1:1" x14ac:dyDescent="0.25">
      <c r="A1578" s="14" t="s">
        <v>8879</v>
      </c>
    </row>
    <row r="1579" spans="1:1" x14ac:dyDescent="0.25">
      <c r="A1579" s="14" t="s">
        <v>928</v>
      </c>
    </row>
    <row r="1580" spans="1:1" x14ac:dyDescent="0.25">
      <c r="A1580" s="14" t="s">
        <v>8888</v>
      </c>
    </row>
    <row r="1581" spans="1:1" x14ac:dyDescent="0.25">
      <c r="A1581" s="14" t="s">
        <v>8893</v>
      </c>
    </row>
    <row r="1582" spans="1:1" x14ac:dyDescent="0.25">
      <c r="A1582" s="14" t="s">
        <v>280</v>
      </c>
    </row>
    <row r="1583" spans="1:1" x14ac:dyDescent="0.25">
      <c r="A1583" s="14" t="s">
        <v>8902</v>
      </c>
    </row>
    <row r="1584" spans="1:1" x14ac:dyDescent="0.25">
      <c r="A1584" s="14" t="s">
        <v>929</v>
      </c>
    </row>
    <row r="1585" spans="1:1" x14ac:dyDescent="0.25">
      <c r="A1585" s="14" t="s">
        <v>8910</v>
      </c>
    </row>
    <row r="1586" spans="1:1" x14ac:dyDescent="0.25">
      <c r="A1586" s="14" t="s">
        <v>8915</v>
      </c>
    </row>
    <row r="1587" spans="1:1" x14ac:dyDescent="0.25">
      <c r="A1587" s="14" t="s">
        <v>8920</v>
      </c>
    </row>
    <row r="1588" spans="1:1" x14ac:dyDescent="0.25">
      <c r="A1588" s="14" t="s">
        <v>930</v>
      </c>
    </row>
    <row r="1589" spans="1:1" x14ac:dyDescent="0.25">
      <c r="A1589" s="14" t="s">
        <v>820</v>
      </c>
    </row>
    <row r="1590" spans="1:1" x14ac:dyDescent="0.25">
      <c r="A1590" s="14" t="s">
        <v>8932</v>
      </c>
    </row>
    <row r="1591" spans="1:1" x14ac:dyDescent="0.25">
      <c r="A1591" s="14" t="s">
        <v>8937</v>
      </c>
    </row>
    <row r="1592" spans="1:1" x14ac:dyDescent="0.25">
      <c r="A1592" s="14" t="s">
        <v>1186</v>
      </c>
    </row>
    <row r="1593" spans="1:1" x14ac:dyDescent="0.25">
      <c r="A1593" s="14" t="s">
        <v>8946</v>
      </c>
    </row>
    <row r="1594" spans="1:1" x14ac:dyDescent="0.25">
      <c r="A1594" s="14" t="s">
        <v>8951</v>
      </c>
    </row>
    <row r="1595" spans="1:1" x14ac:dyDescent="0.25">
      <c r="A1595" s="14" t="s">
        <v>8956</v>
      </c>
    </row>
    <row r="1596" spans="1:1" x14ac:dyDescent="0.25">
      <c r="A1596" s="14" t="s">
        <v>8960</v>
      </c>
    </row>
    <row r="1597" spans="1:1" x14ac:dyDescent="0.25">
      <c r="A1597" s="14" t="s">
        <v>278</v>
      </c>
    </row>
    <row r="1598" spans="1:1" x14ac:dyDescent="0.25">
      <c r="A1598" s="14" t="s">
        <v>8969</v>
      </c>
    </row>
    <row r="1599" spans="1:1" x14ac:dyDescent="0.25">
      <c r="A1599" s="14" t="s">
        <v>8974</v>
      </c>
    </row>
    <row r="1600" spans="1:1" x14ac:dyDescent="0.25">
      <c r="A1600" s="14" t="s">
        <v>826</v>
      </c>
    </row>
    <row r="1601" spans="1:1" x14ac:dyDescent="0.25">
      <c r="A1601" s="14" t="s">
        <v>8983</v>
      </c>
    </row>
    <row r="1602" spans="1:1" x14ac:dyDescent="0.25">
      <c r="A1602" s="14" t="s">
        <v>8988</v>
      </c>
    </row>
    <row r="1603" spans="1:1" x14ac:dyDescent="0.25">
      <c r="A1603" s="14" t="s">
        <v>8993</v>
      </c>
    </row>
    <row r="1604" spans="1:1" x14ac:dyDescent="0.25">
      <c r="A1604" s="14" t="s">
        <v>821</v>
      </c>
    </row>
    <row r="1605" spans="1:1" x14ac:dyDescent="0.25">
      <c r="A1605" s="14" t="s">
        <v>9001</v>
      </c>
    </row>
    <row r="1606" spans="1:1" x14ac:dyDescent="0.25">
      <c r="A1606" s="14" t="s">
        <v>1187</v>
      </c>
    </row>
    <row r="1607" spans="1:1" x14ac:dyDescent="0.25">
      <c r="A1607" s="14" t="s">
        <v>822</v>
      </c>
    </row>
    <row r="1608" spans="1:1" x14ac:dyDescent="0.25">
      <c r="A1608" s="14" t="s">
        <v>9014</v>
      </c>
    </row>
    <row r="1609" spans="1:1" x14ac:dyDescent="0.25">
      <c r="A1609" s="14" t="s">
        <v>9019</v>
      </c>
    </row>
    <row r="1610" spans="1:1" x14ac:dyDescent="0.25">
      <c r="A1610" s="14" t="s">
        <v>9024</v>
      </c>
    </row>
    <row r="1611" spans="1:1" x14ac:dyDescent="0.25">
      <c r="A1611" s="14" t="s">
        <v>9029</v>
      </c>
    </row>
    <row r="1612" spans="1:1" x14ac:dyDescent="0.25">
      <c r="A1612" s="14" t="s">
        <v>9034</v>
      </c>
    </row>
    <row r="1613" spans="1:1" x14ac:dyDescent="0.25">
      <c r="A1613" s="14" t="s">
        <v>9039</v>
      </c>
    </row>
    <row r="1614" spans="1:1" x14ac:dyDescent="0.25">
      <c r="A1614" s="14" t="s">
        <v>9044</v>
      </c>
    </row>
    <row r="1615" spans="1:1" x14ac:dyDescent="0.25">
      <c r="A1615" s="14" t="s">
        <v>9049</v>
      </c>
    </row>
    <row r="1616" spans="1:1" x14ac:dyDescent="0.25">
      <c r="A1616" s="14" t="s">
        <v>9054</v>
      </c>
    </row>
    <row r="1617" spans="1:1" x14ac:dyDescent="0.25">
      <c r="A1617" s="14" t="s">
        <v>9059</v>
      </c>
    </row>
    <row r="1618" spans="1:1" x14ac:dyDescent="0.25">
      <c r="A1618" s="14" t="s">
        <v>9064</v>
      </c>
    </row>
    <row r="1619" spans="1:1" x14ac:dyDescent="0.25">
      <c r="A1619" s="14" t="s">
        <v>970</v>
      </c>
    </row>
    <row r="1620" spans="1:1" x14ac:dyDescent="0.25">
      <c r="A1620" s="14" t="s">
        <v>969</v>
      </c>
    </row>
    <row r="1621" spans="1:1" x14ac:dyDescent="0.25">
      <c r="A1621" s="14" t="s">
        <v>972</v>
      </c>
    </row>
    <row r="1622" spans="1:1" x14ac:dyDescent="0.25">
      <c r="A1622" s="14" t="s">
        <v>971</v>
      </c>
    </row>
    <row r="1623" spans="1:1" x14ac:dyDescent="0.25">
      <c r="A1623" s="14" t="s">
        <v>823</v>
      </c>
    </row>
    <row r="1624" spans="1:1" x14ac:dyDescent="0.25">
      <c r="A1624" s="14" t="s">
        <v>75</v>
      </c>
    </row>
    <row r="1625" spans="1:1" x14ac:dyDescent="0.25">
      <c r="A1625" s="14" t="s">
        <v>9090</v>
      </c>
    </row>
    <row r="1626" spans="1:1" x14ac:dyDescent="0.25">
      <c r="A1626" s="14" t="s">
        <v>9095</v>
      </c>
    </row>
    <row r="1627" spans="1:1" x14ac:dyDescent="0.25">
      <c r="A1627" s="14" t="s">
        <v>967</v>
      </c>
    </row>
    <row r="1628" spans="1:1" x14ac:dyDescent="0.25">
      <c r="A1628" s="14" t="s">
        <v>9104</v>
      </c>
    </row>
    <row r="1629" spans="1:1" x14ac:dyDescent="0.25">
      <c r="A1629" s="14" t="s">
        <v>74</v>
      </c>
    </row>
    <row r="1630" spans="1:1" x14ac:dyDescent="0.25">
      <c r="A1630" s="14" t="s">
        <v>9113</v>
      </c>
    </row>
    <row r="1631" spans="1:1" x14ac:dyDescent="0.25">
      <c r="A1631" s="14" t="s">
        <v>68</v>
      </c>
    </row>
    <row r="1632" spans="1:1" x14ac:dyDescent="0.25">
      <c r="A1632" s="14" t="s">
        <v>9125</v>
      </c>
    </row>
    <row r="1633" spans="1:1" x14ac:dyDescent="0.25">
      <c r="A1633" s="14" t="s">
        <v>9130</v>
      </c>
    </row>
    <row r="1634" spans="1:1" x14ac:dyDescent="0.25">
      <c r="A1634" s="14" t="s">
        <v>9135</v>
      </c>
    </row>
    <row r="1635" spans="1:1" x14ac:dyDescent="0.25">
      <c r="A1635" s="14" t="s">
        <v>163</v>
      </c>
    </row>
    <row r="1636" spans="1:1" x14ac:dyDescent="0.25">
      <c r="A1636" s="14" t="s">
        <v>279</v>
      </c>
    </row>
    <row r="1637" spans="1:1" x14ac:dyDescent="0.25">
      <c r="A1637" s="14" t="s">
        <v>139</v>
      </c>
    </row>
    <row r="1638" spans="1:1" x14ac:dyDescent="0.25">
      <c r="A1638" s="14" t="s">
        <v>9151</v>
      </c>
    </row>
    <row r="1639" spans="1:1" x14ac:dyDescent="0.25">
      <c r="A1639" s="14" t="s">
        <v>69</v>
      </c>
    </row>
    <row r="1640" spans="1:1" x14ac:dyDescent="0.25">
      <c r="A1640" s="14" t="s">
        <v>76</v>
      </c>
    </row>
    <row r="1641" spans="1:1" x14ac:dyDescent="0.25">
      <c r="A1641" s="14" t="s">
        <v>9164</v>
      </c>
    </row>
    <row r="1642" spans="1:1" x14ac:dyDescent="0.25">
      <c r="A1642" s="14" t="s">
        <v>9169</v>
      </c>
    </row>
    <row r="1643" spans="1:1" x14ac:dyDescent="0.25">
      <c r="A1643" s="14" t="s">
        <v>1176</v>
      </c>
    </row>
    <row r="1644" spans="1:1" x14ac:dyDescent="0.25">
      <c r="A1644" s="14" t="s">
        <v>9178</v>
      </c>
    </row>
    <row r="1645" spans="1:1" x14ac:dyDescent="0.25">
      <c r="A1645" s="14" t="s">
        <v>9183</v>
      </c>
    </row>
    <row r="1646" spans="1:1" x14ac:dyDescent="0.25">
      <c r="A1646" s="14" t="s">
        <v>677</v>
      </c>
    </row>
    <row r="1647" spans="1:1" x14ac:dyDescent="0.25">
      <c r="A1647" s="14" t="s">
        <v>9191</v>
      </c>
    </row>
    <row r="1648" spans="1:1" x14ac:dyDescent="0.25">
      <c r="A1648" s="14" t="s">
        <v>71</v>
      </c>
    </row>
    <row r="1649" spans="1:1" x14ac:dyDescent="0.25">
      <c r="A1649" s="14" t="s">
        <v>518</v>
      </c>
    </row>
    <row r="1650" spans="1:1" x14ac:dyDescent="0.25">
      <c r="A1650" s="14" t="s">
        <v>533</v>
      </c>
    </row>
    <row r="1651" spans="1:1" x14ac:dyDescent="0.25">
      <c r="A1651" s="14" t="s">
        <v>9207</v>
      </c>
    </row>
    <row r="1652" spans="1:1" x14ac:dyDescent="0.25">
      <c r="A1652" s="14" t="s">
        <v>9212</v>
      </c>
    </row>
    <row r="1653" spans="1:1" x14ac:dyDescent="0.25">
      <c r="A1653" s="14" t="s">
        <v>9217</v>
      </c>
    </row>
    <row r="1654" spans="1:1" x14ac:dyDescent="0.25">
      <c r="A1654" s="14" t="s">
        <v>9222</v>
      </c>
    </row>
    <row r="1655" spans="1:1" x14ac:dyDescent="0.25">
      <c r="A1655" s="14" t="s">
        <v>70</v>
      </c>
    </row>
    <row r="1656" spans="1:1" x14ac:dyDescent="0.25">
      <c r="A1656" s="14" t="s">
        <v>9230</v>
      </c>
    </row>
    <row r="1657" spans="1:1" x14ac:dyDescent="0.25">
      <c r="A1657" s="14" t="s">
        <v>9235</v>
      </c>
    </row>
    <row r="1658" spans="1:1" x14ac:dyDescent="0.25">
      <c r="A1658" s="14" t="s">
        <v>9240</v>
      </c>
    </row>
    <row r="1659" spans="1:1" x14ac:dyDescent="0.25">
      <c r="A1659" s="14" t="s">
        <v>532</v>
      </c>
    </row>
    <row r="1660" spans="1:1" x14ac:dyDescent="0.25">
      <c r="A1660" s="14" t="s">
        <v>534</v>
      </c>
    </row>
    <row r="1661" spans="1:1" x14ac:dyDescent="0.25">
      <c r="A1661" s="14" t="s">
        <v>511</v>
      </c>
    </row>
    <row r="1662" spans="1:1" x14ac:dyDescent="0.25">
      <c r="A1662" s="14" t="s">
        <v>73</v>
      </c>
    </row>
    <row r="1663" spans="1:1" x14ac:dyDescent="0.25">
      <c r="A1663" s="14" t="s">
        <v>521</v>
      </c>
    </row>
    <row r="1664" spans="1:1" x14ac:dyDescent="0.25">
      <c r="A1664" s="14" t="s">
        <v>9264</v>
      </c>
    </row>
    <row r="1665" spans="1:1" x14ac:dyDescent="0.25">
      <c r="A1665" s="14" t="s">
        <v>173</v>
      </c>
    </row>
    <row r="1666" spans="1:1" x14ac:dyDescent="0.25">
      <c r="A1666" s="14" t="s">
        <v>9272</v>
      </c>
    </row>
    <row r="1667" spans="1:1" x14ac:dyDescent="0.25">
      <c r="A1667" s="14" t="s">
        <v>164</v>
      </c>
    </row>
    <row r="1668" spans="1:1" x14ac:dyDescent="0.25">
      <c r="A1668" s="14" t="s">
        <v>72</v>
      </c>
    </row>
    <row r="1669" spans="1:1" x14ac:dyDescent="0.25">
      <c r="A1669" s="14" t="s">
        <v>968</v>
      </c>
    </row>
    <row r="1670" spans="1:1" x14ac:dyDescent="0.25">
      <c r="A1670" s="58" t="s">
        <v>9288</v>
      </c>
    </row>
    <row r="1671" spans="1:1" x14ac:dyDescent="0.25">
      <c r="A1671" s="14" t="s">
        <v>606</v>
      </c>
    </row>
    <row r="1672" spans="1:1" x14ac:dyDescent="0.25">
      <c r="A1672" s="14" t="s">
        <v>9297</v>
      </c>
    </row>
    <row r="1673" spans="1:1" x14ac:dyDescent="0.25">
      <c r="A1673" s="14" t="s">
        <v>9302</v>
      </c>
    </row>
    <row r="1674" spans="1:1" x14ac:dyDescent="0.25">
      <c r="A1674" s="14" t="s">
        <v>9307</v>
      </c>
    </row>
    <row r="1675" spans="1:1" x14ac:dyDescent="0.25">
      <c r="A1675" s="14" t="s">
        <v>9312</v>
      </c>
    </row>
    <row r="1676" spans="1:1" x14ac:dyDescent="0.25">
      <c r="A1676" s="14" t="s">
        <v>9317</v>
      </c>
    </row>
    <row r="1677" spans="1:1" x14ac:dyDescent="0.25">
      <c r="A1677" s="14" t="s">
        <v>9322</v>
      </c>
    </row>
    <row r="1678" spans="1:1" x14ac:dyDescent="0.25">
      <c r="A1678" s="14" t="s">
        <v>9327</v>
      </c>
    </row>
    <row r="1679" spans="1:1" x14ac:dyDescent="0.25">
      <c r="A1679" s="14" t="s">
        <v>9332</v>
      </c>
    </row>
    <row r="1680" spans="1:1" x14ac:dyDescent="0.25">
      <c r="A1680" s="14" t="s">
        <v>9337</v>
      </c>
    </row>
    <row r="1681" spans="1:1" x14ac:dyDescent="0.25">
      <c r="A1681" s="14" t="s">
        <v>9342</v>
      </c>
    </row>
    <row r="1682" spans="1:1" x14ac:dyDescent="0.25">
      <c r="A1682" s="14" t="s">
        <v>9346</v>
      </c>
    </row>
    <row r="1683" spans="1:1" x14ac:dyDescent="0.25">
      <c r="A1683" s="14" t="s">
        <v>9351</v>
      </c>
    </row>
    <row r="1684" spans="1:1" x14ac:dyDescent="0.25">
      <c r="A1684" s="14" t="s">
        <v>9356</v>
      </c>
    </row>
    <row r="1685" spans="1:1" x14ac:dyDescent="0.25">
      <c r="A1685" s="14" t="s">
        <v>9361</v>
      </c>
    </row>
    <row r="1686" spans="1:1" x14ac:dyDescent="0.25">
      <c r="A1686" s="14" t="s">
        <v>9366</v>
      </c>
    </row>
    <row r="1687" spans="1:1" x14ac:dyDescent="0.25">
      <c r="A1687" s="14" t="s">
        <v>9371</v>
      </c>
    </row>
    <row r="1688" spans="1:1" x14ac:dyDescent="0.25">
      <c r="A1688" s="14" t="s">
        <v>9375</v>
      </c>
    </row>
    <row r="1689" spans="1:1" x14ac:dyDescent="0.25">
      <c r="A1689" s="14" t="s">
        <v>9382</v>
      </c>
    </row>
    <row r="1690" spans="1:1" x14ac:dyDescent="0.25">
      <c r="A1690" s="14" t="s">
        <v>9387</v>
      </c>
    </row>
    <row r="1691" spans="1:1" x14ac:dyDescent="0.25">
      <c r="A1691" s="14" t="s">
        <v>9392</v>
      </c>
    </row>
    <row r="1692" spans="1:1" x14ac:dyDescent="0.25">
      <c r="A1692" s="14" t="s">
        <v>9397</v>
      </c>
    </row>
    <row r="1693" spans="1:1" x14ac:dyDescent="0.25">
      <c r="A1693" s="14" t="s">
        <v>9402</v>
      </c>
    </row>
    <row r="1694" spans="1:1" x14ac:dyDescent="0.25">
      <c r="A1694" s="14" t="s">
        <v>9407</v>
      </c>
    </row>
    <row r="1695" spans="1:1" x14ac:dyDescent="0.25">
      <c r="A1695" s="14" t="s">
        <v>9411</v>
      </c>
    </row>
    <row r="1696" spans="1:1" x14ac:dyDescent="0.25">
      <c r="A1696" s="14" t="s">
        <v>9416</v>
      </c>
    </row>
    <row r="1697" spans="1:1" x14ac:dyDescent="0.25">
      <c r="A1697" s="14" t="s">
        <v>9421</v>
      </c>
    </row>
    <row r="1698" spans="1:1" x14ac:dyDescent="0.25">
      <c r="A1698" s="14" t="s">
        <v>9425</v>
      </c>
    </row>
    <row r="1699" spans="1:1" x14ac:dyDescent="0.25">
      <c r="A1699" s="14" t="s">
        <v>9429</v>
      </c>
    </row>
    <row r="1700" spans="1:1" x14ac:dyDescent="0.25">
      <c r="A1700" s="14" t="s">
        <v>9434</v>
      </c>
    </row>
    <row r="1701" spans="1:1" x14ac:dyDescent="0.25">
      <c r="A1701" s="14" t="s">
        <v>9439</v>
      </c>
    </row>
    <row r="1702" spans="1:1" x14ac:dyDescent="0.25">
      <c r="A1702" s="14" t="s">
        <v>91</v>
      </c>
    </row>
    <row r="1703" spans="1:1" x14ac:dyDescent="0.25">
      <c r="A1703" s="14" t="s">
        <v>9448</v>
      </c>
    </row>
    <row r="1704" spans="1:1" x14ac:dyDescent="0.25">
      <c r="A1704" s="14" t="s">
        <v>9453</v>
      </c>
    </row>
    <row r="1705" spans="1:1" x14ac:dyDescent="0.25">
      <c r="A1705" s="14" t="s">
        <v>9458</v>
      </c>
    </row>
    <row r="1706" spans="1:1" x14ac:dyDescent="0.25">
      <c r="A1706" s="14" t="s">
        <v>9462</v>
      </c>
    </row>
    <row r="1707" spans="1:1" x14ac:dyDescent="0.25">
      <c r="A1707" s="58" t="s">
        <v>9467</v>
      </c>
    </row>
    <row r="1708" spans="1:1" x14ac:dyDescent="0.25">
      <c r="A1708" s="14" t="s">
        <v>9472</v>
      </c>
    </row>
    <row r="1709" spans="1:1" x14ac:dyDescent="0.25">
      <c r="A1709" s="14" t="s">
        <v>9477</v>
      </c>
    </row>
    <row r="1710" spans="1:1" x14ac:dyDescent="0.25">
      <c r="A1710" s="14" t="s">
        <v>9482</v>
      </c>
    </row>
    <row r="1711" spans="1:1" x14ac:dyDescent="0.25">
      <c r="A1711" s="14" t="s">
        <v>607</v>
      </c>
    </row>
    <row r="1712" spans="1:1" x14ac:dyDescent="0.25">
      <c r="A1712" s="14" t="s">
        <v>608</v>
      </c>
    </row>
    <row r="1713" spans="1:1" x14ac:dyDescent="0.25">
      <c r="A1713" s="14" t="s">
        <v>187</v>
      </c>
    </row>
    <row r="1714" spans="1:1" x14ac:dyDescent="0.25">
      <c r="A1714" s="14" t="s">
        <v>9498</v>
      </c>
    </row>
    <row r="1715" spans="1:1" x14ac:dyDescent="0.25">
      <c r="A1715" s="14" t="s">
        <v>88</v>
      </c>
    </row>
    <row r="1716" spans="1:1" x14ac:dyDescent="0.25">
      <c r="A1716" s="14" t="s">
        <v>9507</v>
      </c>
    </row>
    <row r="1717" spans="1:1" x14ac:dyDescent="0.25">
      <c r="A1717" s="14" t="s">
        <v>9512</v>
      </c>
    </row>
    <row r="1718" spans="1:1" x14ac:dyDescent="0.25">
      <c r="A1718" s="14" t="s">
        <v>1164</v>
      </c>
    </row>
    <row r="1719" spans="1:1" x14ac:dyDescent="0.25">
      <c r="A1719" s="14" t="s">
        <v>9521</v>
      </c>
    </row>
    <row r="1720" spans="1:1" x14ac:dyDescent="0.25">
      <c r="A1720" s="14" t="s">
        <v>9526</v>
      </c>
    </row>
    <row r="1721" spans="1:1" x14ac:dyDescent="0.25">
      <c r="A1721" s="59" t="s">
        <v>9531</v>
      </c>
    </row>
    <row r="1722" spans="1:1" x14ac:dyDescent="0.25">
      <c r="A1722" s="14" t="s">
        <v>9536</v>
      </c>
    </row>
    <row r="1723" spans="1:1" x14ac:dyDescent="0.25">
      <c r="A1723" s="14" t="s">
        <v>122</v>
      </c>
    </row>
    <row r="1724" spans="1:1" x14ac:dyDescent="0.25">
      <c r="A1724" s="14" t="s">
        <v>9545</v>
      </c>
    </row>
    <row r="1725" spans="1:1" x14ac:dyDescent="0.25">
      <c r="A1725" s="14" t="s">
        <v>85</v>
      </c>
    </row>
    <row r="1726" spans="1:1" x14ac:dyDescent="0.25">
      <c r="A1726" s="14" t="s">
        <v>9554</v>
      </c>
    </row>
    <row r="1727" spans="1:1" x14ac:dyDescent="0.25">
      <c r="A1727" s="14" t="s">
        <v>9559</v>
      </c>
    </row>
    <row r="1728" spans="1:1" x14ac:dyDescent="0.25">
      <c r="A1728" s="14" t="s">
        <v>9564</v>
      </c>
    </row>
    <row r="1729" spans="1:1" x14ac:dyDescent="0.25">
      <c r="A1729" s="14" t="s">
        <v>519</v>
      </c>
    </row>
    <row r="1730" spans="1:1" x14ac:dyDescent="0.25">
      <c r="A1730" s="14" t="s">
        <v>9572</v>
      </c>
    </row>
    <row r="1731" spans="1:1" x14ac:dyDescent="0.25">
      <c r="A1731" s="14" t="s">
        <v>100</v>
      </c>
    </row>
    <row r="1732" spans="1:1" x14ac:dyDescent="0.25">
      <c r="A1732" s="14" t="s">
        <v>9583</v>
      </c>
    </row>
    <row r="1733" spans="1:1" x14ac:dyDescent="0.25">
      <c r="A1733" s="14" t="s">
        <v>84</v>
      </c>
    </row>
    <row r="1734" spans="1:1" x14ac:dyDescent="0.25">
      <c r="A1734" s="14" t="s">
        <v>123</v>
      </c>
    </row>
    <row r="1735" spans="1:1" x14ac:dyDescent="0.25">
      <c r="A1735" s="14" t="s">
        <v>9596</v>
      </c>
    </row>
    <row r="1736" spans="1:1" x14ac:dyDescent="0.25">
      <c r="A1736" s="58" t="s">
        <v>94</v>
      </c>
    </row>
    <row r="1737" spans="1:1" x14ac:dyDescent="0.25">
      <c r="A1737" s="14" t="s">
        <v>124</v>
      </c>
    </row>
    <row r="1738" spans="1:1" x14ac:dyDescent="0.25">
      <c r="A1738" s="14" t="s">
        <v>9608</v>
      </c>
    </row>
    <row r="1739" spans="1:1" x14ac:dyDescent="0.25">
      <c r="A1739" s="14" t="s">
        <v>9612</v>
      </c>
    </row>
    <row r="1740" spans="1:1" x14ac:dyDescent="0.25">
      <c r="A1740" s="14" t="s">
        <v>125</v>
      </c>
    </row>
    <row r="1741" spans="1:1" x14ac:dyDescent="0.25">
      <c r="A1741" s="14" t="s">
        <v>92</v>
      </c>
    </row>
    <row r="1742" spans="1:1" x14ac:dyDescent="0.25">
      <c r="A1742" s="14" t="s">
        <v>99</v>
      </c>
    </row>
    <row r="1743" spans="1:1" x14ac:dyDescent="0.25">
      <c r="A1743" s="14" t="s">
        <v>9628</v>
      </c>
    </row>
    <row r="1744" spans="1:1" x14ac:dyDescent="0.25">
      <c r="A1744" s="14" t="s">
        <v>4373</v>
      </c>
    </row>
    <row r="1745" spans="1:1" x14ac:dyDescent="0.25">
      <c r="A1745" s="14" t="s">
        <v>9636</v>
      </c>
    </row>
    <row r="1746" spans="1:1" x14ac:dyDescent="0.25">
      <c r="A1746" s="14" t="s">
        <v>90</v>
      </c>
    </row>
    <row r="1747" spans="1:1" x14ac:dyDescent="0.25">
      <c r="A1747" s="14" t="s">
        <v>93</v>
      </c>
    </row>
    <row r="1748" spans="1:1" x14ac:dyDescent="0.25">
      <c r="A1748" s="14" t="s">
        <v>9649</v>
      </c>
    </row>
    <row r="1749" spans="1:1" x14ac:dyDescent="0.25">
      <c r="A1749" s="58" t="s">
        <v>98</v>
      </c>
    </row>
    <row r="1750" spans="1:1" x14ac:dyDescent="0.25">
      <c r="A1750" s="14" t="s">
        <v>9658</v>
      </c>
    </row>
    <row r="1751" spans="1:1" x14ac:dyDescent="0.25">
      <c r="A1751" s="14" t="s">
        <v>4977</v>
      </c>
    </row>
    <row r="1752" spans="1:1" x14ac:dyDescent="0.25">
      <c r="A1752" s="14" t="s">
        <v>517</v>
      </c>
    </row>
    <row r="1753" spans="1:1" x14ac:dyDescent="0.25">
      <c r="A1753" s="14" t="s">
        <v>97</v>
      </c>
    </row>
    <row r="1754" spans="1:1" x14ac:dyDescent="0.25">
      <c r="A1754" s="14" t="s">
        <v>9671</v>
      </c>
    </row>
    <row r="1755" spans="1:1" x14ac:dyDescent="0.25">
      <c r="A1755" s="14" t="s">
        <v>83</v>
      </c>
    </row>
    <row r="1756" spans="1:1" x14ac:dyDescent="0.25">
      <c r="A1756" s="14" t="s">
        <v>9680</v>
      </c>
    </row>
    <row r="1757" spans="1:1" x14ac:dyDescent="0.25">
      <c r="A1757" s="14" t="s">
        <v>87</v>
      </c>
    </row>
    <row r="1758" spans="1:1" x14ac:dyDescent="0.25">
      <c r="A1758" s="14" t="s">
        <v>9689</v>
      </c>
    </row>
    <row r="1759" spans="1:1" x14ac:dyDescent="0.25">
      <c r="A1759" s="14" t="s">
        <v>9694</v>
      </c>
    </row>
    <row r="1760" spans="1:1" x14ac:dyDescent="0.25">
      <c r="A1760" s="14" t="s">
        <v>9699</v>
      </c>
    </row>
    <row r="1761" spans="1:1" x14ac:dyDescent="0.25">
      <c r="A1761" s="14" t="s">
        <v>96</v>
      </c>
    </row>
    <row r="1762" spans="1:1" x14ac:dyDescent="0.25">
      <c r="A1762" s="14" t="s">
        <v>102</v>
      </c>
    </row>
    <row r="1763" spans="1:1" x14ac:dyDescent="0.25">
      <c r="A1763" s="14" t="s">
        <v>9712</v>
      </c>
    </row>
    <row r="1764" spans="1:1" x14ac:dyDescent="0.25">
      <c r="A1764" s="14" t="s">
        <v>86</v>
      </c>
    </row>
    <row r="1765" spans="1:1" x14ac:dyDescent="0.25">
      <c r="A1765" s="14" t="s">
        <v>9719</v>
      </c>
    </row>
    <row r="1766" spans="1:1" x14ac:dyDescent="0.25">
      <c r="A1766" s="14" t="s">
        <v>89</v>
      </c>
    </row>
    <row r="1767" spans="1:1" x14ac:dyDescent="0.25">
      <c r="A1767" s="14" t="s">
        <v>95</v>
      </c>
    </row>
    <row r="1768" spans="1:1" x14ac:dyDescent="0.25">
      <c r="A1768" s="14" t="s">
        <v>9731</v>
      </c>
    </row>
  </sheetData>
  <autoFilter ref="A1:C1015">
    <sortState ref="A2:C1768">
      <sortCondition sortBy="cellColor" ref="A1:A1015" dxfId="11"/>
    </sortState>
  </autoFilter>
  <phoneticPr fontId="3" type="noConversion"/>
  <conditionalFormatting sqref="A2:A1015">
    <cfRule type="duplicateValues" dxfId="4" priority="5"/>
  </conditionalFormatting>
  <conditionalFormatting sqref="C2:C754">
    <cfRule type="duplicateValues" dxfId="3" priority="3"/>
    <cfRule type="duplicateValues" dxfId="2" priority="4"/>
  </conditionalFormatting>
  <conditionalFormatting sqref="A1016:A1768">
    <cfRule type="duplicateValues" dxfId="1" priority="1"/>
    <cfRule type="duplicateValues" dxfId="0" priority="2"/>
  </conditionalFormatting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2"/>
  <dimension ref="A1:I15"/>
  <sheetViews>
    <sheetView topLeftCell="B1" workbookViewId="0">
      <selection activeCell="B8" sqref="B8"/>
    </sheetView>
  </sheetViews>
  <sheetFormatPr defaultRowHeight="15.75" x14ac:dyDescent="0.25"/>
  <cols>
    <col min="1" max="1" width="9" style="9"/>
    <col min="2" max="2" width="50.75" style="9" bestFit="1" customWidth="1"/>
    <col min="3" max="7" width="9" style="9"/>
    <col min="8" max="8" width="9" style="9" bestFit="1" customWidth="1"/>
    <col min="9" max="9" width="25" style="9" bestFit="1" customWidth="1"/>
    <col min="10" max="16384" width="9" style="9"/>
  </cols>
  <sheetData>
    <row r="1" spans="1:9" s="7" customFormat="1" x14ac:dyDescent="0.25">
      <c r="A1" s="4"/>
      <c r="B1" s="67" t="s">
        <v>17</v>
      </c>
      <c r="C1" s="67"/>
      <c r="D1" s="67"/>
      <c r="E1" s="67"/>
      <c r="F1" s="67"/>
      <c r="G1" s="67"/>
      <c r="H1" s="67"/>
      <c r="I1" s="8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4</v>
      </c>
      <c r="H2" s="11" t="s">
        <v>5</v>
      </c>
      <c r="I2" s="11" t="s">
        <v>6</v>
      </c>
    </row>
    <row r="3" spans="1:9" ht="47.25" x14ac:dyDescent="0.25">
      <c r="A3" s="4" t="s">
        <v>328</v>
      </c>
      <c r="B3" s="4" t="s">
        <v>329</v>
      </c>
      <c r="C3" s="4" t="s">
        <v>330</v>
      </c>
      <c r="D3" s="4" t="s">
        <v>331</v>
      </c>
      <c r="E3" s="4" t="s">
        <v>332</v>
      </c>
      <c r="F3" s="4" t="s">
        <v>333</v>
      </c>
      <c r="G3" s="11" t="str">
        <f>VLOOKUP(E3,'學生資料(不要打開)'!$A$2:$I$1769,4,FALSE)</f>
        <v xml:space="preserve">  28</v>
      </c>
      <c r="H3" s="4" t="s">
        <v>334</v>
      </c>
      <c r="I3" s="4" t="s">
        <v>335</v>
      </c>
    </row>
    <row r="4" spans="1:9" ht="47.25" x14ac:dyDescent="0.25">
      <c r="A4" s="4" t="s">
        <v>328</v>
      </c>
      <c r="B4" s="4" t="s">
        <v>329</v>
      </c>
      <c r="C4" s="4" t="s">
        <v>330</v>
      </c>
      <c r="D4" s="4" t="s">
        <v>331</v>
      </c>
      <c r="E4" s="4" t="s">
        <v>336</v>
      </c>
      <c r="F4" s="4" t="s">
        <v>333</v>
      </c>
      <c r="G4" s="11" t="str">
        <f>VLOOKUP(E4,'學生資料(不要打開)'!$A$2:$I$1769,4,FALSE)</f>
        <v xml:space="preserve">  4</v>
      </c>
      <c r="H4" s="4" t="s">
        <v>334</v>
      </c>
      <c r="I4" s="4" t="s">
        <v>335</v>
      </c>
    </row>
    <row r="5" spans="1:9" ht="47.25" x14ac:dyDescent="0.25">
      <c r="A5" s="4" t="s">
        <v>328</v>
      </c>
      <c r="B5" s="4" t="s">
        <v>329</v>
      </c>
      <c r="C5" s="4" t="s">
        <v>330</v>
      </c>
      <c r="D5" s="4" t="s">
        <v>331</v>
      </c>
      <c r="E5" s="4" t="s">
        <v>337</v>
      </c>
      <c r="F5" s="4" t="s">
        <v>333</v>
      </c>
      <c r="G5" s="11" t="str">
        <f>VLOOKUP(E5,'學生資料(不要打開)'!$A$2:$I$1769,4,FALSE)</f>
        <v xml:space="preserve"> 26</v>
      </c>
      <c r="H5" s="4" t="s">
        <v>334</v>
      </c>
      <c r="I5" s="4" t="s">
        <v>335</v>
      </c>
    </row>
    <row r="6" spans="1:9" ht="47.25" x14ac:dyDescent="0.25">
      <c r="A6" s="4" t="s">
        <v>328</v>
      </c>
      <c r="B6" s="4" t="s">
        <v>329</v>
      </c>
      <c r="C6" s="4" t="s">
        <v>330</v>
      </c>
      <c r="D6" s="4" t="s">
        <v>331</v>
      </c>
      <c r="E6" s="4" t="s">
        <v>338</v>
      </c>
      <c r="F6" s="4" t="s">
        <v>339</v>
      </c>
      <c r="G6" s="11" t="str">
        <f>VLOOKUP(E6,'學生資料(不要打開)'!$A$2:$I$1769,4,FALSE)</f>
        <v xml:space="preserve">  11</v>
      </c>
      <c r="H6" s="4" t="s">
        <v>334</v>
      </c>
      <c r="I6" s="4" t="s">
        <v>335</v>
      </c>
    </row>
    <row r="7" spans="1:9" ht="47.25" x14ac:dyDescent="0.25">
      <c r="A7" s="4" t="s">
        <v>328</v>
      </c>
      <c r="B7" s="4" t="s">
        <v>329</v>
      </c>
      <c r="C7" s="4" t="s">
        <v>330</v>
      </c>
      <c r="D7" s="4" t="s">
        <v>331</v>
      </c>
      <c r="E7" s="4" t="s">
        <v>340</v>
      </c>
      <c r="F7" s="4" t="s">
        <v>339</v>
      </c>
      <c r="G7" s="11" t="str">
        <f>VLOOKUP(E7,'學生資料(不要打開)'!$A$2:$I$1769,4,FALSE)</f>
        <v xml:space="preserve">  7</v>
      </c>
      <c r="H7" s="4" t="s">
        <v>334</v>
      </c>
      <c r="I7" s="4" t="s">
        <v>335</v>
      </c>
    </row>
    <row r="8" spans="1:9" ht="47.25" x14ac:dyDescent="0.25">
      <c r="A8" s="4" t="s">
        <v>328</v>
      </c>
      <c r="B8" s="4" t="s">
        <v>329</v>
      </c>
      <c r="C8" s="4" t="s">
        <v>330</v>
      </c>
      <c r="D8" s="4" t="s">
        <v>331</v>
      </c>
      <c r="E8" s="4" t="s">
        <v>341</v>
      </c>
      <c r="F8" s="4" t="s">
        <v>339</v>
      </c>
      <c r="G8" s="11" t="str">
        <f>VLOOKUP(E8,'學生資料(不要打開)'!$A$2:$I$1769,4,FALSE)</f>
        <v xml:space="preserve">  25</v>
      </c>
      <c r="H8" s="4" t="s">
        <v>334</v>
      </c>
      <c r="I8" s="4" t="s">
        <v>335</v>
      </c>
    </row>
    <row r="9" spans="1:9" ht="31.5" x14ac:dyDescent="0.25">
      <c r="A9" s="4" t="s">
        <v>828</v>
      </c>
      <c r="B9" s="4" t="s">
        <v>832</v>
      </c>
      <c r="C9" s="4" t="s">
        <v>829</v>
      </c>
      <c r="D9" s="4" t="s">
        <v>833</v>
      </c>
      <c r="E9" s="4" t="s">
        <v>834</v>
      </c>
      <c r="F9" s="4" t="s">
        <v>835</v>
      </c>
      <c r="G9" s="11" t="str">
        <f>VLOOKUP(E9,'學生資料(不要打開)'!$A$2:$I$1769,4,FALSE)</f>
        <v xml:space="preserve"> 33</v>
      </c>
      <c r="H9" s="4" t="s">
        <v>836</v>
      </c>
      <c r="I9" s="4" t="s">
        <v>837</v>
      </c>
    </row>
    <row r="10" spans="1:9" ht="31.5" x14ac:dyDescent="0.25">
      <c r="A10" s="4" t="s">
        <v>828</v>
      </c>
      <c r="B10" s="4" t="s">
        <v>832</v>
      </c>
      <c r="C10" s="4" t="s">
        <v>829</v>
      </c>
      <c r="D10" s="4" t="s">
        <v>838</v>
      </c>
      <c r="E10" s="4" t="s">
        <v>839</v>
      </c>
      <c r="F10" s="4" t="s">
        <v>840</v>
      </c>
      <c r="G10" s="11" t="str">
        <f>VLOOKUP(E10,'學生資料(不要打開)'!$A$2:$I$1769,4,FALSE)</f>
        <v xml:space="preserve"> 31</v>
      </c>
      <c r="H10" s="4" t="s">
        <v>836</v>
      </c>
      <c r="I10" s="4" t="s">
        <v>837</v>
      </c>
    </row>
    <row r="11" spans="1:9" ht="31.5" x14ac:dyDescent="0.25">
      <c r="A11" s="4" t="s">
        <v>1114</v>
      </c>
      <c r="B11" s="4" t="s">
        <v>1120</v>
      </c>
      <c r="C11" s="4" t="s">
        <v>1105</v>
      </c>
      <c r="D11" s="4" t="s">
        <v>1115</v>
      </c>
      <c r="E11" s="4" t="s">
        <v>1116</v>
      </c>
      <c r="F11" s="4" t="s">
        <v>1117</v>
      </c>
      <c r="G11" s="11" t="str">
        <f>VLOOKUP(E11,'學生資料(不要打開)'!$A$2:$I$1769,4,FALSE)</f>
        <v xml:space="preserve">  11</v>
      </c>
      <c r="H11" s="4" t="s">
        <v>1118</v>
      </c>
      <c r="I11" s="4" t="s">
        <v>1119</v>
      </c>
    </row>
    <row r="12" spans="1:9" ht="47.25" x14ac:dyDescent="0.25">
      <c r="A12" s="4" t="s">
        <v>1238</v>
      </c>
      <c r="B12" s="4" t="s">
        <v>1239</v>
      </c>
      <c r="C12" s="4" t="s">
        <v>1240</v>
      </c>
      <c r="D12" s="4" t="s">
        <v>1241</v>
      </c>
      <c r="E12" s="4" t="s">
        <v>1242</v>
      </c>
      <c r="F12" s="4" t="s">
        <v>1243</v>
      </c>
      <c r="G12" s="11" t="str">
        <f>VLOOKUP(E12,'學生資料(不要打開)'!$A$2:$I$1769,4,FALSE)</f>
        <v xml:space="preserve">  4</v>
      </c>
      <c r="H12" s="4" t="s">
        <v>1244</v>
      </c>
      <c r="I12" s="4" t="s">
        <v>1245</v>
      </c>
    </row>
    <row r="13" spans="1:9" ht="47.25" x14ac:dyDescent="0.25">
      <c r="A13" s="4" t="s">
        <v>1246</v>
      </c>
      <c r="B13" s="4" t="s">
        <v>1247</v>
      </c>
      <c r="C13" s="4" t="s">
        <v>1248</v>
      </c>
      <c r="D13" s="4" t="s">
        <v>1249</v>
      </c>
      <c r="E13" s="4" t="s">
        <v>1250</v>
      </c>
      <c r="F13" s="4" t="s">
        <v>1251</v>
      </c>
      <c r="G13" s="11" t="str">
        <f>VLOOKUP(E13,'學生資料(不要打開)'!$A$2:$I$1769,4,FALSE)</f>
        <v xml:space="preserve"> 11</v>
      </c>
      <c r="H13" s="4" t="s">
        <v>1244</v>
      </c>
      <c r="I13" s="4" t="s">
        <v>1245</v>
      </c>
    </row>
    <row r="14" spans="1:9" ht="47.25" x14ac:dyDescent="0.25">
      <c r="A14" s="4" t="s">
        <v>1246</v>
      </c>
      <c r="B14" s="4" t="s">
        <v>1247</v>
      </c>
      <c r="C14" s="4" t="s">
        <v>1248</v>
      </c>
      <c r="D14" s="4" t="s">
        <v>1249</v>
      </c>
      <c r="E14" s="4" t="s">
        <v>1252</v>
      </c>
      <c r="F14" s="4" t="s">
        <v>1251</v>
      </c>
      <c r="G14" s="11" t="str">
        <f>VLOOKUP(E14,'學生資料(不要打開)'!$A$2:$I$1769,4,FALSE)</f>
        <v xml:space="preserve"> 17</v>
      </c>
      <c r="H14" s="4" t="s">
        <v>1244</v>
      </c>
      <c r="I14" s="4" t="s">
        <v>1245</v>
      </c>
    </row>
    <row r="15" spans="1:9" ht="47.25" x14ac:dyDescent="0.25">
      <c r="A15" s="4" t="s">
        <v>1246</v>
      </c>
      <c r="B15" s="4" t="s">
        <v>1247</v>
      </c>
      <c r="C15" s="4" t="s">
        <v>1248</v>
      </c>
      <c r="D15" s="4" t="s">
        <v>1249</v>
      </c>
      <c r="E15" s="4" t="s">
        <v>1253</v>
      </c>
      <c r="F15" s="4" t="s">
        <v>1254</v>
      </c>
      <c r="G15" s="11" t="str">
        <f>VLOOKUP(E15,'學生資料(不要打開)'!$A$2:$I$1769,4,FALSE)</f>
        <v xml:space="preserve"> 18</v>
      </c>
      <c r="H15" s="4" t="s">
        <v>1244</v>
      </c>
      <c r="I15" s="4" t="s">
        <v>1245</v>
      </c>
    </row>
  </sheetData>
  <mergeCells count="1">
    <mergeCell ref="B1:H1"/>
  </mergeCells>
  <phoneticPr fontId="3" type="noConversion"/>
  <pageMargins left="0.7" right="0.7" top="0.75" bottom="0.75" header="0.3" footer="0.3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3"/>
  <dimension ref="A1:I46"/>
  <sheetViews>
    <sheetView topLeftCell="A4" zoomScale="90" zoomScaleNormal="90" workbookViewId="0">
      <selection activeCell="A3" sqref="A3:I3"/>
    </sheetView>
  </sheetViews>
  <sheetFormatPr defaultRowHeight="15.75" x14ac:dyDescent="0.25"/>
  <cols>
    <col min="1" max="1" width="5.5" style="23" customWidth="1"/>
    <col min="2" max="2" width="34.375" style="29" bestFit="1" customWidth="1"/>
    <col min="3" max="3" width="31.5" style="29" bestFit="1" customWidth="1"/>
    <col min="4" max="4" width="7.125" style="29" customWidth="1"/>
    <col min="5" max="5" width="9" style="29"/>
    <col min="6" max="7" width="5.25" style="29" customWidth="1"/>
    <col min="8" max="8" width="9" style="29"/>
    <col min="9" max="9" width="33.875" style="29" customWidth="1"/>
    <col min="10" max="16384" width="9" style="29"/>
  </cols>
  <sheetData>
    <row r="1" spans="1:9" s="7" customFormat="1" x14ac:dyDescent="0.25">
      <c r="A1" s="4"/>
      <c r="B1" s="67" t="s">
        <v>8</v>
      </c>
      <c r="C1" s="67"/>
      <c r="D1" s="67"/>
      <c r="E1" s="67"/>
      <c r="F1" s="67"/>
      <c r="G1" s="67"/>
      <c r="H1" s="67"/>
      <c r="I1" s="67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7" customFormat="1" ht="31.5" x14ac:dyDescent="0.25">
      <c r="A3" s="4" t="s">
        <v>9771</v>
      </c>
      <c r="B3" s="4" t="s">
        <v>9772</v>
      </c>
      <c r="C3" s="4" t="s">
        <v>9778</v>
      </c>
      <c r="D3" s="4" t="s">
        <v>9759</v>
      </c>
      <c r="E3" s="4" t="s">
        <v>9779</v>
      </c>
      <c r="F3" s="4" t="s">
        <v>9780</v>
      </c>
      <c r="G3" s="4">
        <v>14</v>
      </c>
      <c r="H3" s="4" t="s">
        <v>9776</v>
      </c>
      <c r="I3" s="4" t="s">
        <v>9777</v>
      </c>
    </row>
    <row r="4" spans="1:9" s="7" customFormat="1" ht="31.5" x14ac:dyDescent="0.25">
      <c r="A4" s="4" t="s">
        <v>9771</v>
      </c>
      <c r="B4" s="4" t="s">
        <v>9772</v>
      </c>
      <c r="C4" s="4" t="s">
        <v>9788</v>
      </c>
      <c r="D4" s="4" t="s">
        <v>9759</v>
      </c>
      <c r="E4" s="4" t="s">
        <v>9789</v>
      </c>
      <c r="F4" s="4" t="s">
        <v>9790</v>
      </c>
      <c r="G4" s="4">
        <v>9</v>
      </c>
      <c r="H4" s="4" t="s">
        <v>9776</v>
      </c>
      <c r="I4" s="4" t="s">
        <v>9777</v>
      </c>
    </row>
    <row r="5" spans="1:9" s="7" customFormat="1" ht="31.5" x14ac:dyDescent="0.25">
      <c r="A5" s="4" t="s">
        <v>9771</v>
      </c>
      <c r="B5" s="4" t="s">
        <v>9772</v>
      </c>
      <c r="C5" s="4" t="s">
        <v>9805</v>
      </c>
      <c r="D5" s="4" t="s">
        <v>9759</v>
      </c>
      <c r="E5" s="4" t="s">
        <v>9789</v>
      </c>
      <c r="F5" s="4" t="s">
        <v>9790</v>
      </c>
      <c r="G5" s="4">
        <v>9</v>
      </c>
      <c r="H5" s="4" t="s">
        <v>9776</v>
      </c>
      <c r="I5" s="4" t="s">
        <v>9777</v>
      </c>
    </row>
    <row r="6" spans="1:9" s="7" customFormat="1" ht="31.5" x14ac:dyDescent="0.25">
      <c r="A6" s="4" t="s">
        <v>9771</v>
      </c>
      <c r="B6" s="4" t="s">
        <v>9772</v>
      </c>
      <c r="C6" s="4" t="s">
        <v>9795</v>
      </c>
      <c r="D6" s="4" t="s">
        <v>9759</v>
      </c>
      <c r="E6" s="4" t="s">
        <v>9796</v>
      </c>
      <c r="F6" s="4" t="s">
        <v>9790</v>
      </c>
      <c r="G6" s="4">
        <v>18</v>
      </c>
      <c r="H6" s="4" t="s">
        <v>9776</v>
      </c>
      <c r="I6" s="4" t="s">
        <v>9777</v>
      </c>
    </row>
    <row r="7" spans="1:9" s="7" customFormat="1" ht="31.5" x14ac:dyDescent="0.25">
      <c r="A7" s="4" t="s">
        <v>9771</v>
      </c>
      <c r="B7" s="4" t="s">
        <v>9772</v>
      </c>
      <c r="C7" s="4" t="s">
        <v>9806</v>
      </c>
      <c r="D7" s="4" t="s">
        <v>9759</v>
      </c>
      <c r="E7" s="4" t="s">
        <v>9796</v>
      </c>
      <c r="F7" s="4" t="s">
        <v>9790</v>
      </c>
      <c r="G7" s="4">
        <v>18</v>
      </c>
      <c r="H7" s="4" t="s">
        <v>9776</v>
      </c>
      <c r="I7" s="4" t="s">
        <v>9777</v>
      </c>
    </row>
    <row r="8" spans="1:9" s="7" customFormat="1" ht="31.5" x14ac:dyDescent="0.25">
      <c r="A8" s="4" t="s">
        <v>9771</v>
      </c>
      <c r="B8" s="4" t="s">
        <v>9772</v>
      </c>
      <c r="C8" s="4" t="s">
        <v>9801</v>
      </c>
      <c r="D8" s="4" t="s">
        <v>9792</v>
      </c>
      <c r="E8" s="4" t="s">
        <v>9779</v>
      </c>
      <c r="F8" s="4" t="s">
        <v>9780</v>
      </c>
      <c r="G8" s="4">
        <v>14</v>
      </c>
      <c r="H8" s="4" t="s">
        <v>9776</v>
      </c>
      <c r="I8" s="4" t="s">
        <v>9777</v>
      </c>
    </row>
    <row r="9" spans="1:9" s="7" customFormat="1" ht="31.5" x14ac:dyDescent="0.25">
      <c r="A9" s="4" t="s">
        <v>9771</v>
      </c>
      <c r="B9" s="4" t="s">
        <v>9772</v>
      </c>
      <c r="C9" s="4" t="s">
        <v>9804</v>
      </c>
      <c r="D9" s="4" t="s">
        <v>9792</v>
      </c>
      <c r="E9" s="4" t="s">
        <v>9786</v>
      </c>
      <c r="F9" s="4" t="s">
        <v>9787</v>
      </c>
      <c r="G9" s="4">
        <v>10</v>
      </c>
      <c r="H9" s="4" t="s">
        <v>9776</v>
      </c>
      <c r="I9" s="4" t="s">
        <v>9777</v>
      </c>
    </row>
    <row r="10" spans="1:9" s="7" customFormat="1" ht="31.5" x14ac:dyDescent="0.25">
      <c r="A10" s="4" t="s">
        <v>9771</v>
      </c>
      <c r="B10" s="4" t="s">
        <v>9772</v>
      </c>
      <c r="C10" s="4" t="s">
        <v>9791</v>
      </c>
      <c r="D10" s="4" t="s">
        <v>9792</v>
      </c>
      <c r="E10" s="4" t="s">
        <v>9793</v>
      </c>
      <c r="F10" s="4" t="s">
        <v>9794</v>
      </c>
      <c r="G10" s="4">
        <v>5</v>
      </c>
      <c r="H10" s="4" t="s">
        <v>9776</v>
      </c>
      <c r="I10" s="4" t="s">
        <v>9777</v>
      </c>
    </row>
    <row r="11" spans="1:9" s="7" customFormat="1" ht="31.5" x14ac:dyDescent="0.25">
      <c r="A11" s="4" t="s">
        <v>9771</v>
      </c>
      <c r="B11" s="4" t="s">
        <v>9772</v>
      </c>
      <c r="C11" s="4" t="s">
        <v>9773</v>
      </c>
      <c r="D11" s="4" t="s">
        <v>9758</v>
      </c>
      <c r="E11" s="4" t="s">
        <v>9774</v>
      </c>
      <c r="F11" s="4" t="s">
        <v>9775</v>
      </c>
      <c r="G11" s="4">
        <v>12</v>
      </c>
      <c r="H11" s="4" t="s">
        <v>9776</v>
      </c>
      <c r="I11" s="4" t="s">
        <v>9777</v>
      </c>
    </row>
    <row r="12" spans="1:9" s="7" customFormat="1" ht="31.5" x14ac:dyDescent="0.25">
      <c r="A12" s="4" t="s">
        <v>9771</v>
      </c>
      <c r="B12" s="4" t="s">
        <v>9772</v>
      </c>
      <c r="C12" s="4" t="s">
        <v>9797</v>
      </c>
      <c r="D12" s="4" t="s">
        <v>9758</v>
      </c>
      <c r="E12" s="4" t="s">
        <v>9798</v>
      </c>
      <c r="F12" s="4" t="s">
        <v>9799</v>
      </c>
      <c r="G12" s="4">
        <v>23</v>
      </c>
      <c r="H12" s="4" t="s">
        <v>9776</v>
      </c>
      <c r="I12" s="4" t="s">
        <v>9777</v>
      </c>
    </row>
    <row r="13" spans="1:9" s="7" customFormat="1" ht="31.5" x14ac:dyDescent="0.25">
      <c r="A13" s="4" t="s">
        <v>9771</v>
      </c>
      <c r="B13" s="4" t="s">
        <v>9772</v>
      </c>
      <c r="C13" s="4" t="s">
        <v>9800</v>
      </c>
      <c r="D13" s="4" t="s">
        <v>9782</v>
      </c>
      <c r="E13" s="4" t="s">
        <v>9774</v>
      </c>
      <c r="F13" s="4" t="s">
        <v>9775</v>
      </c>
      <c r="G13" s="4">
        <v>12</v>
      </c>
      <c r="H13" s="4" t="s">
        <v>9776</v>
      </c>
      <c r="I13" s="4" t="s">
        <v>9777</v>
      </c>
    </row>
    <row r="14" spans="1:9" s="7" customFormat="1" ht="31.5" x14ac:dyDescent="0.25">
      <c r="A14" s="46" t="s">
        <v>9771</v>
      </c>
      <c r="B14" s="46" t="s">
        <v>9772</v>
      </c>
      <c r="C14" s="46" t="s">
        <v>9802</v>
      </c>
      <c r="D14" s="46" t="s">
        <v>9782</v>
      </c>
      <c r="E14" s="46" t="s">
        <v>9803</v>
      </c>
      <c r="F14" s="46" t="s">
        <v>9775</v>
      </c>
      <c r="G14" s="4">
        <v>15</v>
      </c>
      <c r="H14" s="46" t="s">
        <v>9776</v>
      </c>
      <c r="I14" s="46" t="s">
        <v>9777</v>
      </c>
    </row>
    <row r="15" spans="1:9" ht="31.5" x14ac:dyDescent="0.25">
      <c r="A15" s="4" t="s">
        <v>9771</v>
      </c>
      <c r="B15" s="4" t="s">
        <v>9772</v>
      </c>
      <c r="C15" s="4" t="s">
        <v>9781</v>
      </c>
      <c r="D15" s="4" t="s">
        <v>9782</v>
      </c>
      <c r="E15" s="4" t="s">
        <v>9783</v>
      </c>
      <c r="F15" s="4" t="s">
        <v>9784</v>
      </c>
      <c r="G15" s="4">
        <v>17</v>
      </c>
      <c r="H15" s="4" t="s">
        <v>9776</v>
      </c>
      <c r="I15" s="4" t="s">
        <v>9777</v>
      </c>
    </row>
    <row r="16" spans="1:9" ht="31.5" x14ac:dyDescent="0.25">
      <c r="A16" s="4" t="s">
        <v>9771</v>
      </c>
      <c r="B16" s="4" t="s">
        <v>9772</v>
      </c>
      <c r="C16" s="4" t="s">
        <v>9785</v>
      </c>
      <c r="D16" s="4" t="s">
        <v>9782</v>
      </c>
      <c r="E16" s="4" t="s">
        <v>9786</v>
      </c>
      <c r="F16" s="4" t="s">
        <v>9787</v>
      </c>
      <c r="G16" s="4">
        <v>10</v>
      </c>
      <c r="H16" s="4" t="s">
        <v>9776</v>
      </c>
      <c r="I16" s="4" t="s">
        <v>9777</v>
      </c>
    </row>
    <row r="17" spans="1:9" ht="31.5" x14ac:dyDescent="0.25">
      <c r="A17" s="4" t="s">
        <v>1091</v>
      </c>
      <c r="B17" s="4" t="s">
        <v>1092</v>
      </c>
      <c r="C17" s="4" t="s">
        <v>1093</v>
      </c>
      <c r="D17" s="4" t="s">
        <v>1094</v>
      </c>
      <c r="E17" s="4" t="s">
        <v>1095</v>
      </c>
      <c r="F17" s="4" t="s">
        <v>1096</v>
      </c>
      <c r="G17" s="11" t="str">
        <f>VLOOKUP(E17,'學生資料(不要打開)'!$A$2:$I$1769,4,FALSE)</f>
        <v xml:space="preserve"> 29</v>
      </c>
      <c r="H17" s="4" t="s">
        <v>1097</v>
      </c>
      <c r="I17" s="4" t="s">
        <v>1098</v>
      </c>
    </row>
    <row r="18" spans="1:9" ht="31.5" x14ac:dyDescent="0.25">
      <c r="A18" s="4" t="s">
        <v>109</v>
      </c>
      <c r="B18" s="4" t="s">
        <v>9744</v>
      </c>
      <c r="C18" s="4" t="s">
        <v>9745</v>
      </c>
      <c r="D18" s="4" t="s">
        <v>369</v>
      </c>
      <c r="E18" s="4" t="s">
        <v>741</v>
      </c>
      <c r="F18" s="4" t="s">
        <v>543</v>
      </c>
      <c r="G18" s="11" t="str">
        <f>VLOOKUP(E18,'學生資料(不要打開)'!$A$2:$I$1769,4,FALSE)</f>
        <v xml:space="preserve"> 29</v>
      </c>
      <c r="H18" s="4" t="s">
        <v>65</v>
      </c>
      <c r="I18" s="4" t="s">
        <v>749</v>
      </c>
    </row>
    <row r="19" spans="1:9" x14ac:dyDescent="0.25">
      <c r="A19" s="4" t="s">
        <v>109</v>
      </c>
      <c r="B19" s="4" t="s">
        <v>788</v>
      </c>
      <c r="C19" s="4" t="s">
        <v>794</v>
      </c>
      <c r="D19" s="4" t="s">
        <v>791</v>
      </c>
      <c r="E19" s="21" t="s">
        <v>792</v>
      </c>
      <c r="F19" s="4" t="s">
        <v>793</v>
      </c>
      <c r="G19" s="11" t="str">
        <f>VLOOKUP(E19,'學生資料(不要打開)'!$A$2:$I$1769,4,FALSE)</f>
        <v xml:space="preserve"> 24</v>
      </c>
      <c r="H19" s="4" t="s">
        <v>780</v>
      </c>
      <c r="I19" s="4" t="s">
        <v>790</v>
      </c>
    </row>
    <row r="20" spans="1:9" x14ac:dyDescent="0.25">
      <c r="A20" s="4" t="s">
        <v>109</v>
      </c>
      <c r="B20" s="4" t="s">
        <v>788</v>
      </c>
      <c r="C20" s="4" t="s">
        <v>795</v>
      </c>
      <c r="D20" s="4" t="s">
        <v>369</v>
      </c>
      <c r="E20" s="4" t="s">
        <v>787</v>
      </c>
      <c r="F20" s="4" t="s">
        <v>789</v>
      </c>
      <c r="G20" s="11" t="str">
        <f>VLOOKUP(E20,'學生資料(不要打開)'!$A$2:$I$1769,4,FALSE)</f>
        <v xml:space="preserve">  9</v>
      </c>
      <c r="H20" s="4" t="s">
        <v>780</v>
      </c>
      <c r="I20" s="4" t="s">
        <v>790</v>
      </c>
    </row>
    <row r="21" spans="1:9" x14ac:dyDescent="0.25">
      <c r="A21" s="4" t="s">
        <v>378</v>
      </c>
      <c r="B21" s="11" t="s">
        <v>367</v>
      </c>
      <c r="C21" s="11" t="s">
        <v>373</v>
      </c>
      <c r="D21" s="11" t="s">
        <v>374</v>
      </c>
      <c r="E21" s="11" t="s">
        <v>377</v>
      </c>
      <c r="F21" s="11" t="s">
        <v>385</v>
      </c>
      <c r="G21" s="11" t="str">
        <f>VLOOKUP(E21,'學生資料(不要打開)'!$A$2:$I$1769,4,FALSE)</f>
        <v xml:space="preserve"> 18</v>
      </c>
      <c r="H21" s="4" t="s">
        <v>387</v>
      </c>
      <c r="I21" s="4" t="s">
        <v>388</v>
      </c>
    </row>
    <row r="22" spans="1:9" x14ac:dyDescent="0.25">
      <c r="A22" s="4" t="s">
        <v>378</v>
      </c>
      <c r="B22" s="11" t="s">
        <v>367</v>
      </c>
      <c r="C22" s="11" t="s">
        <v>375</v>
      </c>
      <c r="D22" s="11" t="s">
        <v>374</v>
      </c>
      <c r="E22" s="11" t="s">
        <v>981</v>
      </c>
      <c r="F22" s="11" t="s">
        <v>385</v>
      </c>
      <c r="G22" s="11" t="str">
        <f>VLOOKUP(E22,'學生資料(不要打開)'!$A$2:$I$1769,4,FALSE)</f>
        <v xml:space="preserve"> 18</v>
      </c>
      <c r="H22" s="4" t="s">
        <v>387</v>
      </c>
      <c r="I22" s="4" t="s">
        <v>388</v>
      </c>
    </row>
    <row r="23" spans="1:9" x14ac:dyDescent="0.25">
      <c r="A23" s="4" t="s">
        <v>378</v>
      </c>
      <c r="B23" s="11" t="s">
        <v>383</v>
      </c>
      <c r="C23" s="11" t="s">
        <v>376</v>
      </c>
      <c r="D23" s="11" t="s">
        <v>374</v>
      </c>
      <c r="E23" s="11" t="s">
        <v>377</v>
      </c>
      <c r="F23" s="11" t="s">
        <v>385</v>
      </c>
      <c r="G23" s="11" t="str">
        <f>VLOOKUP(E23,'學生資料(不要打開)'!$A$2:$I$1769,4,FALSE)</f>
        <v xml:space="preserve"> 18</v>
      </c>
      <c r="H23" s="4" t="s">
        <v>387</v>
      </c>
      <c r="I23" s="4" t="s">
        <v>388</v>
      </c>
    </row>
    <row r="24" spans="1:9" x14ac:dyDescent="0.25">
      <c r="A24" s="4" t="s">
        <v>378</v>
      </c>
      <c r="B24" s="11" t="s">
        <v>383</v>
      </c>
      <c r="C24" s="11" t="s">
        <v>380</v>
      </c>
      <c r="D24" s="11" t="s">
        <v>369</v>
      </c>
      <c r="E24" s="11" t="s">
        <v>982</v>
      </c>
      <c r="F24" s="11" t="s">
        <v>386</v>
      </c>
      <c r="G24" s="11" t="str">
        <f>VLOOKUP(E24,'學生資料(不要打開)'!$A$2:$I$1769,4,FALSE)</f>
        <v xml:space="preserve">  6</v>
      </c>
      <c r="H24" s="4" t="s">
        <v>387</v>
      </c>
      <c r="I24" s="4" t="s">
        <v>388</v>
      </c>
    </row>
    <row r="25" spans="1:9" x14ac:dyDescent="0.25">
      <c r="A25" s="4" t="s">
        <v>378</v>
      </c>
      <c r="B25" s="11" t="s">
        <v>367</v>
      </c>
      <c r="C25" s="11" t="s">
        <v>368</v>
      </c>
      <c r="D25" s="11" t="s">
        <v>369</v>
      </c>
      <c r="E25" s="11" t="s">
        <v>370</v>
      </c>
      <c r="F25" s="11" t="s">
        <v>384</v>
      </c>
      <c r="G25" s="11" t="str">
        <f>VLOOKUP(E25,'學生資料(不要打開)'!$A$2:$I$1769,4,FALSE)</f>
        <v xml:space="preserve"> 16</v>
      </c>
      <c r="H25" s="4" t="s">
        <v>387</v>
      </c>
      <c r="I25" s="4" t="s">
        <v>388</v>
      </c>
    </row>
    <row r="26" spans="1:9" x14ac:dyDescent="0.25">
      <c r="A26" s="4" t="s">
        <v>378</v>
      </c>
      <c r="B26" s="11" t="s">
        <v>383</v>
      </c>
      <c r="C26" s="11" t="s">
        <v>379</v>
      </c>
      <c r="D26" s="11" t="s">
        <v>372</v>
      </c>
      <c r="E26" s="11" t="s">
        <v>382</v>
      </c>
      <c r="F26" s="11" t="s">
        <v>386</v>
      </c>
      <c r="G26" s="11" t="str">
        <f>VLOOKUP(E26,'學生資料(不要打開)'!$A$2:$I$1769,4,FALSE)</f>
        <v xml:space="preserve">  6</v>
      </c>
      <c r="H26" s="4" t="s">
        <v>387</v>
      </c>
      <c r="I26" s="4" t="s">
        <v>388</v>
      </c>
    </row>
    <row r="27" spans="1:9" x14ac:dyDescent="0.25">
      <c r="A27" s="4" t="s">
        <v>378</v>
      </c>
      <c r="B27" s="11" t="s">
        <v>383</v>
      </c>
      <c r="C27" s="11" t="s">
        <v>381</v>
      </c>
      <c r="D27" s="11" t="s">
        <v>372</v>
      </c>
      <c r="E27" s="11" t="s">
        <v>382</v>
      </c>
      <c r="F27" s="11" t="s">
        <v>386</v>
      </c>
      <c r="G27" s="11" t="str">
        <f>VLOOKUP(E27,'學生資料(不要打開)'!$A$2:$I$1769,4,FALSE)</f>
        <v xml:space="preserve">  6</v>
      </c>
      <c r="H27" s="4" t="s">
        <v>387</v>
      </c>
      <c r="I27" s="4" t="s">
        <v>388</v>
      </c>
    </row>
    <row r="28" spans="1:9" x14ac:dyDescent="0.25">
      <c r="A28" s="4" t="s">
        <v>378</v>
      </c>
      <c r="B28" s="11" t="s">
        <v>367</v>
      </c>
      <c r="C28" s="11" t="s">
        <v>368</v>
      </c>
      <c r="D28" s="11" t="s">
        <v>372</v>
      </c>
      <c r="E28" s="11" t="s">
        <v>371</v>
      </c>
      <c r="F28" s="11" t="s">
        <v>385</v>
      </c>
      <c r="G28" s="11" t="str">
        <f>VLOOKUP(E28,'學生資料(不要打開)'!$A$2:$I$1769,4,FALSE)</f>
        <v xml:space="preserve"> 28</v>
      </c>
      <c r="H28" s="4" t="s">
        <v>387</v>
      </c>
      <c r="I28" s="4" t="s">
        <v>388</v>
      </c>
    </row>
    <row r="29" spans="1:9" x14ac:dyDescent="0.25">
      <c r="A29" s="4" t="s">
        <v>1083</v>
      </c>
      <c r="B29" s="11" t="s">
        <v>1084</v>
      </c>
      <c r="C29" s="11" t="s">
        <v>1081</v>
      </c>
      <c r="D29" s="11" t="s">
        <v>1082</v>
      </c>
      <c r="E29" s="11" t="s">
        <v>1085</v>
      </c>
      <c r="F29" s="11" t="s">
        <v>1086</v>
      </c>
      <c r="G29" s="11" t="str">
        <f>VLOOKUP(E29,'學生資料(不要打開)'!$A$2:$I$1769,4,FALSE)</f>
        <v xml:space="preserve"> 10</v>
      </c>
      <c r="H29" s="4" t="s">
        <v>1087</v>
      </c>
      <c r="I29" s="4" t="s">
        <v>388</v>
      </c>
    </row>
    <row r="30" spans="1:9" x14ac:dyDescent="0.25">
      <c r="A30" s="4" t="s">
        <v>538</v>
      </c>
      <c r="B30" s="11" t="s">
        <v>539</v>
      </c>
      <c r="C30" s="11" t="s">
        <v>9743</v>
      </c>
      <c r="D30" s="11" t="s">
        <v>372</v>
      </c>
      <c r="E30" s="11" t="s">
        <v>407</v>
      </c>
      <c r="F30" s="11" t="s">
        <v>540</v>
      </c>
      <c r="G30" s="11" t="str">
        <f>VLOOKUP(E30,'學生資料(不要打開)'!$A$2:$I$1769,4,FALSE)</f>
        <v xml:space="preserve"> 21</v>
      </c>
      <c r="H30" s="4" t="s">
        <v>408</v>
      </c>
      <c r="I30" s="4" t="s">
        <v>388</v>
      </c>
    </row>
    <row r="31" spans="1:9" x14ac:dyDescent="0.25">
      <c r="A31" s="4" t="s">
        <v>541</v>
      </c>
      <c r="B31" s="11" t="s">
        <v>542</v>
      </c>
      <c r="C31" s="11" t="s">
        <v>536</v>
      </c>
      <c r="D31" s="11" t="s">
        <v>369</v>
      </c>
      <c r="E31" s="11" t="s">
        <v>537</v>
      </c>
      <c r="F31" s="11" t="s">
        <v>543</v>
      </c>
      <c r="G31" s="11" t="str">
        <f>VLOOKUP(E31,'學生資料(不要打開)'!$A$2:$I$1769,4,FALSE)</f>
        <v xml:space="preserve"> 27</v>
      </c>
      <c r="H31" s="4" t="s">
        <v>485</v>
      </c>
      <c r="I31" s="4" t="s">
        <v>388</v>
      </c>
    </row>
    <row r="32" spans="1:9" x14ac:dyDescent="0.25">
      <c r="A32" s="4" t="s">
        <v>109</v>
      </c>
      <c r="B32" s="32" t="s">
        <v>1049</v>
      </c>
      <c r="C32" s="21" t="s">
        <v>1054</v>
      </c>
      <c r="D32" s="4" t="s">
        <v>1051</v>
      </c>
      <c r="E32" s="21" t="s">
        <v>1052</v>
      </c>
      <c r="F32" s="21" t="s">
        <v>1053</v>
      </c>
      <c r="G32" s="11" t="str">
        <f>VLOOKUP(E32,'學生資料(不要打開)'!$A$2:$I$1769,4,FALSE)</f>
        <v xml:space="preserve"> 10</v>
      </c>
      <c r="H32" s="42" t="s">
        <v>1050</v>
      </c>
      <c r="I32" s="4" t="s">
        <v>639</v>
      </c>
    </row>
    <row r="33" spans="1:9" ht="31.5" x14ac:dyDescent="0.25">
      <c r="A33" s="4" t="s">
        <v>541</v>
      </c>
      <c r="B33" s="11" t="s">
        <v>544</v>
      </c>
      <c r="C33" s="11" t="s">
        <v>9746</v>
      </c>
      <c r="D33" s="11" t="s">
        <v>369</v>
      </c>
      <c r="E33" s="11" t="s">
        <v>545</v>
      </c>
      <c r="F33" s="11" t="s">
        <v>546</v>
      </c>
      <c r="G33" s="11" t="str">
        <f>VLOOKUP(E33,'學生資料(不要打開)'!$A$2:$I$1769,4,FALSE)</f>
        <v xml:space="preserve"> 12</v>
      </c>
      <c r="H33" s="4" t="s">
        <v>547</v>
      </c>
      <c r="I33" s="4" t="s">
        <v>388</v>
      </c>
    </row>
    <row r="34" spans="1:9" x14ac:dyDescent="0.25">
      <c r="C34" s="50"/>
      <c r="D34" s="51"/>
      <c r="E34" s="50"/>
      <c r="F34" s="50"/>
      <c r="G34" s="50"/>
    </row>
    <row r="35" spans="1:9" x14ac:dyDescent="0.25">
      <c r="C35" s="50"/>
      <c r="D35" s="50"/>
      <c r="E35" s="50"/>
      <c r="F35" s="50"/>
      <c r="G35" s="50"/>
    </row>
    <row r="36" spans="1:9" x14ac:dyDescent="0.25">
      <c r="C36" s="50"/>
      <c r="D36" s="51"/>
      <c r="E36" s="51"/>
      <c r="F36" s="50"/>
      <c r="G36" s="50"/>
    </row>
    <row r="37" spans="1:9" x14ac:dyDescent="0.25">
      <c r="C37" s="50"/>
      <c r="D37" s="50"/>
      <c r="E37" s="51"/>
      <c r="F37" s="50"/>
      <c r="G37" s="50"/>
    </row>
    <row r="38" spans="1:9" x14ac:dyDescent="0.25">
      <c r="C38" s="50"/>
      <c r="D38" s="51"/>
      <c r="E38" s="51"/>
      <c r="F38" s="50"/>
      <c r="G38" s="50"/>
    </row>
    <row r="39" spans="1:9" x14ac:dyDescent="0.25">
      <c r="D39" s="51"/>
      <c r="E39" s="51"/>
      <c r="F39" s="50"/>
      <c r="G39" s="50"/>
    </row>
    <row r="40" spans="1:9" x14ac:dyDescent="0.25">
      <c r="C40" s="51"/>
      <c r="D40" s="51"/>
      <c r="E40" s="51"/>
      <c r="F40" s="50"/>
      <c r="G40" s="50"/>
    </row>
    <row r="41" spans="1:9" x14ac:dyDescent="0.25">
      <c r="C41" s="51"/>
      <c r="D41" s="51"/>
    </row>
    <row r="42" spans="1:9" x14ac:dyDescent="0.25">
      <c r="B42" s="23"/>
      <c r="D42" s="51"/>
      <c r="E42" s="51"/>
      <c r="F42" s="51"/>
      <c r="G42" s="51"/>
    </row>
    <row r="43" spans="1:9" x14ac:dyDescent="0.25">
      <c r="B43" s="23"/>
      <c r="D43" s="51"/>
      <c r="E43" s="51"/>
      <c r="F43" s="51"/>
      <c r="G43" s="51"/>
    </row>
    <row r="46" spans="1:9" x14ac:dyDescent="0.25">
      <c r="D46" s="51"/>
    </row>
  </sheetData>
  <mergeCells count="1">
    <mergeCell ref="B1:I1"/>
  </mergeCells>
  <phoneticPr fontId="3" type="noConversion"/>
  <conditionalFormatting sqref="E16">
    <cfRule type="duplicateValues" dxfId="10" priority="1"/>
  </conditionalFormatting>
  <pageMargins left="0.7" right="0.7" top="0.75" bottom="0.75" header="0.3" footer="0.3"/>
  <pageSetup paperSize="9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5"/>
  <dimension ref="A1:I5"/>
  <sheetViews>
    <sheetView workbookViewId="0">
      <selection activeCell="C24" sqref="C24"/>
    </sheetView>
  </sheetViews>
  <sheetFormatPr defaultRowHeight="15.75" x14ac:dyDescent="0.25"/>
  <cols>
    <col min="1" max="1" width="9" style="9"/>
    <col min="2" max="2" width="25.5" style="10" bestFit="1" customWidth="1"/>
    <col min="3" max="7" width="9" style="10"/>
    <col min="8" max="8" width="29.125" style="10" bestFit="1" customWidth="1"/>
    <col min="9" max="9" width="11" style="10" customWidth="1"/>
    <col min="10" max="16384" width="9" style="10"/>
  </cols>
  <sheetData>
    <row r="1" spans="1:9" s="9" customFormat="1" x14ac:dyDescent="0.25">
      <c r="A1" s="4"/>
      <c r="B1" s="67" t="s">
        <v>23</v>
      </c>
      <c r="C1" s="67"/>
      <c r="D1" s="67"/>
      <c r="E1" s="67"/>
      <c r="F1" s="67"/>
      <c r="G1" s="67"/>
      <c r="H1" s="67"/>
      <c r="I1" s="8"/>
    </row>
    <row r="2" spans="1:9" s="9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4" t="s">
        <v>828</v>
      </c>
      <c r="B3" s="11" t="s">
        <v>844</v>
      </c>
      <c r="C3" s="11" t="s">
        <v>831</v>
      </c>
      <c r="D3" s="11" t="s">
        <v>846</v>
      </c>
      <c r="E3" s="11" t="s">
        <v>841</v>
      </c>
      <c r="F3" s="11" t="s">
        <v>343</v>
      </c>
      <c r="G3" s="11" t="str">
        <f>VLOOKUP(E3,'學生資料(不要打開)'!$A$2:$I$1769,4,FALSE)</f>
        <v xml:space="preserve">  8</v>
      </c>
      <c r="H3" s="11" t="s">
        <v>848</v>
      </c>
      <c r="I3" s="11" t="s">
        <v>845</v>
      </c>
    </row>
    <row r="4" spans="1:9" x14ac:dyDescent="0.25">
      <c r="A4" s="4" t="s">
        <v>828</v>
      </c>
      <c r="B4" s="11" t="s">
        <v>844</v>
      </c>
      <c r="C4" s="11" t="s">
        <v>831</v>
      </c>
      <c r="D4" s="11" t="s">
        <v>847</v>
      </c>
      <c r="E4" s="11" t="s">
        <v>842</v>
      </c>
      <c r="F4" s="11" t="s">
        <v>830</v>
      </c>
      <c r="G4" s="11" t="str">
        <f>VLOOKUP(E4,'學生資料(不要打開)'!$A$2:$I$1769,4,FALSE)</f>
        <v xml:space="preserve">  5</v>
      </c>
      <c r="H4" s="11" t="s">
        <v>849</v>
      </c>
      <c r="I4" s="11" t="s">
        <v>845</v>
      </c>
    </row>
    <row r="5" spans="1:9" x14ac:dyDescent="0.25">
      <c r="A5" s="4" t="s">
        <v>828</v>
      </c>
      <c r="B5" s="11" t="s">
        <v>844</v>
      </c>
      <c r="C5" s="11" t="s">
        <v>831</v>
      </c>
      <c r="D5" s="11" t="s">
        <v>846</v>
      </c>
      <c r="E5" s="11" t="s">
        <v>843</v>
      </c>
      <c r="F5" s="11" t="s">
        <v>346</v>
      </c>
      <c r="G5" s="11" t="str">
        <f>VLOOKUP(E5,'學生資料(不要打開)'!$A$2:$I$1769,4,FALSE)</f>
        <v xml:space="preserve"> 14</v>
      </c>
      <c r="H5" s="11" t="s">
        <v>850</v>
      </c>
      <c r="I5" s="11" t="s">
        <v>845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6"/>
  <dimension ref="A1:I7"/>
  <sheetViews>
    <sheetView workbookViewId="0">
      <selection activeCell="B24" sqref="B24"/>
    </sheetView>
  </sheetViews>
  <sheetFormatPr defaultRowHeight="15.75" x14ac:dyDescent="0.25"/>
  <cols>
    <col min="1" max="1" width="5.5" style="10" bestFit="1" customWidth="1"/>
    <col min="2" max="2" width="25.5" style="10" bestFit="1" customWidth="1"/>
    <col min="3" max="3" width="8" style="10" bestFit="1" customWidth="1"/>
    <col min="4" max="4" width="7.75" style="10" bestFit="1" customWidth="1"/>
    <col min="5" max="5" width="9.75" style="10" bestFit="1" customWidth="1"/>
    <col min="6" max="7" width="5.75" style="10" bestFit="1" customWidth="1"/>
    <col min="8" max="8" width="14.625" style="10" bestFit="1" customWidth="1"/>
    <col min="9" max="9" width="9.625" style="10" bestFit="1" customWidth="1"/>
    <col min="10" max="16384" width="9" style="10"/>
  </cols>
  <sheetData>
    <row r="1" spans="1:9" s="9" customFormat="1" x14ac:dyDescent="0.25">
      <c r="A1" s="4"/>
      <c r="B1" s="67" t="s">
        <v>13</v>
      </c>
      <c r="C1" s="67"/>
      <c r="D1" s="67"/>
      <c r="E1" s="67"/>
      <c r="F1" s="67"/>
      <c r="G1" s="67"/>
      <c r="H1" s="67"/>
      <c r="I1" s="5"/>
    </row>
    <row r="2" spans="1:9" s="9" customFormat="1" ht="31.5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9" customFormat="1" ht="31.5" x14ac:dyDescent="0.25">
      <c r="A3" s="4" t="s">
        <v>571</v>
      </c>
      <c r="B3" s="11" t="s">
        <v>627</v>
      </c>
      <c r="C3" s="11" t="s">
        <v>632</v>
      </c>
      <c r="D3" s="11" t="s">
        <v>302</v>
      </c>
      <c r="E3" s="11" t="s">
        <v>628</v>
      </c>
      <c r="F3" s="11" t="s">
        <v>629</v>
      </c>
      <c r="G3" s="11" t="str">
        <f>VLOOKUP(E3,'學生資料(不要打開)'!$A$2:$I$1769,4,FALSE)</f>
        <v xml:space="preserve"> 23</v>
      </c>
      <c r="H3" s="11" t="s">
        <v>630</v>
      </c>
      <c r="I3" s="11" t="s">
        <v>631</v>
      </c>
    </row>
    <row r="4" spans="1:9" ht="31.5" x14ac:dyDescent="0.25">
      <c r="A4" s="4" t="s">
        <v>828</v>
      </c>
      <c r="B4" s="11" t="s">
        <v>844</v>
      </c>
      <c r="C4" s="11" t="s">
        <v>632</v>
      </c>
      <c r="D4" s="11" t="s">
        <v>857</v>
      </c>
      <c r="E4" s="11" t="s">
        <v>851</v>
      </c>
      <c r="F4" s="11" t="s">
        <v>854</v>
      </c>
      <c r="G4" s="11" t="str">
        <f>VLOOKUP(E4,'學生資料(不要打開)'!$A$2:$I$1769,4,FALSE)</f>
        <v xml:space="preserve"> 10</v>
      </c>
      <c r="H4" s="11" t="s">
        <v>858</v>
      </c>
      <c r="I4" s="11" t="s">
        <v>845</v>
      </c>
    </row>
    <row r="5" spans="1:9" ht="31.5" x14ac:dyDescent="0.25">
      <c r="A5" s="4" t="s">
        <v>828</v>
      </c>
      <c r="B5" s="11" t="s">
        <v>844</v>
      </c>
      <c r="C5" s="11" t="s">
        <v>829</v>
      </c>
      <c r="D5" s="11" t="s">
        <v>846</v>
      </c>
      <c r="E5" s="11" t="s">
        <v>852</v>
      </c>
      <c r="F5" s="11" t="s">
        <v>855</v>
      </c>
      <c r="G5" s="11" t="str">
        <f>VLOOKUP(E5,'學生資料(不要打開)'!$A$2:$I$1769,4,FALSE)</f>
        <v xml:space="preserve"> 28</v>
      </c>
      <c r="H5" s="11" t="s">
        <v>859</v>
      </c>
      <c r="I5" s="11" t="s">
        <v>845</v>
      </c>
    </row>
    <row r="6" spans="1:9" ht="31.5" x14ac:dyDescent="0.25">
      <c r="A6" s="4" t="s">
        <v>828</v>
      </c>
      <c r="B6" s="11" t="s">
        <v>844</v>
      </c>
      <c r="C6" s="11" t="s">
        <v>632</v>
      </c>
      <c r="D6" s="11" t="s">
        <v>857</v>
      </c>
      <c r="E6" s="11" t="s">
        <v>349</v>
      </c>
      <c r="F6" s="11" t="s">
        <v>343</v>
      </c>
      <c r="G6" s="11" t="str">
        <f>VLOOKUP(E6,'學生資料(不要打開)'!$A$2:$I$1769,4,FALSE)</f>
        <v xml:space="preserve"> 30</v>
      </c>
      <c r="H6" s="11" t="s">
        <v>860</v>
      </c>
      <c r="I6" s="11" t="s">
        <v>845</v>
      </c>
    </row>
    <row r="7" spans="1:9" ht="31.5" x14ac:dyDescent="0.25">
      <c r="A7" s="4" t="s">
        <v>828</v>
      </c>
      <c r="B7" s="11" t="s">
        <v>844</v>
      </c>
      <c r="C7" s="11" t="s">
        <v>829</v>
      </c>
      <c r="D7" s="11" t="s">
        <v>846</v>
      </c>
      <c r="E7" s="11" t="s">
        <v>853</v>
      </c>
      <c r="F7" s="11" t="s">
        <v>856</v>
      </c>
      <c r="G7" s="11" t="str">
        <f>VLOOKUP(E7,'學生資料(不要打開)'!$A$2:$I$1769,4,FALSE)</f>
        <v xml:space="preserve"> 23</v>
      </c>
      <c r="H7" s="11" t="s">
        <v>861</v>
      </c>
      <c r="I7" s="11" t="s">
        <v>845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7"/>
  <dimension ref="A1:I4"/>
  <sheetViews>
    <sheetView workbookViewId="0">
      <selection activeCell="H37" sqref="H37"/>
    </sheetView>
  </sheetViews>
  <sheetFormatPr defaultRowHeight="15.75" x14ac:dyDescent="0.25"/>
  <cols>
    <col min="1" max="1" width="9" style="10"/>
    <col min="2" max="2" width="25.125" style="10" customWidth="1"/>
    <col min="3" max="8" width="9" style="10"/>
    <col min="9" max="9" width="17.25" style="10" bestFit="1" customWidth="1"/>
    <col min="10" max="16384" width="9" style="10"/>
  </cols>
  <sheetData>
    <row r="1" spans="1:9" s="7" customFormat="1" x14ac:dyDescent="0.25">
      <c r="B1" s="67" t="s">
        <v>20</v>
      </c>
      <c r="C1" s="67"/>
      <c r="D1" s="67"/>
      <c r="E1" s="67"/>
      <c r="F1" s="67"/>
      <c r="G1" s="67"/>
      <c r="H1" s="67"/>
      <c r="I1" s="5"/>
    </row>
    <row r="2" spans="1:9" s="7" customFormat="1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s="9" customFormat="1" x14ac:dyDescent="0.25">
      <c r="A3" s="4" t="s">
        <v>828</v>
      </c>
      <c r="B3" s="11" t="s">
        <v>863</v>
      </c>
      <c r="C3" s="11" t="s">
        <v>831</v>
      </c>
      <c r="D3" s="11" t="s">
        <v>864</v>
      </c>
      <c r="E3" s="11" t="s">
        <v>862</v>
      </c>
      <c r="F3" s="11" t="s">
        <v>830</v>
      </c>
      <c r="G3" s="11" t="str">
        <f>VLOOKUP(E3,'學生資料(不要打開)'!$A$2:$I$1769,4,FALSE)</f>
        <v xml:space="preserve">  3</v>
      </c>
      <c r="H3" s="11" t="s">
        <v>865</v>
      </c>
      <c r="I3" s="11" t="s">
        <v>866</v>
      </c>
    </row>
    <row r="4" spans="1:9" x14ac:dyDescent="0.25">
      <c r="A4" s="11" t="s">
        <v>1299</v>
      </c>
      <c r="B4" s="11" t="s">
        <v>1300</v>
      </c>
      <c r="C4" s="11" t="s">
        <v>1306</v>
      </c>
      <c r="D4" s="11" t="s">
        <v>1301</v>
      </c>
      <c r="E4" s="11" t="s">
        <v>1302</v>
      </c>
      <c r="F4" s="11" t="s">
        <v>1303</v>
      </c>
      <c r="G4" s="11" t="str">
        <f>VLOOKUP(E4,'學生資料(不要打開)'!$A$2:$I$1769,4,FALSE)</f>
        <v xml:space="preserve"> 15</v>
      </c>
      <c r="H4" s="11" t="s">
        <v>1304</v>
      </c>
      <c r="I4" s="11" t="s">
        <v>1305</v>
      </c>
    </row>
  </sheetData>
  <mergeCells count="1">
    <mergeCell ref="B1:H1"/>
  </mergeCells>
  <phoneticPr fontId="3" type="noConversion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工作表8"/>
  <dimension ref="A1:I4"/>
  <sheetViews>
    <sheetView workbookViewId="0">
      <selection activeCell="H37" sqref="H37"/>
    </sheetView>
  </sheetViews>
  <sheetFormatPr defaultRowHeight="15.75" x14ac:dyDescent="0.25"/>
  <cols>
    <col min="1" max="1" width="9" style="10"/>
    <col min="2" max="2" width="50.625" style="9" customWidth="1"/>
    <col min="3" max="3" width="9" style="9" bestFit="1" customWidth="1"/>
    <col min="4" max="16384" width="9" style="9"/>
  </cols>
  <sheetData>
    <row r="1" spans="1:9" x14ac:dyDescent="0.25">
      <c r="A1" s="7"/>
      <c r="B1" s="67" t="s">
        <v>16</v>
      </c>
      <c r="C1" s="67"/>
      <c r="D1" s="67"/>
      <c r="E1" s="67"/>
      <c r="F1" s="67"/>
      <c r="G1" s="67"/>
      <c r="H1" s="67"/>
      <c r="I1" s="8"/>
    </row>
    <row r="2" spans="1:9" x14ac:dyDescent="0.25">
      <c r="A2" s="4" t="s">
        <v>51</v>
      </c>
      <c r="B2" s="11" t="s">
        <v>0</v>
      </c>
      <c r="C2" s="11" t="s">
        <v>1</v>
      </c>
      <c r="D2" s="11" t="s">
        <v>2</v>
      </c>
      <c r="E2" s="11" t="s">
        <v>3</v>
      </c>
      <c r="F2" s="11" t="s">
        <v>4</v>
      </c>
      <c r="G2" s="11" t="s">
        <v>1315</v>
      </c>
      <c r="H2" s="11" t="s">
        <v>5</v>
      </c>
      <c r="I2" s="11" t="s">
        <v>6</v>
      </c>
    </row>
    <row r="3" spans="1:9" x14ac:dyDescent="0.25">
      <c r="A3" s="9"/>
    </row>
    <row r="4" spans="1:9" x14ac:dyDescent="0.25">
      <c r="A4" s="9"/>
    </row>
  </sheetData>
  <mergeCells count="1">
    <mergeCell ref="B1:H1"/>
  </mergeCells>
  <phoneticPr fontId="3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29</vt:i4>
      </vt:variant>
    </vt:vector>
  </HeadingPairs>
  <TitlesOfParts>
    <vt:vector size="29" baseType="lpstr">
      <vt:lpstr>幼稚園</vt:lpstr>
      <vt:lpstr>小學德育科</vt:lpstr>
      <vt:lpstr>小學電腦科</vt:lpstr>
      <vt:lpstr>小學體育科</vt:lpstr>
      <vt:lpstr>小學視藝科</vt:lpstr>
      <vt:lpstr>小學英文科</vt:lpstr>
      <vt:lpstr>小學中文科</vt:lpstr>
      <vt:lpstr>小學數學科</vt:lpstr>
      <vt:lpstr>小學常識科</vt:lpstr>
      <vt:lpstr>小學音樂科</vt:lpstr>
      <vt:lpstr>中學音樂科</vt:lpstr>
      <vt:lpstr>中學經濟科</vt:lpstr>
      <vt:lpstr>中學體育科</vt:lpstr>
      <vt:lpstr>中學視藝科</vt:lpstr>
      <vt:lpstr>中學其他科</vt:lpstr>
      <vt:lpstr>中學電腦科</vt:lpstr>
      <vt:lpstr>中學中文科</vt:lpstr>
      <vt:lpstr>中學英文科</vt:lpstr>
      <vt:lpstr>中學歷史科</vt:lpstr>
      <vt:lpstr>中學物理科</vt:lpstr>
      <vt:lpstr>中學生物科</vt:lpstr>
      <vt:lpstr>中學化學科</vt:lpstr>
      <vt:lpstr>中學科學科</vt:lpstr>
      <vt:lpstr>中學會計科</vt:lpstr>
      <vt:lpstr>中學地理科</vt:lpstr>
      <vt:lpstr>中學數學科</vt:lpstr>
      <vt:lpstr>中學社會與人文</vt:lpstr>
      <vt:lpstr>學生資料(不要打開)</vt:lpstr>
      <vt:lpstr>工作表2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梁倩兒</dc:creator>
  <cp:lastModifiedBy>asumuser</cp:lastModifiedBy>
  <cp:lastPrinted>2022-03-10T06:46:59Z</cp:lastPrinted>
  <dcterms:created xsi:type="dcterms:W3CDTF">2020-08-05T00:51:33Z</dcterms:created>
  <dcterms:modified xsi:type="dcterms:W3CDTF">2022-10-07T05:43:11Z</dcterms:modified>
</cp:coreProperties>
</file>